
<file path=[Content_Types].xml><?xml version="1.0" encoding="utf-8"?>
<Types xmlns="http://schemas.openxmlformats.org/package/2006/content-types">
  <Default Extension="bin" ContentType="image/pn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Slides/notesSlide1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4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3.xml" ContentType="application/vnd.openxmlformats-officedocument.presentationml.slideLayout+xml"/>
  <Override PartName="/ppt/notesSlides/notesSlide6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heme/theme3.xml" ContentType="application/vnd.openxmlformats-officedocument.theme+xml"/>
  <Override PartName="/ppt/theme/theme2.xml" ContentType="application/vnd.openxmlformats-officedocument.theme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customXml/itemProps1.xml" ContentType="application/vnd.openxmlformats-officedocument.customXmlPropertie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customXml/itemProps2.xml" ContentType="application/vnd.openxmlformats-officedocument.customXmlPropertie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tags/tag1008.xml" ContentType="application/vnd.openxmlformats-officedocument.presentationml.tags+xml"/>
  <Override PartName="/ppt/tags/tag1009.xml" ContentType="application/vnd.openxmlformats-officedocument.presentationml.tags+xml"/>
  <Override PartName="/ppt/tags/tag1010.xml" ContentType="application/vnd.openxmlformats-officedocument.presentationml.tags+xml"/>
  <Override PartName="/ppt/tags/tag1011.xml" ContentType="application/vnd.openxmlformats-officedocument.presentationml.tags+xml"/>
  <Override PartName="/ppt/tags/tag1012.xml" ContentType="application/vnd.openxmlformats-officedocument.presentationml.tags+xml"/>
  <Override PartName="/ppt/tags/tag1013.xml" ContentType="application/vnd.openxmlformats-officedocument.presentationml.tags+xml"/>
  <Override PartName="/ppt/tags/tag1014.xml" ContentType="application/vnd.openxmlformats-officedocument.presentationml.tags+xml"/>
  <Override PartName="/ppt/tags/tag1015.xml" ContentType="application/vnd.openxmlformats-officedocument.presentationml.tags+xml"/>
  <Override PartName="/ppt/tags/tag1016.xml" ContentType="application/vnd.openxmlformats-officedocument.presentationml.tags+xml"/>
  <Override PartName="/ppt/tags/tag1017.xml" ContentType="application/vnd.openxmlformats-officedocument.presentationml.tags+xml"/>
  <Override PartName="/ppt/tags/tag1018.xml" ContentType="application/vnd.openxmlformats-officedocument.presentationml.tags+xml"/>
  <Override PartName="/ppt/tags/tag1019.xml" ContentType="application/vnd.openxmlformats-officedocument.presentationml.tags+xml"/>
  <Override PartName="/ppt/tags/tag1020.xml" ContentType="application/vnd.openxmlformats-officedocument.presentationml.tags+xml"/>
  <Override PartName="/ppt/tags/tag1021.xml" ContentType="application/vnd.openxmlformats-officedocument.presentationml.tags+xml"/>
  <Override PartName="/ppt/tags/tag1022.xml" ContentType="application/vnd.openxmlformats-officedocument.presentationml.tags+xml"/>
  <Override PartName="/ppt/tags/tag1023.xml" ContentType="application/vnd.openxmlformats-officedocument.presentationml.tags+xml"/>
  <Override PartName="/ppt/tags/tag1024.xml" ContentType="application/vnd.openxmlformats-officedocument.presentationml.tags+xml"/>
  <Override PartName="/ppt/tags/tag1025.xml" ContentType="application/vnd.openxmlformats-officedocument.presentationml.tags+xml"/>
  <Override PartName="/ppt/tags/tag1026.xml" ContentType="application/vnd.openxmlformats-officedocument.presentationml.tags+xml"/>
  <Override PartName="/ppt/tags/tag1027.xml" ContentType="application/vnd.openxmlformats-officedocument.presentationml.tags+xml"/>
  <Override PartName="/ppt/tags/tag1028.xml" ContentType="application/vnd.openxmlformats-officedocument.presentationml.tags+xml"/>
  <Override PartName="/ppt/tags/tag1029.xml" ContentType="application/vnd.openxmlformats-officedocument.presentationml.tags+xml"/>
  <Override PartName="/ppt/tags/tag1030.xml" ContentType="application/vnd.openxmlformats-officedocument.presentationml.tags+xml"/>
  <Override PartName="/ppt/tags/tag1031.xml" ContentType="application/vnd.openxmlformats-officedocument.presentationml.tags+xml"/>
  <Override PartName="/ppt/tags/tag1032.xml" ContentType="application/vnd.openxmlformats-officedocument.presentationml.tags+xml"/>
  <Override PartName="/ppt/tags/tag1033.xml" ContentType="application/vnd.openxmlformats-officedocument.presentationml.tags+xml"/>
  <Override PartName="/ppt/tags/tag1034.xml" ContentType="application/vnd.openxmlformats-officedocument.presentationml.tags+xml"/>
  <Override PartName="/ppt/tags/tag1035.xml" ContentType="application/vnd.openxmlformats-officedocument.presentationml.tags+xml"/>
  <Override PartName="/ppt/tags/tag1036.xml" ContentType="application/vnd.openxmlformats-officedocument.presentationml.tags+xml"/>
  <Override PartName="/ppt/tags/tag1037.xml" ContentType="application/vnd.openxmlformats-officedocument.presentationml.tags+xml"/>
  <Override PartName="/ppt/tags/tag1038.xml" ContentType="application/vnd.openxmlformats-officedocument.presentationml.tags+xml"/>
  <Override PartName="/ppt/tags/tag1039.xml" ContentType="application/vnd.openxmlformats-officedocument.presentationml.tags+xml"/>
  <Override PartName="/ppt/tags/tag1040.xml" ContentType="application/vnd.openxmlformats-officedocument.presentationml.tags+xml"/>
  <Override PartName="/ppt/tags/tag1041.xml" ContentType="application/vnd.openxmlformats-officedocument.presentationml.tags+xml"/>
  <Override PartName="/ppt/tags/tag1042.xml" ContentType="application/vnd.openxmlformats-officedocument.presentationml.tags+xml"/>
  <Override PartName="/ppt/tags/tag1043.xml" ContentType="application/vnd.openxmlformats-officedocument.presentationml.tags+xml"/>
  <Override PartName="/ppt/tags/tag1044.xml" ContentType="application/vnd.openxmlformats-officedocument.presentationml.tags+xml"/>
  <Override PartName="/ppt/tags/tag1045.xml" ContentType="application/vnd.openxmlformats-officedocument.presentationml.tags+xml"/>
  <Override PartName="/ppt/tags/tag1046.xml" ContentType="application/vnd.openxmlformats-officedocument.presentationml.tags+xml"/>
  <Override PartName="/ppt/tags/tag1047.xml" ContentType="application/vnd.openxmlformats-officedocument.presentationml.tags+xml"/>
  <Override PartName="/ppt/tags/tag1048.xml" ContentType="application/vnd.openxmlformats-officedocument.presentationml.tags+xml"/>
  <Override PartName="/ppt/tags/tag1049.xml" ContentType="application/vnd.openxmlformats-officedocument.presentationml.tags+xml"/>
  <Override PartName="/ppt/tags/tag1050.xml" ContentType="application/vnd.openxmlformats-officedocument.presentationml.tags+xml"/>
  <Override PartName="/ppt/tags/tag1051.xml" ContentType="application/vnd.openxmlformats-officedocument.presentationml.tags+xml"/>
  <Override PartName="/ppt/tags/tag1052.xml" ContentType="application/vnd.openxmlformats-officedocument.presentationml.tags+xml"/>
  <Override PartName="/ppt/tags/tag1053.xml" ContentType="application/vnd.openxmlformats-officedocument.presentationml.tags+xml"/>
  <Override PartName="/ppt/tags/tag1054.xml" ContentType="application/vnd.openxmlformats-officedocument.presentationml.tags+xml"/>
  <Override PartName="/ppt/tags/tag1055.xml" ContentType="application/vnd.openxmlformats-officedocument.presentationml.tags+xml"/>
  <Override PartName="/ppt/tags/tag1056.xml" ContentType="application/vnd.openxmlformats-officedocument.presentationml.tags+xml"/>
  <Override PartName="/ppt/tags/tag1057.xml" ContentType="application/vnd.openxmlformats-officedocument.presentationml.tags+xml"/>
  <Override PartName="/ppt/tags/tag1058.xml" ContentType="application/vnd.openxmlformats-officedocument.presentationml.tags+xml"/>
  <Override PartName="/ppt/tags/tag1059.xml" ContentType="application/vnd.openxmlformats-officedocument.presentationml.tags+xml"/>
  <Override PartName="/ppt/tags/tag1060.xml" ContentType="application/vnd.openxmlformats-officedocument.presentationml.tags+xml"/>
  <Override PartName="/ppt/tags/tag1061.xml" ContentType="application/vnd.openxmlformats-officedocument.presentationml.tags+xml"/>
  <Override PartName="/ppt/tags/tag1062.xml" ContentType="application/vnd.openxmlformats-officedocument.presentationml.tags+xml"/>
  <Override PartName="/ppt/tags/tag1063.xml" ContentType="application/vnd.openxmlformats-officedocument.presentationml.tags+xml"/>
  <Override PartName="/ppt/tags/tag1064.xml" ContentType="application/vnd.openxmlformats-officedocument.presentationml.tags+xml"/>
  <Override PartName="/ppt/tags/tag1065.xml" ContentType="application/vnd.openxmlformats-officedocument.presentationml.tags+xml"/>
  <Override PartName="/ppt/tags/tag1066.xml" ContentType="application/vnd.openxmlformats-officedocument.presentationml.tags+xml"/>
  <Override PartName="/ppt/tags/tag1067.xml" ContentType="application/vnd.openxmlformats-officedocument.presentationml.tags+xml"/>
  <Override PartName="/ppt/tags/tag1068.xml" ContentType="application/vnd.openxmlformats-officedocument.presentationml.tags+xml"/>
  <Override PartName="/ppt/tags/tag1069.xml" ContentType="application/vnd.openxmlformats-officedocument.presentationml.tags+xml"/>
  <Override PartName="/ppt/tags/tag1070.xml" ContentType="application/vnd.openxmlformats-officedocument.presentationml.tags+xml"/>
  <Override PartName="/ppt/tags/tag1071.xml" ContentType="application/vnd.openxmlformats-officedocument.presentationml.tags+xml"/>
  <Override PartName="/ppt/tags/tag1072.xml" ContentType="application/vnd.openxmlformats-officedocument.presentationml.tags+xml"/>
  <Override PartName="/ppt/tags/tag1073.xml" ContentType="application/vnd.openxmlformats-officedocument.presentationml.tags+xml"/>
  <Override PartName="/ppt/tags/tag1074.xml" ContentType="application/vnd.openxmlformats-officedocument.presentationml.tags+xml"/>
  <Override PartName="/ppt/tags/tag1075.xml" ContentType="application/vnd.openxmlformats-officedocument.presentationml.tags+xml"/>
  <Override PartName="/ppt/tags/tag1076.xml" ContentType="application/vnd.openxmlformats-officedocument.presentationml.tags+xml"/>
  <Override PartName="/ppt/tags/tag1077.xml" ContentType="application/vnd.openxmlformats-officedocument.presentationml.tags+xml"/>
  <Override PartName="/ppt/tags/tag1078.xml" ContentType="application/vnd.openxmlformats-officedocument.presentationml.tags+xml"/>
  <Override PartName="/ppt/tags/tag1079.xml" ContentType="application/vnd.openxmlformats-officedocument.presentationml.tags+xml"/>
  <Override PartName="/ppt/tags/tag1080.xml" ContentType="application/vnd.openxmlformats-officedocument.presentationml.tags+xml"/>
  <Override PartName="/ppt/tags/tag1081.xml" ContentType="application/vnd.openxmlformats-officedocument.presentationml.tags+xml"/>
  <Override PartName="/ppt/tags/tag1082.xml" ContentType="application/vnd.openxmlformats-officedocument.presentationml.tags+xml"/>
  <Override PartName="/ppt/tags/tag1083.xml" ContentType="application/vnd.openxmlformats-officedocument.presentationml.tags+xml"/>
  <Override PartName="/ppt/tags/tag1084.xml" ContentType="application/vnd.openxmlformats-officedocument.presentationml.tags+xml"/>
  <Override PartName="/ppt/tags/tag1085.xml" ContentType="application/vnd.openxmlformats-officedocument.presentationml.tags+xml"/>
  <Override PartName="/ppt/tags/tag1086.xml" ContentType="application/vnd.openxmlformats-officedocument.presentationml.tags+xml"/>
  <Override PartName="/ppt/tags/tag1087.xml" ContentType="application/vnd.openxmlformats-officedocument.presentationml.tags+xml"/>
  <Override PartName="/ppt/tags/tag1088.xml" ContentType="application/vnd.openxmlformats-officedocument.presentationml.tags+xml"/>
  <Override PartName="/ppt/tags/tag1089.xml" ContentType="application/vnd.openxmlformats-officedocument.presentationml.tags+xml"/>
  <Override PartName="/ppt/tags/tag1090.xml" ContentType="application/vnd.openxmlformats-officedocument.presentationml.tags+xml"/>
  <Override PartName="/ppt/tags/tag1091.xml" ContentType="application/vnd.openxmlformats-officedocument.presentationml.tags+xml"/>
  <Override PartName="/ppt/tags/tag1092.xml" ContentType="application/vnd.openxmlformats-officedocument.presentationml.tags+xml"/>
  <Override PartName="/ppt/tags/tag1093.xml" ContentType="application/vnd.openxmlformats-officedocument.presentationml.tags+xml"/>
  <Override PartName="/ppt/tags/tag1094.xml" ContentType="application/vnd.openxmlformats-officedocument.presentationml.tags+xml"/>
  <Override PartName="/ppt/tags/tag1095.xml" ContentType="application/vnd.openxmlformats-officedocument.presentationml.tags+xml"/>
  <Override PartName="/ppt/tags/tag1096.xml" ContentType="application/vnd.openxmlformats-officedocument.presentationml.tags+xml"/>
  <Override PartName="/ppt/tags/tag1097.xml" ContentType="application/vnd.openxmlformats-officedocument.presentationml.tags+xml"/>
  <Override PartName="/ppt/tags/tag1098.xml" ContentType="application/vnd.openxmlformats-officedocument.presentationml.tags+xml"/>
  <Override PartName="/ppt/tags/tag1099.xml" ContentType="application/vnd.openxmlformats-officedocument.presentationml.tags+xml"/>
  <Override PartName="/ppt/tags/tag1100.xml" ContentType="application/vnd.openxmlformats-officedocument.presentationml.tags+xml"/>
  <Override PartName="/ppt/tags/tag1101.xml" ContentType="application/vnd.openxmlformats-officedocument.presentationml.tags+xml"/>
  <Override PartName="/ppt/tags/tag1102.xml" ContentType="application/vnd.openxmlformats-officedocument.presentationml.tags+xml"/>
  <Override PartName="/ppt/tags/tag1103.xml" ContentType="application/vnd.openxmlformats-officedocument.presentationml.tags+xml"/>
  <Override PartName="/ppt/tags/tag1104.xml" ContentType="application/vnd.openxmlformats-officedocument.presentationml.tags+xml"/>
  <Override PartName="/ppt/tags/tag1105.xml" ContentType="application/vnd.openxmlformats-officedocument.presentationml.tags+xml"/>
  <Override PartName="/ppt/tags/tag1106.xml" ContentType="application/vnd.openxmlformats-officedocument.presentationml.tags+xml"/>
  <Override PartName="/ppt/tags/tag1107.xml" ContentType="application/vnd.openxmlformats-officedocument.presentationml.tags+xml"/>
  <Override PartName="/ppt/tags/tag1108.xml" ContentType="application/vnd.openxmlformats-officedocument.presentationml.tags+xml"/>
  <Override PartName="/ppt/tags/tag1109.xml" ContentType="application/vnd.openxmlformats-officedocument.presentationml.tags+xml"/>
  <Override PartName="/ppt/tags/tag1110.xml" ContentType="application/vnd.openxmlformats-officedocument.presentationml.tags+xml"/>
  <Override PartName="/ppt/tags/tag1111.xml" ContentType="application/vnd.openxmlformats-officedocument.presentationml.tags+xml"/>
  <Override PartName="/ppt/tags/tag1112.xml" ContentType="application/vnd.openxmlformats-officedocument.presentationml.tags+xml"/>
  <Override PartName="/ppt/tags/tag1113.xml" ContentType="application/vnd.openxmlformats-officedocument.presentationml.tags+xml"/>
  <Override PartName="/ppt/tags/tag1114.xml" ContentType="application/vnd.openxmlformats-officedocument.presentationml.tags+xml"/>
  <Override PartName="/ppt/tags/tag1115.xml" ContentType="application/vnd.openxmlformats-officedocument.presentationml.tags+xml"/>
  <Override PartName="/ppt/tags/tag1116.xml" ContentType="application/vnd.openxmlformats-officedocument.presentationml.tags+xml"/>
  <Override PartName="/ppt/tags/tag1117.xml" ContentType="application/vnd.openxmlformats-officedocument.presentationml.tags+xml"/>
  <Override PartName="/ppt/tags/tag1118.xml" ContentType="application/vnd.openxmlformats-officedocument.presentationml.tags+xml"/>
  <Override PartName="/ppt/tags/tag1119.xml" ContentType="application/vnd.openxmlformats-officedocument.presentationml.tags+xml"/>
  <Override PartName="/ppt/tags/tag1120.xml" ContentType="application/vnd.openxmlformats-officedocument.presentationml.tags+xml"/>
  <Override PartName="/ppt/tags/tag1121.xml" ContentType="application/vnd.openxmlformats-officedocument.presentationml.tags+xml"/>
  <Override PartName="/ppt/tags/tag1122.xml" ContentType="application/vnd.openxmlformats-officedocument.presentationml.tags+xml"/>
  <Override PartName="/ppt/tags/tag1123.xml" ContentType="application/vnd.openxmlformats-officedocument.presentationml.tags+xml"/>
  <Override PartName="/ppt/tags/tag1124.xml" ContentType="application/vnd.openxmlformats-officedocument.presentationml.tags+xml"/>
  <Override PartName="/ppt/tags/tag1125.xml" ContentType="application/vnd.openxmlformats-officedocument.presentationml.tags+xml"/>
  <Override PartName="/ppt/tags/tag1126.xml" ContentType="application/vnd.openxmlformats-officedocument.presentationml.tags+xml"/>
  <Override PartName="/ppt/tags/tag1127.xml" ContentType="application/vnd.openxmlformats-officedocument.presentationml.tags+xml"/>
  <Override PartName="/ppt/tags/tag1128.xml" ContentType="application/vnd.openxmlformats-officedocument.presentationml.tags+xml"/>
  <Override PartName="/ppt/tags/tag1129.xml" ContentType="application/vnd.openxmlformats-officedocument.presentationml.tags+xml"/>
  <Override PartName="/ppt/tags/tag1130.xml" ContentType="application/vnd.openxmlformats-officedocument.presentationml.tags+xml"/>
  <Override PartName="/ppt/tags/tag1131.xml" ContentType="application/vnd.openxmlformats-officedocument.presentationml.tags+xml"/>
  <Override PartName="/ppt/tags/tag1132.xml" ContentType="application/vnd.openxmlformats-officedocument.presentationml.tags+xml"/>
  <Override PartName="/ppt/tags/tag1133.xml" ContentType="application/vnd.openxmlformats-officedocument.presentationml.tags+xml"/>
  <Override PartName="/ppt/tags/tag1134.xml" ContentType="application/vnd.openxmlformats-officedocument.presentationml.tags+xml"/>
  <Override PartName="/ppt/tags/tag1135.xml" ContentType="application/vnd.openxmlformats-officedocument.presentationml.tags+xml"/>
  <Override PartName="/ppt/tags/tag1136.xml" ContentType="application/vnd.openxmlformats-officedocument.presentationml.tags+xml"/>
  <Override PartName="/ppt/tags/tag1137.xml" ContentType="application/vnd.openxmlformats-officedocument.presentationml.tags+xml"/>
  <Override PartName="/ppt/tags/tag1138.xml" ContentType="application/vnd.openxmlformats-officedocument.presentationml.tags+xml"/>
  <Override PartName="/ppt/tags/tag1139.xml" ContentType="application/vnd.openxmlformats-officedocument.presentationml.tags+xml"/>
  <Override PartName="/ppt/tags/tag1140.xml" ContentType="application/vnd.openxmlformats-officedocument.presentationml.tags+xml"/>
  <Override PartName="/ppt/tags/tag1141.xml" ContentType="application/vnd.openxmlformats-officedocument.presentationml.tags+xml"/>
  <Override PartName="/ppt/tags/tag1142.xml" ContentType="application/vnd.openxmlformats-officedocument.presentationml.tags+xml"/>
  <Override PartName="/ppt/tags/tag1143.xml" ContentType="application/vnd.openxmlformats-officedocument.presentationml.tags+xml"/>
  <Override PartName="/ppt/tags/tag960.xml" ContentType="application/vnd.openxmlformats-officedocument.presentationml.tags+xml"/>
  <Override PartName="/ppt/tags/tag1145.xml" ContentType="application/vnd.openxmlformats-officedocument.presentationml.tags+xml"/>
  <Override PartName="/ppt/tags/tag1146.xml" ContentType="application/vnd.openxmlformats-officedocument.presentationml.tags+xml"/>
  <Override PartName="/ppt/tags/tag1147.xml" ContentType="application/vnd.openxmlformats-officedocument.presentationml.tags+xml"/>
  <Override PartName="/ppt/tags/tag1148.xml" ContentType="application/vnd.openxmlformats-officedocument.presentationml.tags+xml"/>
  <Override PartName="/ppt/tags/tag1149.xml" ContentType="application/vnd.openxmlformats-officedocument.presentationml.tags+xml"/>
  <Override PartName="/ppt/tags/tag1150.xml" ContentType="application/vnd.openxmlformats-officedocument.presentationml.tags+xml"/>
  <Override PartName="/ppt/tags/tag1151.xml" ContentType="application/vnd.openxmlformats-officedocument.presentationml.tags+xml"/>
  <Override PartName="/ppt/tags/tag1152.xml" ContentType="application/vnd.openxmlformats-officedocument.presentationml.tags+xml"/>
  <Override PartName="/ppt/tags/tag1153.xml" ContentType="application/vnd.openxmlformats-officedocument.presentationml.tags+xml"/>
  <Override PartName="/ppt/tags/tag1154.xml" ContentType="application/vnd.openxmlformats-officedocument.presentationml.tags+xml"/>
  <Override PartName="/ppt/tags/tag1155.xml" ContentType="application/vnd.openxmlformats-officedocument.presentationml.tags+xml"/>
  <Override PartName="/ppt/tags/tag1156.xml" ContentType="application/vnd.openxmlformats-officedocument.presentationml.tags+xml"/>
  <Override PartName="/ppt/tags/tag1157.xml" ContentType="application/vnd.openxmlformats-officedocument.presentationml.tags+xml"/>
  <Override PartName="/ppt/tags/tag1158.xml" ContentType="application/vnd.openxmlformats-officedocument.presentationml.tags+xml"/>
  <Override PartName="/ppt/tags/tag1159.xml" ContentType="application/vnd.openxmlformats-officedocument.presentationml.tags+xml"/>
  <Override PartName="/ppt/tags/tag1160.xml" ContentType="application/vnd.openxmlformats-officedocument.presentationml.tags+xml"/>
  <Override PartName="/ppt/tags/tag1161.xml" ContentType="application/vnd.openxmlformats-officedocument.presentationml.tags+xml"/>
  <Override PartName="/ppt/tags/tag1162.xml" ContentType="application/vnd.openxmlformats-officedocument.presentationml.tags+xml"/>
  <Override PartName="/ppt/tags/tag1163.xml" ContentType="application/vnd.openxmlformats-officedocument.presentationml.tags+xml"/>
  <Override PartName="/ppt/tags/tag1164.xml" ContentType="application/vnd.openxmlformats-officedocument.presentationml.tags+xml"/>
  <Override PartName="/ppt/tags/tag1165.xml" ContentType="application/vnd.openxmlformats-officedocument.presentationml.tags+xml"/>
  <Override PartName="/ppt/tags/tag1166.xml" ContentType="application/vnd.openxmlformats-officedocument.presentationml.tags+xml"/>
  <Override PartName="/ppt/tags/tag1167.xml" ContentType="application/vnd.openxmlformats-officedocument.presentationml.tags+xml"/>
  <Override PartName="/ppt/tags/tag1168.xml" ContentType="application/vnd.openxmlformats-officedocument.presentationml.tags+xml"/>
  <Override PartName="/ppt/tags/tag1169.xml" ContentType="application/vnd.openxmlformats-officedocument.presentationml.tags+xml"/>
  <Override PartName="/ppt/tags/tag1170.xml" ContentType="application/vnd.openxmlformats-officedocument.presentationml.tags+xml"/>
  <Override PartName="/ppt/tags/tag1171.xml" ContentType="application/vnd.openxmlformats-officedocument.presentationml.tags+xml"/>
  <Override PartName="/ppt/tags/tag1172.xml" ContentType="application/vnd.openxmlformats-officedocument.presentationml.tags+xml"/>
  <Override PartName="/ppt/tags/tag1173.xml" ContentType="application/vnd.openxmlformats-officedocument.presentationml.tags+xml"/>
  <Override PartName="/ppt/tags/tag1174.xml" ContentType="application/vnd.openxmlformats-officedocument.presentationml.tags+xml"/>
  <Override PartName="/ppt/tags/tag1175.xml" ContentType="application/vnd.openxmlformats-officedocument.presentationml.tags+xml"/>
  <Override PartName="/ppt/tags/tag1176.xml" ContentType="application/vnd.openxmlformats-officedocument.presentationml.tags+xml"/>
  <Override PartName="/ppt/tags/tag1177.xml" ContentType="application/vnd.openxmlformats-officedocument.presentationml.tags+xml"/>
  <Override PartName="/ppt/tags/tag1178.xml" ContentType="application/vnd.openxmlformats-officedocument.presentationml.tags+xml"/>
  <Override PartName="/ppt/tags/tag1179.xml" ContentType="application/vnd.openxmlformats-officedocument.presentationml.tags+xml"/>
  <Override PartName="/ppt/tags/tag1180.xml" ContentType="application/vnd.openxmlformats-officedocument.presentationml.tags+xml"/>
  <Override PartName="/ppt/tags/tag1181.xml" ContentType="application/vnd.openxmlformats-officedocument.presentationml.tags+xml"/>
  <Override PartName="/ppt/tags/tag1182.xml" ContentType="application/vnd.openxmlformats-officedocument.presentationml.tags+xml"/>
  <Override PartName="/ppt/tags/tag1183.xml" ContentType="application/vnd.openxmlformats-officedocument.presentationml.tags+xml"/>
  <Override PartName="/ppt/tags/tag1184.xml" ContentType="application/vnd.openxmlformats-officedocument.presentationml.tags+xml"/>
  <Override PartName="/ppt/tags/tag1185.xml" ContentType="application/vnd.openxmlformats-officedocument.presentationml.tags+xml"/>
  <Override PartName="/ppt/tags/tag1186.xml" ContentType="application/vnd.openxmlformats-officedocument.presentationml.tags+xml"/>
  <Override PartName="/ppt/tags/tag1187.xml" ContentType="application/vnd.openxmlformats-officedocument.presentationml.tags+xml"/>
  <Override PartName="/ppt/tags/tag1188.xml" ContentType="application/vnd.openxmlformats-officedocument.presentationml.tags+xml"/>
  <Override PartName="/ppt/tags/tag1189.xml" ContentType="application/vnd.openxmlformats-officedocument.presentationml.tags+xml"/>
  <Override PartName="/ppt/tags/tag1190.xml" ContentType="application/vnd.openxmlformats-officedocument.presentationml.tags+xml"/>
  <Override PartName="/ppt/tags/tag1191.xml" ContentType="application/vnd.openxmlformats-officedocument.presentationml.tags+xml"/>
  <Override PartName="/ppt/tags/tag1192.xml" ContentType="application/vnd.openxmlformats-officedocument.presentationml.tags+xml"/>
  <Override PartName="/ppt/tags/tag1193.xml" ContentType="application/vnd.openxmlformats-officedocument.presentationml.tags+xml"/>
  <Override PartName="/ppt/tags/tag1194.xml" ContentType="application/vnd.openxmlformats-officedocument.presentationml.tags+xml"/>
  <Override PartName="/ppt/tags/tag1195.xml" ContentType="application/vnd.openxmlformats-officedocument.presentationml.tags+xml"/>
  <Override PartName="/ppt/tags/tag1196.xml" ContentType="application/vnd.openxmlformats-officedocument.presentationml.tags+xml"/>
  <Override PartName="/ppt/tags/tag1197.xml" ContentType="application/vnd.openxmlformats-officedocument.presentationml.tags+xml"/>
  <Override PartName="/ppt/tags/tag1198.xml" ContentType="application/vnd.openxmlformats-officedocument.presentationml.tags+xml"/>
  <Override PartName="/ppt/tags/tag1199.xml" ContentType="application/vnd.openxmlformats-officedocument.presentationml.tags+xml"/>
  <Override PartName="/ppt/tags/tag1200.xml" ContentType="application/vnd.openxmlformats-officedocument.presentationml.tags+xml"/>
  <Override PartName="/ppt/tags/tag1201.xml" ContentType="application/vnd.openxmlformats-officedocument.presentationml.tags+xml"/>
  <Override PartName="/ppt/tags/tag1202.xml" ContentType="application/vnd.openxmlformats-officedocument.presentationml.tags+xml"/>
  <Override PartName="/ppt/tags/tag1203.xml" ContentType="application/vnd.openxmlformats-officedocument.presentationml.tags+xml"/>
  <Override PartName="/ppt/tags/tag1204.xml" ContentType="application/vnd.openxmlformats-officedocument.presentationml.tags+xml"/>
  <Override PartName="/ppt/tags/tag1205.xml" ContentType="application/vnd.openxmlformats-officedocument.presentationml.tags+xml"/>
  <Override PartName="/ppt/tags/tag1206.xml" ContentType="application/vnd.openxmlformats-officedocument.presentationml.tags+xml"/>
  <Override PartName="/ppt/tags/tag1207.xml" ContentType="application/vnd.openxmlformats-officedocument.presentationml.tags+xml"/>
  <Override PartName="/ppt/tags/tag1208.xml" ContentType="application/vnd.openxmlformats-officedocument.presentationml.tags+xml"/>
  <Override PartName="/ppt/tags/tag1209.xml" ContentType="application/vnd.openxmlformats-officedocument.presentationml.tags+xml"/>
  <Override PartName="/ppt/tags/tag1210.xml" ContentType="application/vnd.openxmlformats-officedocument.presentationml.tags+xml"/>
  <Override PartName="/ppt/tags/tag1211.xml" ContentType="application/vnd.openxmlformats-officedocument.presentationml.tags+xml"/>
  <Override PartName="/ppt/tags/tag1212.xml" ContentType="application/vnd.openxmlformats-officedocument.presentationml.tags+xml"/>
  <Override PartName="/ppt/tags/tag1213.xml" ContentType="application/vnd.openxmlformats-officedocument.presentationml.tags+xml"/>
  <Override PartName="/ppt/tags/tag1214.xml" ContentType="application/vnd.openxmlformats-officedocument.presentationml.tags+xml"/>
  <Override PartName="/ppt/tags/tag1215.xml" ContentType="application/vnd.openxmlformats-officedocument.presentationml.tags+xml"/>
  <Override PartName="/ppt/tags/tag1216.xml" ContentType="application/vnd.openxmlformats-officedocument.presentationml.tags+xml"/>
  <Override PartName="/ppt/tags/tag1217.xml" ContentType="application/vnd.openxmlformats-officedocument.presentationml.tags+xml"/>
  <Override PartName="/ppt/tags/tag1218.xml" ContentType="application/vnd.openxmlformats-officedocument.presentationml.tags+xml"/>
  <Override PartName="/ppt/tags/tag1219.xml" ContentType="application/vnd.openxmlformats-officedocument.presentationml.tags+xml"/>
  <Override PartName="/ppt/tags/tag1220.xml" ContentType="application/vnd.openxmlformats-officedocument.presentationml.tags+xml"/>
  <Override PartName="/ppt/tags/tag1221.xml" ContentType="application/vnd.openxmlformats-officedocument.presentationml.tags+xml"/>
  <Override PartName="/ppt/tags/tag1222.xml" ContentType="application/vnd.openxmlformats-officedocument.presentationml.tags+xml"/>
  <Override PartName="/ppt/tags/tag1223.xml" ContentType="application/vnd.openxmlformats-officedocument.presentationml.tags+xml"/>
  <Override PartName="/ppt/tags/tag1224.xml" ContentType="application/vnd.openxmlformats-officedocument.presentationml.tags+xml"/>
  <Override PartName="/ppt/tags/tag1225.xml" ContentType="application/vnd.openxmlformats-officedocument.presentationml.tags+xml"/>
  <Override PartName="/ppt/tags/tag1226.xml" ContentType="application/vnd.openxmlformats-officedocument.presentationml.tags+xml"/>
  <Override PartName="/ppt/tags/tag1227.xml" ContentType="application/vnd.openxmlformats-officedocument.presentationml.tags+xml"/>
  <Override PartName="/customXml/itemProps3.xml" ContentType="application/vnd.openxmlformats-officedocument.customXmlPropertie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ppt/tags/tag1144.xml" ContentType="application/vnd.openxmlformats-officedocument.presentationml.tags+xml"/>
  <Override PartName="/customXml/itemProps40.xml" ContentType="application/vnd.openxmlformats-officedocument.customXmlProperties+xml"/>
  <Override PartName="/customXml/itemProps39.xml" ContentType="application/vnd.openxmlformats-officedocument.customXmlProperties+xml"/>
  <Override PartName="/customXml/itemProps41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39"/>
  </p:sldMasterIdLst>
  <p:notesMasterIdLst>
    <p:notesMasterId r:id="rId53"/>
  </p:notesMasterIdLst>
  <p:handoutMasterIdLst>
    <p:handoutMasterId r:id="rId54"/>
  </p:handoutMasterIdLst>
  <p:sldIdLst>
    <p:sldId id="256" r:id="rId40"/>
    <p:sldId id="260" r:id="rId41"/>
    <p:sldId id="261" r:id="rId42"/>
    <p:sldId id="262" r:id="rId43"/>
    <p:sldId id="263" r:id="rId44"/>
    <p:sldId id="265" r:id="rId45"/>
    <p:sldId id="266" r:id="rId46"/>
    <p:sldId id="267" r:id="rId47"/>
    <p:sldId id="268" r:id="rId48"/>
    <p:sldId id="270" r:id="rId49"/>
    <p:sldId id="271" r:id="rId50"/>
    <p:sldId id="272" r:id="rId51"/>
    <p:sldId id="273" r:id="rId5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97" autoAdjust="0"/>
    <p:restoredTop sz="94591" autoAdjust="0"/>
  </p:normalViewPr>
  <p:slideViewPr>
    <p:cSldViewPr snapToGrid="0" showGuides="1">
      <p:cViewPr>
        <p:scale>
          <a:sx n="75" d="100"/>
          <a:sy n="75" d="100"/>
        </p:scale>
        <p:origin x="882" y="111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Master" Target="slideMasters/slideMaster1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slide" Target="slides/slide3.xml"/><Relationship Id="rId47" Type="http://schemas.openxmlformats.org/officeDocument/2006/relationships/slide" Target="slides/slide8.xml"/><Relationship Id="rId50" Type="http://schemas.openxmlformats.org/officeDocument/2006/relationships/slide" Target="slides/slide11.xml"/><Relationship Id="rId55" Type="http://schemas.openxmlformats.org/officeDocument/2006/relationships/presProps" Target="presProp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slide" Target="slides/slide1.xml"/><Relationship Id="rId45" Type="http://schemas.openxmlformats.org/officeDocument/2006/relationships/slide" Target="slides/slide6.xml"/><Relationship Id="rId53" Type="http://schemas.openxmlformats.org/officeDocument/2006/relationships/notesMaster" Target="notesMasters/notesMaster1.xml"/><Relationship Id="rId58" Type="http://schemas.openxmlformats.org/officeDocument/2006/relationships/tableStyles" Target="tableStyles.xml"/><Relationship Id="rId5" Type="http://schemas.openxmlformats.org/officeDocument/2006/relationships/customXml" Target="../customXml/item5.xml"/><Relationship Id="rId61" Type="http://schemas.openxmlformats.org/officeDocument/2006/relationships/customXml" Target="../customXml/item41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slide" Target="slides/slide4.xml"/><Relationship Id="rId48" Type="http://schemas.openxmlformats.org/officeDocument/2006/relationships/slide" Target="slides/slide9.xml"/><Relationship Id="rId56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slide" Target="slides/slide12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slide" Target="slides/slide7.xml"/><Relationship Id="rId59" Type="http://schemas.openxmlformats.org/officeDocument/2006/relationships/customXml" Target="../customXml/item39.xml"/><Relationship Id="rId20" Type="http://schemas.openxmlformats.org/officeDocument/2006/relationships/customXml" Target="../customXml/item20.xml"/><Relationship Id="rId41" Type="http://schemas.openxmlformats.org/officeDocument/2006/relationships/slide" Target="slides/slide2.xml"/><Relationship Id="rId54" Type="http://schemas.openxmlformats.org/officeDocument/2006/relationships/handoutMaster" Target="handoutMasters/handout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slide" Target="slides/slide10.xml"/><Relationship Id="rId57" Type="http://schemas.openxmlformats.org/officeDocument/2006/relationships/theme" Target="theme/theme1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slide" Target="slides/slide5.xml"/><Relationship Id="rId52" Type="http://schemas.openxmlformats.org/officeDocument/2006/relationships/slide" Target="slides/slide13.xml"/><Relationship Id="rId60" Type="http://schemas.openxmlformats.org/officeDocument/2006/relationships/customXml" Target="../customXml/item40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00BA559-C1C5-4943-B542-8794232D57DA}" type="datetimeFigureOut">
              <a:rPr lang="da-DK"/>
              <a:t>22-03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EDAC64D-F328-458C-83FB-46E4CB2334DA}" type="slidenum">
              <a:rPr lang="da-DK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2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3206657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031873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175144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urop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859617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World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015094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05260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843842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urop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458325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World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87921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75217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781031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urop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361377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World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18837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9" name="TextBox 8" descr="{&quot;templafy&quot;:{&quot;id&quot;:&quot;2603a274-f6da-42ae-91fd-8eb04ee6c7e0&quot;}}">
            <a:extLst>
              <a:ext uri="{FF2B5EF4-FFF2-40B4-BE49-F238E27FC236}">
                <a16:creationId xmlns:a16="http://schemas.microsoft.com/office/drawing/2014/main" id="{B020DB77-58E9-FFFE-1259-1127622C3F48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0" name="TextBox 9" descr="{&quot;templafy&quot;:{&quot;id&quot;:&quot;55e2044d-f725-476e-9c27-e3db3c9fcac6&quot;}}">
            <a:extLst>
              <a:ext uri="{FF2B5EF4-FFF2-40B4-BE49-F238E27FC236}">
                <a16:creationId xmlns:a16="http://schemas.microsoft.com/office/drawing/2014/main" id="{04869CA2-221A-661E-3645-E2FDB4C5E955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1231103921" name="Logo1" descr="{&quot;templafy&quot;:{&quot;id&quot;:&quot;664ecd76-5c24-4d1d-8d95-87c52786222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8500" y="5959090"/>
            <a:ext cx="2517610" cy="50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Use bold for highlighted text,</a:t>
            </a:r>
            <a:br>
              <a:rPr lang="en-GB" dirty="0"/>
            </a:br>
            <a:r>
              <a:rPr lang="en-GB" dirty="0"/>
              <a:t>other text regular, max four lines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6" name="Footer" descr="{&quot;templafy&quot;:{&quot;id&quot;:&quot;b47e2395-514f-4da6-99b6-5d9f70dee731&quot;}}">
            <a:extLst>
              <a:ext uri="{FF2B5EF4-FFF2-40B4-BE49-F238E27FC236}">
                <a16:creationId xmlns:a16="http://schemas.microsoft.com/office/drawing/2014/main" id="{57BB06F5-CDD8-CC12-1861-06EE1BC7CF4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D7F67F98-6258-4893-827A-4EA20C2DF2E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lvl="0"/>
            <a:r>
              <a:rPr lang="en-GB" dirty="0"/>
              <a:t>Insert quotation text in several lines. Insert name or source: Click ENTER for new line, click TAB, insert name/sourc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rgbClr val="AFDBF6"/>
              </a:solidFill>
            </a:endParaRP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Footer" descr="{&quot;templafy&quot;:{&quot;id&quot;:&quot;1a50bf73-9d9e-4e72-b103-b9a81573798e&quot;}}">
            <a:extLst>
              <a:ext uri="{FF2B5EF4-FFF2-40B4-BE49-F238E27FC236}">
                <a16:creationId xmlns:a16="http://schemas.microsoft.com/office/drawing/2014/main" id="{2F5B01E7-1E1E-643B-62FF-AFB6D64C613F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/>
            </a:lvl2pPr>
          </a:lstStyle>
          <a:p>
            <a:pPr lvl="0"/>
            <a:r>
              <a:rPr lang="en-GB" dirty="0"/>
              <a:t>Insert quotation text in several lines. Insert name or source: Click ENTER for new line, click TAB, insert name/sourc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Footer" descr="{&quot;templafy&quot;:{&quot;id&quot;:&quot;cfa3698a-1a58-4a4b-9f3a-fcfcdef2002f&quot;}}">
            <a:extLst>
              <a:ext uri="{FF2B5EF4-FFF2-40B4-BE49-F238E27FC236}">
                <a16:creationId xmlns:a16="http://schemas.microsoft.com/office/drawing/2014/main" id="{8E842AED-E8B3-109C-CDB6-6921404704CF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 dirty="0"/>
              <a:t>Click to add chart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Footer" descr="{&quot;templafy&quot;:{&quot;id&quot;:&quot;c05c802d-9911-46c1-b9da-2e84ad4fe4f8&quot;}}">
            <a:extLst>
              <a:ext uri="{FF2B5EF4-FFF2-40B4-BE49-F238E27FC236}">
                <a16:creationId xmlns:a16="http://schemas.microsoft.com/office/drawing/2014/main" id="{784ED6AC-762B-721E-7D2E-770C41DC7173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en-GB" dirty="0"/>
              <a:t>Click to add char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8"/>
            <a:ext cx="325438" cy="32861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7" name="TextBox 6" descr="{&quot;templafy&quot;:{&quot;id&quot;:&quot;d3c7255b-5497-42d3-86e4-730a42698d89&quot;}}">
            <a:extLst>
              <a:ext uri="{FF2B5EF4-FFF2-40B4-BE49-F238E27FC236}">
                <a16:creationId xmlns:a16="http://schemas.microsoft.com/office/drawing/2014/main" id="{BB2F7B30-350C-903F-8270-F5CC5DD69C08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TextBox 7" descr="{&quot;templafy&quot;:{&quot;id&quot;:&quot;a20da145-5d1b-4294-8b31-8882160edd59&quot;}}">
            <a:extLst>
              <a:ext uri="{FF2B5EF4-FFF2-40B4-BE49-F238E27FC236}">
                <a16:creationId xmlns:a16="http://schemas.microsoft.com/office/drawing/2014/main" id="{B662FBC5-1AB0-36CC-C3D6-DC210F1C13E9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chemeClr val="accent3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843439034" name="Logo1" descr="{&quot;templafy&quot;:{&quot;id&quot;:&quot;b101d6d4-7e3f-4670-96d0-92fb01648cb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3738" y="5933690"/>
            <a:ext cx="2565091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3" name="TextBox 2" descr="{&quot;templafy&quot;:{&quot;id&quot;:&quot;6390351d-3c15-4653-b0c5-93edf5bd5628&quot;}}">
            <a:extLst>
              <a:ext uri="{FF2B5EF4-FFF2-40B4-BE49-F238E27FC236}">
                <a16:creationId xmlns:a16="http://schemas.microsoft.com/office/drawing/2014/main" id="{D5F14B9F-3C5C-E6C4-D9DC-42EE36F9117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TextBox 1" descr="{&quot;templafy&quot;:{&quot;id&quot;:&quot;6020bc64-4a9b-4c84-a06e-b4576e8df290&quot;}}">
            <a:extLst>
              <a:ext uri="{FF2B5EF4-FFF2-40B4-BE49-F238E27FC236}">
                <a16:creationId xmlns:a16="http://schemas.microsoft.com/office/drawing/2014/main" id="{B3897D3A-37B7-6317-CA68-56A6C5499A92}"/>
              </a:ext>
            </a:extLst>
          </p:cNvPr>
          <p:cNvSpPr txBox="1"/>
          <p:nvPr userDrawn="1"/>
        </p:nvSpPr>
        <p:spPr>
          <a:xfrm>
            <a:off x="3394074" y="2086497"/>
            <a:ext cx="809942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b="1" kern="120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sp>
        <p:nvSpPr>
          <p:cNvPr id="6" name="TextBox 5" descr="{&quot;templafy&quot;:{&quot;id&quot;:&quot;725c8924-c517-4a0f-8a34-146cbc28b5fe&quot;}}">
            <a:extLst>
              <a:ext uri="{FF2B5EF4-FFF2-40B4-BE49-F238E27FC236}">
                <a16:creationId xmlns:a16="http://schemas.microsoft.com/office/drawing/2014/main" id="{9EE4EEBB-89DC-5E52-7470-8ACF590CB618}"/>
              </a:ext>
            </a:extLst>
          </p:cNvPr>
          <p:cNvSpPr txBox="1"/>
          <p:nvPr userDrawn="1"/>
        </p:nvSpPr>
        <p:spPr>
          <a:xfrm>
            <a:off x="3394074" y="2628802"/>
            <a:ext cx="809942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kern="120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Studentermedarbejder/Kommunikation</a:t>
            </a:r>
          </a:p>
        </p:txBody>
      </p:sp>
      <p:sp>
        <p:nvSpPr>
          <p:cNvPr id="7" name="TextBox 6" descr="{&quot;templafy&quot;:{&quot;id&quot;:&quot;8ed3f183-b3d5-4187-ad25-115925668123&quot;}}">
            <a:extLst>
              <a:ext uri="{FF2B5EF4-FFF2-40B4-BE49-F238E27FC236}">
                <a16:creationId xmlns:a16="http://schemas.microsoft.com/office/drawing/2014/main" id="{90546804-6A00-C718-4DFA-F79259681198}"/>
              </a:ext>
            </a:extLst>
          </p:cNvPr>
          <p:cNvSpPr txBox="1"/>
          <p:nvPr userDrawn="1"/>
        </p:nvSpPr>
        <p:spPr>
          <a:xfrm>
            <a:off x="3394074" y="3172752"/>
            <a:ext cx="8099422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b="1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jak@norden.org</a:t>
            </a:r>
          </a:p>
        </p:txBody>
      </p:sp>
      <p:sp>
        <p:nvSpPr>
          <p:cNvPr id="9" name="TextBox 8" descr="{&quot;templafy&quot;:{&quot;id&quot;:&quot;b0da116f-8af4-4719-a75a-44a8d54ca971&quot;}}">
            <a:extLst>
              <a:ext uri="{FF2B5EF4-FFF2-40B4-BE49-F238E27FC236}">
                <a16:creationId xmlns:a16="http://schemas.microsoft.com/office/drawing/2014/main" id="{9EF2F1DF-0F8F-9E87-A74B-85105EA3D413}"/>
              </a:ext>
            </a:extLst>
          </p:cNvPr>
          <p:cNvSpPr txBox="1"/>
          <p:nvPr userDrawn="1"/>
        </p:nvSpPr>
        <p:spPr>
          <a:xfrm>
            <a:off x="3394074" y="3603639"/>
            <a:ext cx="809942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b="1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+45 00 00 00 00</a:t>
            </a:r>
          </a:p>
        </p:txBody>
      </p:sp>
      <p:sp>
        <p:nvSpPr>
          <p:cNvPr id="10" name="Rectangle 9" descr="{&quot;templafy&quot;:{&quot;id&quot;:&quot;599ec701-74f0-4212-aaac-cf4a77d89648&quot;}}">
            <a:extLst>
              <a:ext uri="{FF2B5EF4-FFF2-40B4-BE49-F238E27FC236}">
                <a16:creationId xmlns:a16="http://schemas.microsoft.com/office/drawing/2014/main" id="{041AFA6C-870E-950F-EE09-9D3695C62C37}"/>
              </a:ext>
            </a:extLst>
          </p:cNvPr>
          <p:cNvSpPr/>
          <p:nvPr userDrawn="1"/>
        </p:nvSpPr>
        <p:spPr>
          <a:xfrm>
            <a:off x="3322320" y="4456086"/>
            <a:ext cx="8171180" cy="3303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1800" b="1" kern="120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Nordic Council of Ministers</a:t>
            </a:r>
          </a:p>
        </p:txBody>
      </p:sp>
      <p:sp>
        <p:nvSpPr>
          <p:cNvPr id="23" name="Rectangle 22" descr="{&quot;templafy&quot;:{&quot;id&quot;:&quot;43c84dab-f3f0-40b2-be9b-3ec1ae38a0df&quot;}}">
            <a:extLst>
              <a:ext uri="{FF2B5EF4-FFF2-40B4-BE49-F238E27FC236}">
                <a16:creationId xmlns:a16="http://schemas.microsoft.com/office/drawing/2014/main" id="{D9017BFF-9212-4FDE-C9C1-ED7DD57BD820}"/>
              </a:ext>
            </a:extLst>
          </p:cNvPr>
          <p:cNvSpPr/>
          <p:nvPr userDrawn="1"/>
        </p:nvSpPr>
        <p:spPr>
          <a:xfrm>
            <a:off x="3322320" y="4731315"/>
            <a:ext cx="5472430" cy="33036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endParaRPr lang="en-GB" sz="180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1" name="TextBox 10" descr="{&quot;templafy&quot;:{&quot;id&quot;:&quot;de39d99c-9c4c-4875-8e09-158d0bcf5707&quot;}}">
            <a:extLst>
              <a:ext uri="{FF2B5EF4-FFF2-40B4-BE49-F238E27FC236}">
                <a16:creationId xmlns:a16="http://schemas.microsoft.com/office/drawing/2014/main" id="{51F734E8-9086-DED6-0C8B-415B266EBDF7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3" name="TextBox 2" descr="{&quot;templafy&quot;:{&quot;id&quot;:&quot;70046ee0-5d78-487a-a0d8-7f6aee3772b0&quot;}}">
            <a:extLst>
              <a:ext uri="{FF2B5EF4-FFF2-40B4-BE49-F238E27FC236}">
                <a16:creationId xmlns:a16="http://schemas.microsoft.com/office/drawing/2014/main" id="{BE2793EB-F3ED-8DE0-C438-AA0F069788B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80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en-GB" sz="48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en-GB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en-GB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dirty="0"/>
              <a:t>insert picture via </a:t>
            </a:r>
            <a:r>
              <a:rPr lang="en-GB" sz="900" b="1" dirty="0"/>
              <a:t>Add Images</a:t>
            </a:r>
            <a:r>
              <a:rPr lang="en-GB" sz="900" dirty="0"/>
              <a:t>-button </a:t>
            </a:r>
            <a:br>
              <a:rPr lang="en-GB" sz="900" dirty="0"/>
            </a:br>
            <a:r>
              <a:rPr lang="en-GB" sz="900" dirty="0"/>
              <a:t>in the </a:t>
            </a:r>
            <a:r>
              <a:rPr lang="en-GB" sz="900" b="1" dirty="0"/>
              <a:t>NORDEN-</a:t>
            </a:r>
            <a:r>
              <a:rPr lang="en-GB" sz="900" baseline="0" dirty="0"/>
              <a:t>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 dirty="0">
                <a:latin typeface="+mn-lt"/>
              </a:rPr>
              <a:t>NORDEN</a:t>
            </a:r>
            <a:r>
              <a:rPr lang="en-GB" sz="900" b="0" baseline="0" dirty="0">
                <a:latin typeface="+mn-lt"/>
              </a:rPr>
              <a:t>-TAB and</a:t>
            </a:r>
            <a:r>
              <a:rPr lang="en-GB" sz="900" baseline="0" dirty="0">
                <a:latin typeface="+mn-lt"/>
              </a:rPr>
              <a:t> 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en-GB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en-GB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/>
          <a:lstStyle>
            <a:lvl1pPr marL="0" indent="0" algn="ctr">
              <a:buNone/>
              <a:defRPr baseline="0"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Date" descr="{&quot;templafy&quot;:{&quot;id&quot;:&quot;6d372815-8319-4ad8-8822-96616dff8f50&quot;}}">
            <a:extLst>
              <a:ext uri="{FF2B5EF4-FFF2-40B4-BE49-F238E27FC236}">
                <a16:creationId xmlns:a16="http://schemas.microsoft.com/office/drawing/2014/main" id="{B306DC2A-7591-30CF-1933-F9C7A1F136CC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Name" descr="{&quot;templafy&quot;:{&quot;id&quot;:&quot;62fed993-0227-4a9d-8bc8-1ceff046d67b&quot;}}">
            <a:extLst>
              <a:ext uri="{FF2B5EF4-FFF2-40B4-BE49-F238E27FC236}">
                <a16:creationId xmlns:a16="http://schemas.microsoft.com/office/drawing/2014/main" id="{7620326C-480D-5EA1-4EC5-5885AC060231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1638143747" name="Logo" descr="{&quot;templafy&quot;:{&quot;id&quot;:&quot;7d3f775a-900f-4f6b-a4b0-341331be93c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8500" y="5959090"/>
            <a:ext cx="2517610" cy="50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Date" descr="{&quot;templafy&quot;:{&quot;id&quot;:&quot;0da51115-1662-4dc3-8c0b-fd2560e30f8e&quot;}}">
            <a:extLst>
              <a:ext uri="{FF2B5EF4-FFF2-40B4-BE49-F238E27FC236}">
                <a16:creationId xmlns:a16="http://schemas.microsoft.com/office/drawing/2014/main" id="{0BD91437-4FE3-59F3-AD92-A8F9F467E27C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Name" descr="{&quot;templafy&quot;:{&quot;id&quot;:&quot;b2f8ac55-fc5a-4dec-8c03-999f4f30270e&quot;}}">
            <a:extLst>
              <a:ext uri="{FF2B5EF4-FFF2-40B4-BE49-F238E27FC236}">
                <a16:creationId xmlns:a16="http://schemas.microsoft.com/office/drawing/2014/main" id="{DCA83CD1-5330-1CA4-0321-FCA261DE9CD5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870357775" name="Logo" descr="{&quot;templafy&quot;:{&quot;id&quot;:&quot;ab139b40-1265-489e-b49b-57fddbba312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3738" y="5946390"/>
            <a:ext cx="2565091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2</a:t>
            </a:r>
            <a:endParaRPr lang="en-GB"/>
          </a:p>
          <a:p>
            <a:pPr lvl="2"/>
            <a:r>
              <a:rPr lang="en-GB" dirty="0"/>
              <a:t>3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6" name="Footer" descr="{&quot;templafy&quot;:{&quot;id&quot;:&quot;95131c06-39d9-4214-841b-c78214108a3a&quot;}}">
            <a:extLst>
              <a:ext uri="{FF2B5EF4-FFF2-40B4-BE49-F238E27FC236}">
                <a16:creationId xmlns:a16="http://schemas.microsoft.com/office/drawing/2014/main" id="{342083FF-5031-46B3-093D-A6FBDA8B8761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endParaRPr lang="en-GB" dirty="0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2B45B346-A77B-4EC6-8C84-FB40FFF4A58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1361060"/>
            <a:ext cx="5051434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  <a:lvl3pPr marL="1062900" indent="-342900">
              <a:buFont typeface="Arial" panose="020B0604020202020204" pitchFamily="34" charset="0"/>
              <a:buChar char="‒"/>
              <a:defRPr/>
            </a:lvl3pPr>
            <a:lvl8pPr>
              <a:defRPr/>
            </a:lvl8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13957082-E86A-48EE-96DC-1659AAE2D14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41280" y="1361060"/>
            <a:ext cx="5052217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/>
            </a:lvl2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  <p:sp>
        <p:nvSpPr>
          <p:cNvPr id="6" name="Footer" descr="{&quot;templafy&quot;:{&quot;id&quot;:&quot;a8049012-742e-4e55-ba62-c93dbfdd12e5&quot;}}">
            <a:extLst>
              <a:ext uri="{FF2B5EF4-FFF2-40B4-BE49-F238E27FC236}">
                <a16:creationId xmlns:a16="http://schemas.microsoft.com/office/drawing/2014/main" id="{EF307E60-9B75-A237-CE39-520478FEC6AF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5151433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2 lines9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en-GB" dirty="0"/>
              <a:t>Click to add intro text</a:t>
            </a:r>
            <a:endParaRPr lang="en-GB"/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 dirty="0"/>
              <a:t>Click to add text or conten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Sixth level</a:t>
            </a:r>
            <a:endParaRPr lang="en-GB"/>
          </a:p>
          <a:p>
            <a:pPr lvl="6"/>
            <a:r>
              <a:rPr lang="en-GB" dirty="0"/>
              <a:t>Seventh level</a:t>
            </a:r>
            <a:endParaRPr lang="en-GB"/>
          </a:p>
          <a:p>
            <a:pPr lvl="7"/>
            <a:r>
              <a:rPr lang="en-GB" dirty="0"/>
              <a:t>Eight level</a:t>
            </a:r>
            <a:endParaRPr lang="en-GB"/>
          </a:p>
          <a:p>
            <a:pPr lvl="8"/>
            <a:r>
              <a:rPr lang="en-GB" dirty="0"/>
              <a:t>Night level</a:t>
            </a:r>
            <a:endParaRPr lang="en-GB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Footer" hidden="1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7" name="Footer" descr="{&quot;templafy&quot;:{&quot;id&quot;:&quot;c79c15de-2001-4fbd-9056-71036d19b4ee&quot;}}">
            <a:extLst>
              <a:ext uri="{FF2B5EF4-FFF2-40B4-BE49-F238E27FC236}">
                <a16:creationId xmlns:a16="http://schemas.microsoft.com/office/drawing/2014/main" id="{8DD8CCED-8EF4-4EB8-4550-9C5CD0FB74D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75" r:id="rId6"/>
    <p:sldLayoutId id="2147483663" r:id="rId7"/>
    <p:sldLayoutId id="2147483655" r:id="rId8"/>
    <p:sldLayoutId id="2147483649" r:id="rId9"/>
    <p:sldLayoutId id="2147483672" r:id="rId10"/>
    <p:sldLayoutId id="2147483669" r:id="rId11"/>
    <p:sldLayoutId id="2147483664" r:id="rId12"/>
    <p:sldLayoutId id="2147483656" r:id="rId13"/>
    <p:sldLayoutId id="2147483650" r:id="rId14"/>
    <p:sldLayoutId id="2147483673" r:id="rId15"/>
    <p:sldLayoutId id="2147483667" r:id="rId16"/>
    <p:sldLayoutId id="2147483660" r:id="rId17"/>
    <p:sldLayoutId id="2147483657" r:id="rId18"/>
    <p:sldLayoutId id="2147483651" r:id="rId19"/>
    <p:sldLayoutId id="2147483670" r:id="rId20"/>
    <p:sldLayoutId id="2147483661" r:id="rId21"/>
    <p:sldLayoutId id="2147483654" r:id="rId22"/>
    <p:sldLayoutId id="2147483674" r:id="rId23"/>
    <p:sldLayoutId id="2147483668" r:id="rId24"/>
    <p:sldLayoutId id="2147483665" r:id="rId25"/>
    <p:sldLayoutId id="2147483658" r:id="rId26"/>
    <p:sldLayoutId id="2147483652" r:id="rId27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4.xml"/><Relationship Id="rId6" Type="http://schemas.openxmlformats.org/officeDocument/2006/relationships/image" Target="../media/image2.emf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820.xml"/><Relationship Id="rId2" Type="http://schemas.openxmlformats.org/officeDocument/2006/relationships/customXml" Target="../../customXml/item32.xml"/><Relationship Id="rId1" Type="http://schemas.openxmlformats.org/officeDocument/2006/relationships/customXml" Target="../../customXml/item31.xml"/><Relationship Id="rId5" Type="http://schemas.openxmlformats.org/officeDocument/2006/relationships/notesSlide" Target="../notesSlides/notesSlide10.xml"/><Relationship Id="rId4" Type="http://schemas.openxmlformats.org/officeDocument/2006/relationships/slideLayout" Target="../slideLayouts/slideLayout2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821.xml"/><Relationship Id="rId2" Type="http://schemas.openxmlformats.org/officeDocument/2006/relationships/customXml" Target="../../customXml/item34.xml"/><Relationship Id="rId1" Type="http://schemas.openxmlformats.org/officeDocument/2006/relationships/customXml" Target="../../customXml/item33.xml"/><Relationship Id="rId5" Type="http://schemas.openxmlformats.org/officeDocument/2006/relationships/notesSlide" Target="../notesSlides/notesSlide11.xml"/><Relationship Id="rId4" Type="http://schemas.openxmlformats.org/officeDocument/2006/relationships/slideLayout" Target="../slideLayouts/slideLayout2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822.xml"/><Relationship Id="rId2" Type="http://schemas.openxmlformats.org/officeDocument/2006/relationships/customXml" Target="../../customXml/item36.xml"/><Relationship Id="rId1" Type="http://schemas.openxmlformats.org/officeDocument/2006/relationships/customXml" Target="../../customXml/item35.xml"/><Relationship Id="rId5" Type="http://schemas.openxmlformats.org/officeDocument/2006/relationships/notesSlide" Target="../notesSlides/notesSlide12.xml"/><Relationship Id="rId4" Type="http://schemas.openxmlformats.org/officeDocument/2006/relationships/slideLayout" Target="../slideLayouts/slideLayout25.xml"/></Relationships>
</file>

<file path=ppt/slides/_rels/slide13.xml.rels><?xml version="1.0" encoding="UTF-8" standalone="yes"?>
<Relationships xmlns="http://schemas.openxmlformats.org/package/2006/relationships"><Relationship Id="rId117" Type="http://schemas.openxmlformats.org/officeDocument/2006/relationships/tags" Target="../tags/tag937.xml"/><Relationship Id="rId299" Type="http://schemas.openxmlformats.org/officeDocument/2006/relationships/tags" Target="../tags/tag1119.xml"/><Relationship Id="rId21" Type="http://schemas.openxmlformats.org/officeDocument/2006/relationships/tags" Target="../tags/tag841.xml"/><Relationship Id="rId63" Type="http://schemas.openxmlformats.org/officeDocument/2006/relationships/tags" Target="../tags/tag883.xml"/><Relationship Id="rId159" Type="http://schemas.openxmlformats.org/officeDocument/2006/relationships/tags" Target="../tags/tag979.xml"/><Relationship Id="rId324" Type="http://schemas.openxmlformats.org/officeDocument/2006/relationships/tags" Target="../tags/tag1144.xml"/><Relationship Id="rId366" Type="http://schemas.openxmlformats.org/officeDocument/2006/relationships/tags" Target="../tags/tag1186.xml"/><Relationship Id="rId170" Type="http://schemas.openxmlformats.org/officeDocument/2006/relationships/tags" Target="../tags/tag990.xml"/><Relationship Id="rId226" Type="http://schemas.openxmlformats.org/officeDocument/2006/relationships/tags" Target="../tags/tag1046.xml"/><Relationship Id="rId268" Type="http://schemas.openxmlformats.org/officeDocument/2006/relationships/tags" Target="../tags/tag1088.xml"/><Relationship Id="rId32" Type="http://schemas.openxmlformats.org/officeDocument/2006/relationships/tags" Target="../tags/tag852.xml"/><Relationship Id="rId74" Type="http://schemas.openxmlformats.org/officeDocument/2006/relationships/tags" Target="../tags/tag894.xml"/><Relationship Id="rId128" Type="http://schemas.openxmlformats.org/officeDocument/2006/relationships/tags" Target="../tags/tag948.xml"/><Relationship Id="rId335" Type="http://schemas.openxmlformats.org/officeDocument/2006/relationships/tags" Target="../tags/tag1155.xml"/><Relationship Id="rId377" Type="http://schemas.openxmlformats.org/officeDocument/2006/relationships/tags" Target="../tags/tag1197.xml"/><Relationship Id="rId5" Type="http://schemas.openxmlformats.org/officeDocument/2006/relationships/tags" Target="../tags/tag825.xml"/><Relationship Id="rId95" Type="http://schemas.openxmlformats.org/officeDocument/2006/relationships/tags" Target="../tags/tag915.xml"/><Relationship Id="rId160" Type="http://schemas.openxmlformats.org/officeDocument/2006/relationships/tags" Target="../tags/tag980.xml"/><Relationship Id="rId181" Type="http://schemas.openxmlformats.org/officeDocument/2006/relationships/tags" Target="../tags/tag1001.xml"/><Relationship Id="rId216" Type="http://schemas.openxmlformats.org/officeDocument/2006/relationships/tags" Target="../tags/tag1036.xml"/><Relationship Id="rId237" Type="http://schemas.openxmlformats.org/officeDocument/2006/relationships/tags" Target="../tags/tag1057.xml"/><Relationship Id="rId402" Type="http://schemas.openxmlformats.org/officeDocument/2006/relationships/tags" Target="../tags/tag1222.xml"/><Relationship Id="rId258" Type="http://schemas.openxmlformats.org/officeDocument/2006/relationships/tags" Target="../tags/tag1078.xml"/><Relationship Id="rId279" Type="http://schemas.openxmlformats.org/officeDocument/2006/relationships/tags" Target="../tags/tag1099.xml"/><Relationship Id="rId22" Type="http://schemas.openxmlformats.org/officeDocument/2006/relationships/tags" Target="../tags/tag842.xml"/><Relationship Id="rId43" Type="http://schemas.openxmlformats.org/officeDocument/2006/relationships/tags" Target="../tags/tag863.xml"/><Relationship Id="rId64" Type="http://schemas.openxmlformats.org/officeDocument/2006/relationships/tags" Target="../tags/tag884.xml"/><Relationship Id="rId118" Type="http://schemas.openxmlformats.org/officeDocument/2006/relationships/tags" Target="../tags/tag938.xml"/><Relationship Id="rId139" Type="http://schemas.openxmlformats.org/officeDocument/2006/relationships/tags" Target="../tags/tag959.xml"/><Relationship Id="rId290" Type="http://schemas.openxmlformats.org/officeDocument/2006/relationships/tags" Target="../tags/tag1110.xml"/><Relationship Id="rId304" Type="http://schemas.openxmlformats.org/officeDocument/2006/relationships/tags" Target="../tags/tag1124.xml"/><Relationship Id="rId325" Type="http://schemas.openxmlformats.org/officeDocument/2006/relationships/tags" Target="../tags/tag1145.xml"/><Relationship Id="rId346" Type="http://schemas.openxmlformats.org/officeDocument/2006/relationships/tags" Target="../tags/tag1166.xml"/><Relationship Id="rId367" Type="http://schemas.openxmlformats.org/officeDocument/2006/relationships/tags" Target="../tags/tag1187.xml"/><Relationship Id="rId388" Type="http://schemas.openxmlformats.org/officeDocument/2006/relationships/tags" Target="../tags/tag1208.xml"/><Relationship Id="rId85" Type="http://schemas.openxmlformats.org/officeDocument/2006/relationships/tags" Target="../tags/tag905.xml"/><Relationship Id="rId150" Type="http://schemas.openxmlformats.org/officeDocument/2006/relationships/tags" Target="../tags/tag970.xml"/><Relationship Id="rId171" Type="http://schemas.openxmlformats.org/officeDocument/2006/relationships/tags" Target="../tags/tag991.xml"/><Relationship Id="rId192" Type="http://schemas.openxmlformats.org/officeDocument/2006/relationships/tags" Target="../tags/tag1012.xml"/><Relationship Id="rId206" Type="http://schemas.openxmlformats.org/officeDocument/2006/relationships/tags" Target="../tags/tag1026.xml"/><Relationship Id="rId227" Type="http://schemas.openxmlformats.org/officeDocument/2006/relationships/tags" Target="../tags/tag1047.xml"/><Relationship Id="rId248" Type="http://schemas.openxmlformats.org/officeDocument/2006/relationships/tags" Target="../tags/tag1068.xml"/><Relationship Id="rId269" Type="http://schemas.openxmlformats.org/officeDocument/2006/relationships/tags" Target="../tags/tag1089.xml"/><Relationship Id="rId12" Type="http://schemas.openxmlformats.org/officeDocument/2006/relationships/tags" Target="../tags/tag832.xml"/><Relationship Id="rId33" Type="http://schemas.openxmlformats.org/officeDocument/2006/relationships/tags" Target="../tags/tag853.xml"/><Relationship Id="rId108" Type="http://schemas.openxmlformats.org/officeDocument/2006/relationships/tags" Target="../tags/tag928.xml"/><Relationship Id="rId129" Type="http://schemas.openxmlformats.org/officeDocument/2006/relationships/tags" Target="../tags/tag949.xml"/><Relationship Id="rId280" Type="http://schemas.openxmlformats.org/officeDocument/2006/relationships/tags" Target="../tags/tag1100.xml"/><Relationship Id="rId315" Type="http://schemas.openxmlformats.org/officeDocument/2006/relationships/tags" Target="../tags/tag1135.xml"/><Relationship Id="rId336" Type="http://schemas.openxmlformats.org/officeDocument/2006/relationships/tags" Target="../tags/tag1156.xml"/><Relationship Id="rId357" Type="http://schemas.openxmlformats.org/officeDocument/2006/relationships/tags" Target="../tags/tag1177.xml"/><Relationship Id="rId54" Type="http://schemas.openxmlformats.org/officeDocument/2006/relationships/tags" Target="../tags/tag874.xml"/><Relationship Id="rId75" Type="http://schemas.openxmlformats.org/officeDocument/2006/relationships/tags" Target="../tags/tag895.xml"/><Relationship Id="rId96" Type="http://schemas.openxmlformats.org/officeDocument/2006/relationships/tags" Target="../tags/tag916.xml"/><Relationship Id="rId140" Type="http://schemas.openxmlformats.org/officeDocument/2006/relationships/tags" Target="../tags/tag960.xml"/><Relationship Id="rId161" Type="http://schemas.openxmlformats.org/officeDocument/2006/relationships/tags" Target="../tags/tag981.xml"/><Relationship Id="rId182" Type="http://schemas.openxmlformats.org/officeDocument/2006/relationships/tags" Target="../tags/tag1002.xml"/><Relationship Id="rId217" Type="http://schemas.openxmlformats.org/officeDocument/2006/relationships/tags" Target="../tags/tag1037.xml"/><Relationship Id="rId378" Type="http://schemas.openxmlformats.org/officeDocument/2006/relationships/tags" Target="../tags/tag1198.xml"/><Relationship Id="rId399" Type="http://schemas.openxmlformats.org/officeDocument/2006/relationships/tags" Target="../tags/tag1219.xml"/><Relationship Id="rId403" Type="http://schemas.openxmlformats.org/officeDocument/2006/relationships/tags" Target="../tags/tag1223.xml"/><Relationship Id="rId6" Type="http://schemas.openxmlformats.org/officeDocument/2006/relationships/tags" Target="../tags/tag826.xml"/><Relationship Id="rId238" Type="http://schemas.openxmlformats.org/officeDocument/2006/relationships/tags" Target="../tags/tag1058.xml"/><Relationship Id="rId259" Type="http://schemas.openxmlformats.org/officeDocument/2006/relationships/tags" Target="../tags/tag1079.xml"/><Relationship Id="rId23" Type="http://schemas.openxmlformats.org/officeDocument/2006/relationships/tags" Target="../tags/tag843.xml"/><Relationship Id="rId119" Type="http://schemas.openxmlformats.org/officeDocument/2006/relationships/tags" Target="../tags/tag939.xml"/><Relationship Id="rId270" Type="http://schemas.openxmlformats.org/officeDocument/2006/relationships/tags" Target="../tags/tag1090.xml"/><Relationship Id="rId291" Type="http://schemas.openxmlformats.org/officeDocument/2006/relationships/tags" Target="../tags/tag1111.xml"/><Relationship Id="rId305" Type="http://schemas.openxmlformats.org/officeDocument/2006/relationships/tags" Target="../tags/tag1125.xml"/><Relationship Id="rId326" Type="http://schemas.openxmlformats.org/officeDocument/2006/relationships/tags" Target="../tags/tag1146.xml"/><Relationship Id="rId347" Type="http://schemas.openxmlformats.org/officeDocument/2006/relationships/tags" Target="../tags/tag1167.xml"/><Relationship Id="rId44" Type="http://schemas.openxmlformats.org/officeDocument/2006/relationships/tags" Target="../tags/tag864.xml"/><Relationship Id="rId65" Type="http://schemas.openxmlformats.org/officeDocument/2006/relationships/tags" Target="../tags/tag885.xml"/><Relationship Id="rId86" Type="http://schemas.openxmlformats.org/officeDocument/2006/relationships/tags" Target="../tags/tag906.xml"/><Relationship Id="rId130" Type="http://schemas.openxmlformats.org/officeDocument/2006/relationships/tags" Target="../tags/tag950.xml"/><Relationship Id="rId151" Type="http://schemas.openxmlformats.org/officeDocument/2006/relationships/tags" Target="../tags/tag971.xml"/><Relationship Id="rId368" Type="http://schemas.openxmlformats.org/officeDocument/2006/relationships/tags" Target="../tags/tag1188.xml"/><Relationship Id="rId389" Type="http://schemas.openxmlformats.org/officeDocument/2006/relationships/tags" Target="../tags/tag1209.xml"/><Relationship Id="rId172" Type="http://schemas.openxmlformats.org/officeDocument/2006/relationships/tags" Target="../tags/tag992.xml"/><Relationship Id="rId193" Type="http://schemas.openxmlformats.org/officeDocument/2006/relationships/tags" Target="../tags/tag1013.xml"/><Relationship Id="rId207" Type="http://schemas.openxmlformats.org/officeDocument/2006/relationships/tags" Target="../tags/tag1027.xml"/><Relationship Id="rId228" Type="http://schemas.openxmlformats.org/officeDocument/2006/relationships/tags" Target="../tags/tag1048.xml"/><Relationship Id="rId249" Type="http://schemas.openxmlformats.org/officeDocument/2006/relationships/tags" Target="../tags/tag1069.xml"/><Relationship Id="rId13" Type="http://schemas.openxmlformats.org/officeDocument/2006/relationships/tags" Target="../tags/tag833.xml"/><Relationship Id="rId109" Type="http://schemas.openxmlformats.org/officeDocument/2006/relationships/tags" Target="../tags/tag929.xml"/><Relationship Id="rId260" Type="http://schemas.openxmlformats.org/officeDocument/2006/relationships/tags" Target="../tags/tag1080.xml"/><Relationship Id="rId281" Type="http://schemas.openxmlformats.org/officeDocument/2006/relationships/tags" Target="../tags/tag1101.xml"/><Relationship Id="rId316" Type="http://schemas.openxmlformats.org/officeDocument/2006/relationships/tags" Target="../tags/tag1136.xml"/><Relationship Id="rId337" Type="http://schemas.openxmlformats.org/officeDocument/2006/relationships/tags" Target="../tags/tag1157.xml"/><Relationship Id="rId34" Type="http://schemas.openxmlformats.org/officeDocument/2006/relationships/tags" Target="../tags/tag854.xml"/><Relationship Id="rId55" Type="http://schemas.openxmlformats.org/officeDocument/2006/relationships/tags" Target="../tags/tag875.xml"/><Relationship Id="rId76" Type="http://schemas.openxmlformats.org/officeDocument/2006/relationships/tags" Target="../tags/tag896.xml"/><Relationship Id="rId97" Type="http://schemas.openxmlformats.org/officeDocument/2006/relationships/tags" Target="../tags/tag917.xml"/><Relationship Id="rId120" Type="http://schemas.openxmlformats.org/officeDocument/2006/relationships/tags" Target="../tags/tag940.xml"/><Relationship Id="rId141" Type="http://schemas.openxmlformats.org/officeDocument/2006/relationships/tags" Target="../tags/tag961.xml"/><Relationship Id="rId358" Type="http://schemas.openxmlformats.org/officeDocument/2006/relationships/tags" Target="../tags/tag1178.xml"/><Relationship Id="rId379" Type="http://schemas.openxmlformats.org/officeDocument/2006/relationships/tags" Target="../tags/tag1199.xml"/><Relationship Id="rId7" Type="http://schemas.openxmlformats.org/officeDocument/2006/relationships/tags" Target="../tags/tag827.xml"/><Relationship Id="rId162" Type="http://schemas.openxmlformats.org/officeDocument/2006/relationships/tags" Target="../tags/tag982.xml"/><Relationship Id="rId183" Type="http://schemas.openxmlformats.org/officeDocument/2006/relationships/tags" Target="../tags/tag1003.xml"/><Relationship Id="rId218" Type="http://schemas.openxmlformats.org/officeDocument/2006/relationships/tags" Target="../tags/tag1038.xml"/><Relationship Id="rId239" Type="http://schemas.openxmlformats.org/officeDocument/2006/relationships/tags" Target="../tags/tag1059.xml"/><Relationship Id="rId390" Type="http://schemas.openxmlformats.org/officeDocument/2006/relationships/tags" Target="../tags/tag1210.xml"/><Relationship Id="rId404" Type="http://schemas.openxmlformats.org/officeDocument/2006/relationships/tags" Target="../tags/tag1224.xml"/><Relationship Id="rId250" Type="http://schemas.openxmlformats.org/officeDocument/2006/relationships/tags" Target="../tags/tag1070.xml"/><Relationship Id="rId271" Type="http://schemas.openxmlformats.org/officeDocument/2006/relationships/tags" Target="../tags/tag1091.xml"/><Relationship Id="rId292" Type="http://schemas.openxmlformats.org/officeDocument/2006/relationships/tags" Target="../tags/tag1112.xml"/><Relationship Id="rId306" Type="http://schemas.openxmlformats.org/officeDocument/2006/relationships/tags" Target="../tags/tag1126.xml"/><Relationship Id="rId24" Type="http://schemas.openxmlformats.org/officeDocument/2006/relationships/tags" Target="../tags/tag844.xml"/><Relationship Id="rId45" Type="http://schemas.openxmlformats.org/officeDocument/2006/relationships/tags" Target="../tags/tag865.xml"/><Relationship Id="rId66" Type="http://schemas.openxmlformats.org/officeDocument/2006/relationships/tags" Target="../tags/tag886.xml"/><Relationship Id="rId87" Type="http://schemas.openxmlformats.org/officeDocument/2006/relationships/tags" Target="../tags/tag907.xml"/><Relationship Id="rId110" Type="http://schemas.openxmlformats.org/officeDocument/2006/relationships/tags" Target="../tags/tag930.xml"/><Relationship Id="rId131" Type="http://schemas.openxmlformats.org/officeDocument/2006/relationships/tags" Target="../tags/tag951.xml"/><Relationship Id="rId327" Type="http://schemas.openxmlformats.org/officeDocument/2006/relationships/tags" Target="../tags/tag1147.xml"/><Relationship Id="rId348" Type="http://schemas.openxmlformats.org/officeDocument/2006/relationships/tags" Target="../tags/tag1168.xml"/><Relationship Id="rId369" Type="http://schemas.openxmlformats.org/officeDocument/2006/relationships/tags" Target="../tags/tag1189.xml"/><Relationship Id="rId152" Type="http://schemas.openxmlformats.org/officeDocument/2006/relationships/tags" Target="../tags/tag972.xml"/><Relationship Id="rId173" Type="http://schemas.openxmlformats.org/officeDocument/2006/relationships/tags" Target="../tags/tag993.xml"/><Relationship Id="rId194" Type="http://schemas.openxmlformats.org/officeDocument/2006/relationships/tags" Target="../tags/tag1014.xml"/><Relationship Id="rId208" Type="http://schemas.openxmlformats.org/officeDocument/2006/relationships/tags" Target="../tags/tag1028.xml"/><Relationship Id="rId229" Type="http://schemas.openxmlformats.org/officeDocument/2006/relationships/tags" Target="../tags/tag1049.xml"/><Relationship Id="rId380" Type="http://schemas.openxmlformats.org/officeDocument/2006/relationships/tags" Target="../tags/tag1200.xml"/><Relationship Id="rId240" Type="http://schemas.openxmlformats.org/officeDocument/2006/relationships/tags" Target="../tags/tag1060.xml"/><Relationship Id="rId261" Type="http://schemas.openxmlformats.org/officeDocument/2006/relationships/tags" Target="../tags/tag1081.xml"/><Relationship Id="rId14" Type="http://schemas.openxmlformats.org/officeDocument/2006/relationships/tags" Target="../tags/tag834.xml"/><Relationship Id="rId35" Type="http://schemas.openxmlformats.org/officeDocument/2006/relationships/tags" Target="../tags/tag855.xml"/><Relationship Id="rId56" Type="http://schemas.openxmlformats.org/officeDocument/2006/relationships/tags" Target="../tags/tag876.xml"/><Relationship Id="rId77" Type="http://schemas.openxmlformats.org/officeDocument/2006/relationships/tags" Target="../tags/tag897.xml"/><Relationship Id="rId100" Type="http://schemas.openxmlformats.org/officeDocument/2006/relationships/tags" Target="../tags/tag920.xml"/><Relationship Id="rId282" Type="http://schemas.openxmlformats.org/officeDocument/2006/relationships/tags" Target="../tags/tag1102.xml"/><Relationship Id="rId317" Type="http://schemas.openxmlformats.org/officeDocument/2006/relationships/tags" Target="../tags/tag1137.xml"/><Relationship Id="rId338" Type="http://schemas.openxmlformats.org/officeDocument/2006/relationships/tags" Target="../tags/tag1158.xml"/><Relationship Id="rId359" Type="http://schemas.openxmlformats.org/officeDocument/2006/relationships/tags" Target="../tags/tag1179.xml"/><Relationship Id="rId8" Type="http://schemas.openxmlformats.org/officeDocument/2006/relationships/tags" Target="../tags/tag828.xml"/><Relationship Id="rId98" Type="http://schemas.openxmlformats.org/officeDocument/2006/relationships/tags" Target="../tags/tag918.xml"/><Relationship Id="rId121" Type="http://schemas.openxmlformats.org/officeDocument/2006/relationships/tags" Target="../tags/tag941.xml"/><Relationship Id="rId142" Type="http://schemas.openxmlformats.org/officeDocument/2006/relationships/tags" Target="../tags/tag962.xml"/><Relationship Id="rId163" Type="http://schemas.openxmlformats.org/officeDocument/2006/relationships/tags" Target="../tags/tag983.xml"/><Relationship Id="rId184" Type="http://schemas.openxmlformats.org/officeDocument/2006/relationships/tags" Target="../tags/tag1004.xml"/><Relationship Id="rId219" Type="http://schemas.openxmlformats.org/officeDocument/2006/relationships/tags" Target="../tags/tag1039.xml"/><Relationship Id="rId370" Type="http://schemas.openxmlformats.org/officeDocument/2006/relationships/tags" Target="../tags/tag1190.xml"/><Relationship Id="rId391" Type="http://schemas.openxmlformats.org/officeDocument/2006/relationships/tags" Target="../tags/tag1211.xml"/><Relationship Id="rId405" Type="http://schemas.openxmlformats.org/officeDocument/2006/relationships/tags" Target="../tags/tag1225.xml"/><Relationship Id="rId230" Type="http://schemas.openxmlformats.org/officeDocument/2006/relationships/tags" Target="../tags/tag1050.xml"/><Relationship Id="rId251" Type="http://schemas.openxmlformats.org/officeDocument/2006/relationships/tags" Target="../tags/tag1071.xml"/><Relationship Id="rId25" Type="http://schemas.openxmlformats.org/officeDocument/2006/relationships/tags" Target="../tags/tag845.xml"/><Relationship Id="rId46" Type="http://schemas.openxmlformats.org/officeDocument/2006/relationships/tags" Target="../tags/tag866.xml"/><Relationship Id="rId67" Type="http://schemas.openxmlformats.org/officeDocument/2006/relationships/tags" Target="../tags/tag887.xml"/><Relationship Id="rId272" Type="http://schemas.openxmlformats.org/officeDocument/2006/relationships/tags" Target="../tags/tag1092.xml"/><Relationship Id="rId293" Type="http://schemas.openxmlformats.org/officeDocument/2006/relationships/tags" Target="../tags/tag1113.xml"/><Relationship Id="rId307" Type="http://schemas.openxmlformats.org/officeDocument/2006/relationships/tags" Target="../tags/tag1127.xml"/><Relationship Id="rId328" Type="http://schemas.openxmlformats.org/officeDocument/2006/relationships/tags" Target="../tags/tag1148.xml"/><Relationship Id="rId349" Type="http://schemas.openxmlformats.org/officeDocument/2006/relationships/tags" Target="../tags/tag1169.xml"/><Relationship Id="rId88" Type="http://schemas.openxmlformats.org/officeDocument/2006/relationships/tags" Target="../tags/tag908.xml"/><Relationship Id="rId111" Type="http://schemas.openxmlformats.org/officeDocument/2006/relationships/tags" Target="../tags/tag931.xml"/><Relationship Id="rId132" Type="http://schemas.openxmlformats.org/officeDocument/2006/relationships/tags" Target="../tags/tag952.xml"/><Relationship Id="rId153" Type="http://schemas.openxmlformats.org/officeDocument/2006/relationships/tags" Target="../tags/tag973.xml"/><Relationship Id="rId174" Type="http://schemas.openxmlformats.org/officeDocument/2006/relationships/tags" Target="../tags/tag994.xml"/><Relationship Id="rId195" Type="http://schemas.openxmlformats.org/officeDocument/2006/relationships/tags" Target="../tags/tag1015.xml"/><Relationship Id="rId209" Type="http://schemas.openxmlformats.org/officeDocument/2006/relationships/tags" Target="../tags/tag1029.xml"/><Relationship Id="rId360" Type="http://schemas.openxmlformats.org/officeDocument/2006/relationships/tags" Target="../tags/tag1180.xml"/><Relationship Id="rId381" Type="http://schemas.openxmlformats.org/officeDocument/2006/relationships/tags" Target="../tags/tag1201.xml"/><Relationship Id="rId220" Type="http://schemas.openxmlformats.org/officeDocument/2006/relationships/tags" Target="../tags/tag1040.xml"/><Relationship Id="rId241" Type="http://schemas.openxmlformats.org/officeDocument/2006/relationships/tags" Target="../tags/tag1061.xml"/><Relationship Id="rId15" Type="http://schemas.openxmlformats.org/officeDocument/2006/relationships/tags" Target="../tags/tag835.xml"/><Relationship Id="rId36" Type="http://schemas.openxmlformats.org/officeDocument/2006/relationships/tags" Target="../tags/tag856.xml"/><Relationship Id="rId57" Type="http://schemas.openxmlformats.org/officeDocument/2006/relationships/tags" Target="../tags/tag877.xml"/><Relationship Id="rId262" Type="http://schemas.openxmlformats.org/officeDocument/2006/relationships/tags" Target="../tags/tag1082.xml"/><Relationship Id="rId283" Type="http://schemas.openxmlformats.org/officeDocument/2006/relationships/tags" Target="../tags/tag1103.xml"/><Relationship Id="rId318" Type="http://schemas.openxmlformats.org/officeDocument/2006/relationships/tags" Target="../tags/tag1138.xml"/><Relationship Id="rId339" Type="http://schemas.openxmlformats.org/officeDocument/2006/relationships/tags" Target="../tags/tag1159.xml"/><Relationship Id="rId78" Type="http://schemas.openxmlformats.org/officeDocument/2006/relationships/tags" Target="../tags/tag898.xml"/><Relationship Id="rId99" Type="http://schemas.openxmlformats.org/officeDocument/2006/relationships/tags" Target="../tags/tag919.xml"/><Relationship Id="rId101" Type="http://schemas.openxmlformats.org/officeDocument/2006/relationships/tags" Target="../tags/tag921.xml"/><Relationship Id="rId122" Type="http://schemas.openxmlformats.org/officeDocument/2006/relationships/tags" Target="../tags/tag942.xml"/><Relationship Id="rId143" Type="http://schemas.openxmlformats.org/officeDocument/2006/relationships/tags" Target="../tags/tag963.xml"/><Relationship Id="rId164" Type="http://schemas.openxmlformats.org/officeDocument/2006/relationships/tags" Target="../tags/tag984.xml"/><Relationship Id="rId185" Type="http://schemas.openxmlformats.org/officeDocument/2006/relationships/tags" Target="../tags/tag1005.xml"/><Relationship Id="rId350" Type="http://schemas.openxmlformats.org/officeDocument/2006/relationships/tags" Target="../tags/tag1170.xml"/><Relationship Id="rId371" Type="http://schemas.openxmlformats.org/officeDocument/2006/relationships/tags" Target="../tags/tag1191.xml"/><Relationship Id="rId406" Type="http://schemas.openxmlformats.org/officeDocument/2006/relationships/tags" Target="../tags/tag1226.xml"/><Relationship Id="rId9" Type="http://schemas.openxmlformats.org/officeDocument/2006/relationships/tags" Target="../tags/tag829.xml"/><Relationship Id="rId210" Type="http://schemas.openxmlformats.org/officeDocument/2006/relationships/tags" Target="../tags/tag1030.xml"/><Relationship Id="rId392" Type="http://schemas.openxmlformats.org/officeDocument/2006/relationships/tags" Target="../tags/tag1212.xml"/><Relationship Id="rId26" Type="http://schemas.openxmlformats.org/officeDocument/2006/relationships/tags" Target="../tags/tag846.xml"/><Relationship Id="rId231" Type="http://schemas.openxmlformats.org/officeDocument/2006/relationships/tags" Target="../tags/tag1051.xml"/><Relationship Id="rId252" Type="http://schemas.openxmlformats.org/officeDocument/2006/relationships/tags" Target="../tags/tag1072.xml"/><Relationship Id="rId273" Type="http://schemas.openxmlformats.org/officeDocument/2006/relationships/tags" Target="../tags/tag1093.xml"/><Relationship Id="rId294" Type="http://schemas.openxmlformats.org/officeDocument/2006/relationships/tags" Target="../tags/tag1114.xml"/><Relationship Id="rId308" Type="http://schemas.openxmlformats.org/officeDocument/2006/relationships/tags" Target="../tags/tag1128.xml"/><Relationship Id="rId329" Type="http://schemas.openxmlformats.org/officeDocument/2006/relationships/tags" Target="../tags/tag1149.xml"/><Relationship Id="rId47" Type="http://schemas.openxmlformats.org/officeDocument/2006/relationships/tags" Target="../tags/tag867.xml"/><Relationship Id="rId68" Type="http://schemas.openxmlformats.org/officeDocument/2006/relationships/tags" Target="../tags/tag888.xml"/><Relationship Id="rId89" Type="http://schemas.openxmlformats.org/officeDocument/2006/relationships/tags" Target="../tags/tag909.xml"/><Relationship Id="rId112" Type="http://schemas.openxmlformats.org/officeDocument/2006/relationships/tags" Target="../tags/tag932.xml"/><Relationship Id="rId133" Type="http://schemas.openxmlformats.org/officeDocument/2006/relationships/tags" Target="../tags/tag953.xml"/><Relationship Id="rId154" Type="http://schemas.openxmlformats.org/officeDocument/2006/relationships/tags" Target="../tags/tag974.xml"/><Relationship Id="rId175" Type="http://schemas.openxmlformats.org/officeDocument/2006/relationships/tags" Target="../tags/tag995.xml"/><Relationship Id="rId340" Type="http://schemas.openxmlformats.org/officeDocument/2006/relationships/tags" Target="../tags/tag1160.xml"/><Relationship Id="rId361" Type="http://schemas.openxmlformats.org/officeDocument/2006/relationships/tags" Target="../tags/tag1181.xml"/><Relationship Id="rId196" Type="http://schemas.openxmlformats.org/officeDocument/2006/relationships/tags" Target="../tags/tag1016.xml"/><Relationship Id="rId200" Type="http://schemas.openxmlformats.org/officeDocument/2006/relationships/tags" Target="../tags/tag1020.xml"/><Relationship Id="rId382" Type="http://schemas.openxmlformats.org/officeDocument/2006/relationships/tags" Target="../tags/tag1202.xml"/><Relationship Id="rId16" Type="http://schemas.openxmlformats.org/officeDocument/2006/relationships/tags" Target="../tags/tag836.xml"/><Relationship Id="rId221" Type="http://schemas.openxmlformats.org/officeDocument/2006/relationships/tags" Target="../tags/tag1041.xml"/><Relationship Id="rId242" Type="http://schemas.openxmlformats.org/officeDocument/2006/relationships/tags" Target="../tags/tag1062.xml"/><Relationship Id="rId263" Type="http://schemas.openxmlformats.org/officeDocument/2006/relationships/tags" Target="../tags/tag1083.xml"/><Relationship Id="rId284" Type="http://schemas.openxmlformats.org/officeDocument/2006/relationships/tags" Target="../tags/tag1104.xml"/><Relationship Id="rId319" Type="http://schemas.openxmlformats.org/officeDocument/2006/relationships/tags" Target="../tags/tag1139.xml"/><Relationship Id="rId37" Type="http://schemas.openxmlformats.org/officeDocument/2006/relationships/tags" Target="../tags/tag857.xml"/><Relationship Id="rId58" Type="http://schemas.openxmlformats.org/officeDocument/2006/relationships/tags" Target="../tags/tag878.xml"/><Relationship Id="rId79" Type="http://schemas.openxmlformats.org/officeDocument/2006/relationships/tags" Target="../tags/tag899.xml"/><Relationship Id="rId102" Type="http://schemas.openxmlformats.org/officeDocument/2006/relationships/tags" Target="../tags/tag922.xml"/><Relationship Id="rId123" Type="http://schemas.openxmlformats.org/officeDocument/2006/relationships/tags" Target="../tags/tag943.xml"/><Relationship Id="rId144" Type="http://schemas.openxmlformats.org/officeDocument/2006/relationships/tags" Target="../tags/tag964.xml"/><Relationship Id="rId330" Type="http://schemas.openxmlformats.org/officeDocument/2006/relationships/tags" Target="../tags/tag1150.xml"/><Relationship Id="rId90" Type="http://schemas.openxmlformats.org/officeDocument/2006/relationships/tags" Target="../tags/tag910.xml"/><Relationship Id="rId165" Type="http://schemas.openxmlformats.org/officeDocument/2006/relationships/tags" Target="../tags/tag985.xml"/><Relationship Id="rId186" Type="http://schemas.openxmlformats.org/officeDocument/2006/relationships/tags" Target="../tags/tag1006.xml"/><Relationship Id="rId351" Type="http://schemas.openxmlformats.org/officeDocument/2006/relationships/tags" Target="../tags/tag1171.xml"/><Relationship Id="rId372" Type="http://schemas.openxmlformats.org/officeDocument/2006/relationships/tags" Target="../tags/tag1192.xml"/><Relationship Id="rId393" Type="http://schemas.openxmlformats.org/officeDocument/2006/relationships/tags" Target="../tags/tag1213.xml"/><Relationship Id="rId407" Type="http://schemas.openxmlformats.org/officeDocument/2006/relationships/tags" Target="../tags/tag1227.xml"/><Relationship Id="rId211" Type="http://schemas.openxmlformats.org/officeDocument/2006/relationships/tags" Target="../tags/tag1031.xml"/><Relationship Id="rId232" Type="http://schemas.openxmlformats.org/officeDocument/2006/relationships/tags" Target="../tags/tag1052.xml"/><Relationship Id="rId253" Type="http://schemas.openxmlformats.org/officeDocument/2006/relationships/tags" Target="../tags/tag1073.xml"/><Relationship Id="rId274" Type="http://schemas.openxmlformats.org/officeDocument/2006/relationships/tags" Target="../tags/tag1094.xml"/><Relationship Id="rId295" Type="http://schemas.openxmlformats.org/officeDocument/2006/relationships/tags" Target="../tags/tag1115.xml"/><Relationship Id="rId309" Type="http://schemas.openxmlformats.org/officeDocument/2006/relationships/tags" Target="../tags/tag1129.xml"/><Relationship Id="rId27" Type="http://schemas.openxmlformats.org/officeDocument/2006/relationships/tags" Target="../tags/tag847.xml"/><Relationship Id="rId48" Type="http://schemas.openxmlformats.org/officeDocument/2006/relationships/tags" Target="../tags/tag868.xml"/><Relationship Id="rId69" Type="http://schemas.openxmlformats.org/officeDocument/2006/relationships/tags" Target="../tags/tag889.xml"/><Relationship Id="rId113" Type="http://schemas.openxmlformats.org/officeDocument/2006/relationships/tags" Target="../tags/tag933.xml"/><Relationship Id="rId134" Type="http://schemas.openxmlformats.org/officeDocument/2006/relationships/tags" Target="../tags/tag954.xml"/><Relationship Id="rId320" Type="http://schemas.openxmlformats.org/officeDocument/2006/relationships/tags" Target="../tags/tag1140.xml"/><Relationship Id="rId80" Type="http://schemas.openxmlformats.org/officeDocument/2006/relationships/tags" Target="../tags/tag900.xml"/><Relationship Id="rId155" Type="http://schemas.openxmlformats.org/officeDocument/2006/relationships/tags" Target="../tags/tag975.xml"/><Relationship Id="rId176" Type="http://schemas.openxmlformats.org/officeDocument/2006/relationships/tags" Target="../tags/tag996.xml"/><Relationship Id="rId197" Type="http://schemas.openxmlformats.org/officeDocument/2006/relationships/tags" Target="../tags/tag1017.xml"/><Relationship Id="rId341" Type="http://schemas.openxmlformats.org/officeDocument/2006/relationships/tags" Target="../tags/tag1161.xml"/><Relationship Id="rId362" Type="http://schemas.openxmlformats.org/officeDocument/2006/relationships/tags" Target="../tags/tag1182.xml"/><Relationship Id="rId383" Type="http://schemas.openxmlformats.org/officeDocument/2006/relationships/tags" Target="../tags/tag1203.xml"/><Relationship Id="rId201" Type="http://schemas.openxmlformats.org/officeDocument/2006/relationships/tags" Target="../tags/tag1021.xml"/><Relationship Id="rId222" Type="http://schemas.openxmlformats.org/officeDocument/2006/relationships/tags" Target="../tags/tag1042.xml"/><Relationship Id="rId243" Type="http://schemas.openxmlformats.org/officeDocument/2006/relationships/tags" Target="../tags/tag1063.xml"/><Relationship Id="rId264" Type="http://schemas.openxmlformats.org/officeDocument/2006/relationships/tags" Target="../tags/tag1084.xml"/><Relationship Id="rId285" Type="http://schemas.openxmlformats.org/officeDocument/2006/relationships/tags" Target="../tags/tag1105.xml"/><Relationship Id="rId17" Type="http://schemas.openxmlformats.org/officeDocument/2006/relationships/tags" Target="../tags/tag837.xml"/><Relationship Id="rId38" Type="http://schemas.openxmlformats.org/officeDocument/2006/relationships/tags" Target="../tags/tag858.xml"/><Relationship Id="rId59" Type="http://schemas.openxmlformats.org/officeDocument/2006/relationships/tags" Target="../tags/tag879.xml"/><Relationship Id="rId103" Type="http://schemas.openxmlformats.org/officeDocument/2006/relationships/tags" Target="../tags/tag923.xml"/><Relationship Id="rId124" Type="http://schemas.openxmlformats.org/officeDocument/2006/relationships/tags" Target="../tags/tag944.xml"/><Relationship Id="rId310" Type="http://schemas.openxmlformats.org/officeDocument/2006/relationships/tags" Target="../tags/tag1130.xml"/><Relationship Id="rId70" Type="http://schemas.openxmlformats.org/officeDocument/2006/relationships/tags" Target="../tags/tag890.xml"/><Relationship Id="rId91" Type="http://schemas.openxmlformats.org/officeDocument/2006/relationships/tags" Target="../tags/tag911.xml"/><Relationship Id="rId145" Type="http://schemas.openxmlformats.org/officeDocument/2006/relationships/tags" Target="../tags/tag965.xml"/><Relationship Id="rId166" Type="http://schemas.openxmlformats.org/officeDocument/2006/relationships/tags" Target="../tags/tag986.xml"/><Relationship Id="rId187" Type="http://schemas.openxmlformats.org/officeDocument/2006/relationships/tags" Target="../tags/tag1007.xml"/><Relationship Id="rId331" Type="http://schemas.openxmlformats.org/officeDocument/2006/relationships/tags" Target="../tags/tag1151.xml"/><Relationship Id="rId352" Type="http://schemas.openxmlformats.org/officeDocument/2006/relationships/tags" Target="../tags/tag1172.xml"/><Relationship Id="rId373" Type="http://schemas.openxmlformats.org/officeDocument/2006/relationships/tags" Target="../tags/tag1193.xml"/><Relationship Id="rId394" Type="http://schemas.openxmlformats.org/officeDocument/2006/relationships/tags" Target="../tags/tag1214.xml"/><Relationship Id="rId408" Type="http://schemas.openxmlformats.org/officeDocument/2006/relationships/slideLayout" Target="../slideLayouts/slideLayout25.xml"/><Relationship Id="rId1" Type="http://schemas.openxmlformats.org/officeDocument/2006/relationships/customXml" Target="../../customXml/item37.xml"/><Relationship Id="rId212" Type="http://schemas.openxmlformats.org/officeDocument/2006/relationships/tags" Target="../tags/tag1032.xml"/><Relationship Id="rId233" Type="http://schemas.openxmlformats.org/officeDocument/2006/relationships/tags" Target="../tags/tag1053.xml"/><Relationship Id="rId254" Type="http://schemas.openxmlformats.org/officeDocument/2006/relationships/tags" Target="../tags/tag1074.xml"/><Relationship Id="rId28" Type="http://schemas.openxmlformats.org/officeDocument/2006/relationships/tags" Target="../tags/tag848.xml"/><Relationship Id="rId49" Type="http://schemas.openxmlformats.org/officeDocument/2006/relationships/tags" Target="../tags/tag869.xml"/><Relationship Id="rId114" Type="http://schemas.openxmlformats.org/officeDocument/2006/relationships/tags" Target="../tags/tag934.xml"/><Relationship Id="rId275" Type="http://schemas.openxmlformats.org/officeDocument/2006/relationships/tags" Target="../tags/tag1095.xml"/><Relationship Id="rId296" Type="http://schemas.openxmlformats.org/officeDocument/2006/relationships/tags" Target="../tags/tag1116.xml"/><Relationship Id="rId300" Type="http://schemas.openxmlformats.org/officeDocument/2006/relationships/tags" Target="../tags/tag1120.xml"/><Relationship Id="rId60" Type="http://schemas.openxmlformats.org/officeDocument/2006/relationships/tags" Target="../tags/tag880.xml"/><Relationship Id="rId81" Type="http://schemas.openxmlformats.org/officeDocument/2006/relationships/tags" Target="../tags/tag901.xml"/><Relationship Id="rId135" Type="http://schemas.openxmlformats.org/officeDocument/2006/relationships/tags" Target="../tags/tag955.xml"/><Relationship Id="rId156" Type="http://schemas.openxmlformats.org/officeDocument/2006/relationships/tags" Target="../tags/tag976.xml"/><Relationship Id="rId177" Type="http://schemas.openxmlformats.org/officeDocument/2006/relationships/tags" Target="../tags/tag997.xml"/><Relationship Id="rId198" Type="http://schemas.openxmlformats.org/officeDocument/2006/relationships/tags" Target="../tags/tag1018.xml"/><Relationship Id="rId321" Type="http://schemas.openxmlformats.org/officeDocument/2006/relationships/tags" Target="../tags/tag1141.xml"/><Relationship Id="rId342" Type="http://schemas.openxmlformats.org/officeDocument/2006/relationships/tags" Target="../tags/tag1162.xml"/><Relationship Id="rId363" Type="http://schemas.openxmlformats.org/officeDocument/2006/relationships/tags" Target="../tags/tag1183.xml"/><Relationship Id="rId384" Type="http://schemas.openxmlformats.org/officeDocument/2006/relationships/tags" Target="../tags/tag1204.xml"/><Relationship Id="rId202" Type="http://schemas.openxmlformats.org/officeDocument/2006/relationships/tags" Target="../tags/tag1022.xml"/><Relationship Id="rId223" Type="http://schemas.openxmlformats.org/officeDocument/2006/relationships/tags" Target="../tags/tag1043.xml"/><Relationship Id="rId244" Type="http://schemas.openxmlformats.org/officeDocument/2006/relationships/tags" Target="../tags/tag1064.xml"/><Relationship Id="rId18" Type="http://schemas.openxmlformats.org/officeDocument/2006/relationships/tags" Target="../tags/tag838.xml"/><Relationship Id="rId39" Type="http://schemas.openxmlformats.org/officeDocument/2006/relationships/tags" Target="../tags/tag859.xml"/><Relationship Id="rId265" Type="http://schemas.openxmlformats.org/officeDocument/2006/relationships/tags" Target="../tags/tag1085.xml"/><Relationship Id="rId286" Type="http://schemas.openxmlformats.org/officeDocument/2006/relationships/tags" Target="../tags/tag1106.xml"/><Relationship Id="rId50" Type="http://schemas.openxmlformats.org/officeDocument/2006/relationships/tags" Target="../tags/tag870.xml"/><Relationship Id="rId104" Type="http://schemas.openxmlformats.org/officeDocument/2006/relationships/tags" Target="../tags/tag924.xml"/><Relationship Id="rId125" Type="http://schemas.openxmlformats.org/officeDocument/2006/relationships/tags" Target="../tags/tag945.xml"/><Relationship Id="rId146" Type="http://schemas.openxmlformats.org/officeDocument/2006/relationships/tags" Target="../tags/tag966.xml"/><Relationship Id="rId167" Type="http://schemas.openxmlformats.org/officeDocument/2006/relationships/tags" Target="../tags/tag987.xml"/><Relationship Id="rId188" Type="http://schemas.openxmlformats.org/officeDocument/2006/relationships/tags" Target="../tags/tag1008.xml"/><Relationship Id="rId311" Type="http://schemas.openxmlformats.org/officeDocument/2006/relationships/tags" Target="../tags/tag1131.xml"/><Relationship Id="rId332" Type="http://schemas.openxmlformats.org/officeDocument/2006/relationships/tags" Target="../tags/tag1152.xml"/><Relationship Id="rId353" Type="http://schemas.openxmlformats.org/officeDocument/2006/relationships/tags" Target="../tags/tag1173.xml"/><Relationship Id="rId374" Type="http://schemas.openxmlformats.org/officeDocument/2006/relationships/tags" Target="../tags/tag1194.xml"/><Relationship Id="rId395" Type="http://schemas.openxmlformats.org/officeDocument/2006/relationships/tags" Target="../tags/tag1215.xml"/><Relationship Id="rId409" Type="http://schemas.openxmlformats.org/officeDocument/2006/relationships/notesSlide" Target="../notesSlides/notesSlide13.xml"/><Relationship Id="rId71" Type="http://schemas.openxmlformats.org/officeDocument/2006/relationships/tags" Target="../tags/tag891.xml"/><Relationship Id="rId92" Type="http://schemas.openxmlformats.org/officeDocument/2006/relationships/tags" Target="../tags/tag912.xml"/><Relationship Id="rId213" Type="http://schemas.openxmlformats.org/officeDocument/2006/relationships/tags" Target="../tags/tag1033.xml"/><Relationship Id="rId234" Type="http://schemas.openxmlformats.org/officeDocument/2006/relationships/tags" Target="../tags/tag1054.xml"/><Relationship Id="rId2" Type="http://schemas.openxmlformats.org/officeDocument/2006/relationships/customXml" Target="../../customXml/item38.xml"/><Relationship Id="rId29" Type="http://schemas.openxmlformats.org/officeDocument/2006/relationships/tags" Target="../tags/tag849.xml"/><Relationship Id="rId255" Type="http://schemas.openxmlformats.org/officeDocument/2006/relationships/tags" Target="../tags/tag1075.xml"/><Relationship Id="rId276" Type="http://schemas.openxmlformats.org/officeDocument/2006/relationships/tags" Target="../tags/tag1096.xml"/><Relationship Id="rId297" Type="http://schemas.openxmlformats.org/officeDocument/2006/relationships/tags" Target="../tags/tag1117.xml"/><Relationship Id="rId40" Type="http://schemas.openxmlformats.org/officeDocument/2006/relationships/tags" Target="../tags/tag860.xml"/><Relationship Id="rId115" Type="http://schemas.openxmlformats.org/officeDocument/2006/relationships/tags" Target="../tags/tag935.xml"/><Relationship Id="rId136" Type="http://schemas.openxmlformats.org/officeDocument/2006/relationships/tags" Target="../tags/tag956.xml"/><Relationship Id="rId157" Type="http://schemas.openxmlformats.org/officeDocument/2006/relationships/tags" Target="../tags/tag977.xml"/><Relationship Id="rId178" Type="http://schemas.openxmlformats.org/officeDocument/2006/relationships/tags" Target="../tags/tag998.xml"/><Relationship Id="rId301" Type="http://schemas.openxmlformats.org/officeDocument/2006/relationships/tags" Target="../tags/tag1121.xml"/><Relationship Id="rId322" Type="http://schemas.openxmlformats.org/officeDocument/2006/relationships/tags" Target="../tags/tag1142.xml"/><Relationship Id="rId343" Type="http://schemas.openxmlformats.org/officeDocument/2006/relationships/tags" Target="../tags/tag1163.xml"/><Relationship Id="rId364" Type="http://schemas.openxmlformats.org/officeDocument/2006/relationships/tags" Target="../tags/tag1184.xml"/><Relationship Id="rId61" Type="http://schemas.openxmlformats.org/officeDocument/2006/relationships/tags" Target="../tags/tag881.xml"/><Relationship Id="rId82" Type="http://schemas.openxmlformats.org/officeDocument/2006/relationships/tags" Target="../tags/tag902.xml"/><Relationship Id="rId199" Type="http://schemas.openxmlformats.org/officeDocument/2006/relationships/tags" Target="../tags/tag1019.xml"/><Relationship Id="rId203" Type="http://schemas.openxmlformats.org/officeDocument/2006/relationships/tags" Target="../tags/tag1023.xml"/><Relationship Id="rId385" Type="http://schemas.openxmlformats.org/officeDocument/2006/relationships/tags" Target="../tags/tag1205.xml"/><Relationship Id="rId19" Type="http://schemas.openxmlformats.org/officeDocument/2006/relationships/tags" Target="../tags/tag839.xml"/><Relationship Id="rId224" Type="http://schemas.openxmlformats.org/officeDocument/2006/relationships/tags" Target="../tags/tag1044.xml"/><Relationship Id="rId245" Type="http://schemas.openxmlformats.org/officeDocument/2006/relationships/tags" Target="../tags/tag1065.xml"/><Relationship Id="rId266" Type="http://schemas.openxmlformats.org/officeDocument/2006/relationships/tags" Target="../tags/tag1086.xml"/><Relationship Id="rId287" Type="http://schemas.openxmlformats.org/officeDocument/2006/relationships/tags" Target="../tags/tag1107.xml"/><Relationship Id="rId30" Type="http://schemas.openxmlformats.org/officeDocument/2006/relationships/tags" Target="../tags/tag850.xml"/><Relationship Id="rId105" Type="http://schemas.openxmlformats.org/officeDocument/2006/relationships/tags" Target="../tags/tag925.xml"/><Relationship Id="rId126" Type="http://schemas.openxmlformats.org/officeDocument/2006/relationships/tags" Target="../tags/tag946.xml"/><Relationship Id="rId147" Type="http://schemas.openxmlformats.org/officeDocument/2006/relationships/tags" Target="../tags/tag967.xml"/><Relationship Id="rId168" Type="http://schemas.openxmlformats.org/officeDocument/2006/relationships/tags" Target="../tags/tag988.xml"/><Relationship Id="rId312" Type="http://schemas.openxmlformats.org/officeDocument/2006/relationships/tags" Target="../tags/tag1132.xml"/><Relationship Id="rId333" Type="http://schemas.openxmlformats.org/officeDocument/2006/relationships/tags" Target="../tags/tag1153.xml"/><Relationship Id="rId354" Type="http://schemas.openxmlformats.org/officeDocument/2006/relationships/tags" Target="../tags/tag1174.xml"/><Relationship Id="rId51" Type="http://schemas.openxmlformats.org/officeDocument/2006/relationships/tags" Target="../tags/tag871.xml"/><Relationship Id="rId72" Type="http://schemas.openxmlformats.org/officeDocument/2006/relationships/tags" Target="../tags/tag892.xml"/><Relationship Id="rId93" Type="http://schemas.openxmlformats.org/officeDocument/2006/relationships/tags" Target="../tags/tag913.xml"/><Relationship Id="rId189" Type="http://schemas.openxmlformats.org/officeDocument/2006/relationships/tags" Target="../tags/tag1009.xml"/><Relationship Id="rId375" Type="http://schemas.openxmlformats.org/officeDocument/2006/relationships/tags" Target="../tags/tag1195.xml"/><Relationship Id="rId396" Type="http://schemas.openxmlformats.org/officeDocument/2006/relationships/tags" Target="../tags/tag1216.xml"/><Relationship Id="rId3" Type="http://schemas.openxmlformats.org/officeDocument/2006/relationships/tags" Target="../tags/tag823.xml"/><Relationship Id="rId214" Type="http://schemas.openxmlformats.org/officeDocument/2006/relationships/tags" Target="../tags/tag1034.xml"/><Relationship Id="rId235" Type="http://schemas.openxmlformats.org/officeDocument/2006/relationships/tags" Target="../tags/tag1055.xml"/><Relationship Id="rId256" Type="http://schemas.openxmlformats.org/officeDocument/2006/relationships/tags" Target="../tags/tag1076.xml"/><Relationship Id="rId277" Type="http://schemas.openxmlformats.org/officeDocument/2006/relationships/tags" Target="../tags/tag1097.xml"/><Relationship Id="rId298" Type="http://schemas.openxmlformats.org/officeDocument/2006/relationships/tags" Target="../tags/tag1118.xml"/><Relationship Id="rId400" Type="http://schemas.openxmlformats.org/officeDocument/2006/relationships/tags" Target="../tags/tag1220.xml"/><Relationship Id="rId116" Type="http://schemas.openxmlformats.org/officeDocument/2006/relationships/tags" Target="../tags/tag936.xml"/><Relationship Id="rId137" Type="http://schemas.openxmlformats.org/officeDocument/2006/relationships/tags" Target="../tags/tag957.xml"/><Relationship Id="rId158" Type="http://schemas.openxmlformats.org/officeDocument/2006/relationships/tags" Target="../tags/tag978.xml"/><Relationship Id="rId302" Type="http://schemas.openxmlformats.org/officeDocument/2006/relationships/tags" Target="../tags/tag1122.xml"/><Relationship Id="rId323" Type="http://schemas.openxmlformats.org/officeDocument/2006/relationships/tags" Target="../tags/tag1143.xml"/><Relationship Id="rId344" Type="http://schemas.openxmlformats.org/officeDocument/2006/relationships/tags" Target="../tags/tag1164.xml"/><Relationship Id="rId20" Type="http://schemas.openxmlformats.org/officeDocument/2006/relationships/tags" Target="../tags/tag840.xml"/><Relationship Id="rId41" Type="http://schemas.openxmlformats.org/officeDocument/2006/relationships/tags" Target="../tags/tag861.xml"/><Relationship Id="rId62" Type="http://schemas.openxmlformats.org/officeDocument/2006/relationships/tags" Target="../tags/tag882.xml"/><Relationship Id="rId83" Type="http://schemas.openxmlformats.org/officeDocument/2006/relationships/tags" Target="../tags/tag903.xml"/><Relationship Id="rId179" Type="http://schemas.openxmlformats.org/officeDocument/2006/relationships/tags" Target="../tags/tag999.xml"/><Relationship Id="rId365" Type="http://schemas.openxmlformats.org/officeDocument/2006/relationships/tags" Target="../tags/tag1185.xml"/><Relationship Id="rId386" Type="http://schemas.openxmlformats.org/officeDocument/2006/relationships/tags" Target="../tags/tag1206.xml"/><Relationship Id="rId190" Type="http://schemas.openxmlformats.org/officeDocument/2006/relationships/tags" Target="../tags/tag1010.xml"/><Relationship Id="rId204" Type="http://schemas.openxmlformats.org/officeDocument/2006/relationships/tags" Target="../tags/tag1024.xml"/><Relationship Id="rId225" Type="http://schemas.openxmlformats.org/officeDocument/2006/relationships/tags" Target="../tags/tag1045.xml"/><Relationship Id="rId246" Type="http://schemas.openxmlformats.org/officeDocument/2006/relationships/tags" Target="../tags/tag1066.xml"/><Relationship Id="rId267" Type="http://schemas.openxmlformats.org/officeDocument/2006/relationships/tags" Target="../tags/tag1087.xml"/><Relationship Id="rId288" Type="http://schemas.openxmlformats.org/officeDocument/2006/relationships/tags" Target="../tags/tag1108.xml"/><Relationship Id="rId106" Type="http://schemas.openxmlformats.org/officeDocument/2006/relationships/tags" Target="../tags/tag926.xml"/><Relationship Id="rId127" Type="http://schemas.openxmlformats.org/officeDocument/2006/relationships/tags" Target="../tags/tag947.xml"/><Relationship Id="rId313" Type="http://schemas.openxmlformats.org/officeDocument/2006/relationships/tags" Target="../tags/tag1133.xml"/><Relationship Id="rId10" Type="http://schemas.openxmlformats.org/officeDocument/2006/relationships/tags" Target="../tags/tag830.xml"/><Relationship Id="rId31" Type="http://schemas.openxmlformats.org/officeDocument/2006/relationships/tags" Target="../tags/tag851.xml"/><Relationship Id="rId52" Type="http://schemas.openxmlformats.org/officeDocument/2006/relationships/tags" Target="../tags/tag872.xml"/><Relationship Id="rId73" Type="http://schemas.openxmlformats.org/officeDocument/2006/relationships/tags" Target="../tags/tag893.xml"/><Relationship Id="rId94" Type="http://schemas.openxmlformats.org/officeDocument/2006/relationships/tags" Target="../tags/tag914.xml"/><Relationship Id="rId148" Type="http://schemas.openxmlformats.org/officeDocument/2006/relationships/tags" Target="../tags/tag968.xml"/><Relationship Id="rId169" Type="http://schemas.openxmlformats.org/officeDocument/2006/relationships/tags" Target="../tags/tag989.xml"/><Relationship Id="rId334" Type="http://schemas.openxmlformats.org/officeDocument/2006/relationships/tags" Target="../tags/tag1154.xml"/><Relationship Id="rId355" Type="http://schemas.openxmlformats.org/officeDocument/2006/relationships/tags" Target="../tags/tag1175.xml"/><Relationship Id="rId376" Type="http://schemas.openxmlformats.org/officeDocument/2006/relationships/tags" Target="../tags/tag1196.xml"/><Relationship Id="rId397" Type="http://schemas.openxmlformats.org/officeDocument/2006/relationships/tags" Target="../tags/tag1217.xml"/><Relationship Id="rId4" Type="http://schemas.openxmlformats.org/officeDocument/2006/relationships/tags" Target="../tags/tag824.xml"/><Relationship Id="rId180" Type="http://schemas.openxmlformats.org/officeDocument/2006/relationships/tags" Target="../tags/tag1000.xml"/><Relationship Id="rId215" Type="http://schemas.openxmlformats.org/officeDocument/2006/relationships/tags" Target="../tags/tag1035.xml"/><Relationship Id="rId236" Type="http://schemas.openxmlformats.org/officeDocument/2006/relationships/tags" Target="../tags/tag1056.xml"/><Relationship Id="rId257" Type="http://schemas.openxmlformats.org/officeDocument/2006/relationships/tags" Target="../tags/tag1077.xml"/><Relationship Id="rId278" Type="http://schemas.openxmlformats.org/officeDocument/2006/relationships/tags" Target="../tags/tag1098.xml"/><Relationship Id="rId401" Type="http://schemas.openxmlformats.org/officeDocument/2006/relationships/tags" Target="../tags/tag1221.xml"/><Relationship Id="rId303" Type="http://schemas.openxmlformats.org/officeDocument/2006/relationships/tags" Target="../tags/tag1123.xml"/><Relationship Id="rId42" Type="http://schemas.openxmlformats.org/officeDocument/2006/relationships/tags" Target="../tags/tag862.xml"/><Relationship Id="rId84" Type="http://schemas.openxmlformats.org/officeDocument/2006/relationships/tags" Target="../tags/tag904.xml"/><Relationship Id="rId138" Type="http://schemas.openxmlformats.org/officeDocument/2006/relationships/tags" Target="../tags/tag958.xml"/><Relationship Id="rId345" Type="http://schemas.openxmlformats.org/officeDocument/2006/relationships/tags" Target="../tags/tag1165.xml"/><Relationship Id="rId387" Type="http://schemas.openxmlformats.org/officeDocument/2006/relationships/tags" Target="../tags/tag1207.xml"/><Relationship Id="rId191" Type="http://schemas.openxmlformats.org/officeDocument/2006/relationships/tags" Target="../tags/tag1011.xml"/><Relationship Id="rId205" Type="http://schemas.openxmlformats.org/officeDocument/2006/relationships/tags" Target="../tags/tag1025.xml"/><Relationship Id="rId247" Type="http://schemas.openxmlformats.org/officeDocument/2006/relationships/tags" Target="../tags/tag1067.xml"/><Relationship Id="rId107" Type="http://schemas.openxmlformats.org/officeDocument/2006/relationships/tags" Target="../tags/tag927.xml"/><Relationship Id="rId289" Type="http://schemas.openxmlformats.org/officeDocument/2006/relationships/tags" Target="../tags/tag1109.xml"/><Relationship Id="rId11" Type="http://schemas.openxmlformats.org/officeDocument/2006/relationships/tags" Target="../tags/tag831.xml"/><Relationship Id="rId53" Type="http://schemas.openxmlformats.org/officeDocument/2006/relationships/tags" Target="../tags/tag873.xml"/><Relationship Id="rId149" Type="http://schemas.openxmlformats.org/officeDocument/2006/relationships/tags" Target="../tags/tag969.xml"/><Relationship Id="rId314" Type="http://schemas.openxmlformats.org/officeDocument/2006/relationships/tags" Target="../tags/tag1134.xml"/><Relationship Id="rId356" Type="http://schemas.openxmlformats.org/officeDocument/2006/relationships/tags" Target="../tags/tag1176.xml"/><Relationship Id="rId398" Type="http://schemas.openxmlformats.org/officeDocument/2006/relationships/tags" Target="../tags/tag12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2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117" Type="http://schemas.openxmlformats.org/officeDocument/2006/relationships/tags" Target="../tags/tag119.xml"/><Relationship Id="rId299" Type="http://schemas.openxmlformats.org/officeDocument/2006/relationships/tags" Target="../tags/tag301.xml"/><Relationship Id="rId21" Type="http://schemas.openxmlformats.org/officeDocument/2006/relationships/tags" Target="../tags/tag23.xml"/><Relationship Id="rId63" Type="http://schemas.openxmlformats.org/officeDocument/2006/relationships/tags" Target="../tags/tag65.xml"/><Relationship Id="rId159" Type="http://schemas.openxmlformats.org/officeDocument/2006/relationships/tags" Target="../tags/tag161.xml"/><Relationship Id="rId324" Type="http://schemas.openxmlformats.org/officeDocument/2006/relationships/tags" Target="../tags/tag326.xml"/><Relationship Id="rId366" Type="http://schemas.openxmlformats.org/officeDocument/2006/relationships/tags" Target="../tags/tag368.xml"/><Relationship Id="rId170" Type="http://schemas.openxmlformats.org/officeDocument/2006/relationships/tags" Target="../tags/tag172.xml"/><Relationship Id="rId226" Type="http://schemas.openxmlformats.org/officeDocument/2006/relationships/tags" Target="../tags/tag228.xml"/><Relationship Id="rId268" Type="http://schemas.openxmlformats.org/officeDocument/2006/relationships/tags" Target="../tags/tag270.xml"/><Relationship Id="rId32" Type="http://schemas.openxmlformats.org/officeDocument/2006/relationships/tags" Target="../tags/tag34.xml"/><Relationship Id="rId74" Type="http://schemas.openxmlformats.org/officeDocument/2006/relationships/tags" Target="../tags/tag76.xml"/><Relationship Id="rId128" Type="http://schemas.openxmlformats.org/officeDocument/2006/relationships/tags" Target="../tags/tag130.xml"/><Relationship Id="rId335" Type="http://schemas.openxmlformats.org/officeDocument/2006/relationships/tags" Target="../tags/tag337.xml"/><Relationship Id="rId377" Type="http://schemas.openxmlformats.org/officeDocument/2006/relationships/tags" Target="../tags/tag379.xml"/><Relationship Id="rId5" Type="http://schemas.openxmlformats.org/officeDocument/2006/relationships/tags" Target="../tags/tag7.xml"/><Relationship Id="rId95" Type="http://schemas.openxmlformats.org/officeDocument/2006/relationships/tags" Target="../tags/tag97.xml"/><Relationship Id="rId160" Type="http://schemas.openxmlformats.org/officeDocument/2006/relationships/tags" Target="../tags/tag162.xml"/><Relationship Id="rId181" Type="http://schemas.openxmlformats.org/officeDocument/2006/relationships/tags" Target="../tags/tag183.xml"/><Relationship Id="rId216" Type="http://schemas.openxmlformats.org/officeDocument/2006/relationships/tags" Target="../tags/tag218.xml"/><Relationship Id="rId237" Type="http://schemas.openxmlformats.org/officeDocument/2006/relationships/tags" Target="../tags/tag239.xml"/><Relationship Id="rId402" Type="http://schemas.openxmlformats.org/officeDocument/2006/relationships/tags" Target="../tags/tag404.xml"/><Relationship Id="rId258" Type="http://schemas.openxmlformats.org/officeDocument/2006/relationships/tags" Target="../tags/tag260.xml"/><Relationship Id="rId279" Type="http://schemas.openxmlformats.org/officeDocument/2006/relationships/tags" Target="../tags/tag281.xml"/><Relationship Id="rId22" Type="http://schemas.openxmlformats.org/officeDocument/2006/relationships/tags" Target="../tags/tag24.xml"/><Relationship Id="rId43" Type="http://schemas.openxmlformats.org/officeDocument/2006/relationships/tags" Target="../tags/tag45.xml"/><Relationship Id="rId64" Type="http://schemas.openxmlformats.org/officeDocument/2006/relationships/tags" Target="../tags/tag66.xml"/><Relationship Id="rId118" Type="http://schemas.openxmlformats.org/officeDocument/2006/relationships/tags" Target="../tags/tag120.xml"/><Relationship Id="rId139" Type="http://schemas.openxmlformats.org/officeDocument/2006/relationships/tags" Target="../tags/tag141.xml"/><Relationship Id="rId290" Type="http://schemas.openxmlformats.org/officeDocument/2006/relationships/tags" Target="../tags/tag292.xml"/><Relationship Id="rId304" Type="http://schemas.openxmlformats.org/officeDocument/2006/relationships/tags" Target="../tags/tag306.xml"/><Relationship Id="rId325" Type="http://schemas.openxmlformats.org/officeDocument/2006/relationships/tags" Target="../tags/tag327.xml"/><Relationship Id="rId346" Type="http://schemas.openxmlformats.org/officeDocument/2006/relationships/tags" Target="../tags/tag348.xml"/><Relationship Id="rId367" Type="http://schemas.openxmlformats.org/officeDocument/2006/relationships/tags" Target="../tags/tag369.xml"/><Relationship Id="rId388" Type="http://schemas.openxmlformats.org/officeDocument/2006/relationships/tags" Target="../tags/tag390.xml"/><Relationship Id="rId85" Type="http://schemas.openxmlformats.org/officeDocument/2006/relationships/tags" Target="../tags/tag87.xml"/><Relationship Id="rId150" Type="http://schemas.openxmlformats.org/officeDocument/2006/relationships/tags" Target="../tags/tag152.xml"/><Relationship Id="rId171" Type="http://schemas.openxmlformats.org/officeDocument/2006/relationships/tags" Target="../tags/tag173.xml"/><Relationship Id="rId192" Type="http://schemas.openxmlformats.org/officeDocument/2006/relationships/tags" Target="../tags/tag194.xml"/><Relationship Id="rId206" Type="http://schemas.openxmlformats.org/officeDocument/2006/relationships/tags" Target="../tags/tag208.xml"/><Relationship Id="rId227" Type="http://schemas.openxmlformats.org/officeDocument/2006/relationships/tags" Target="../tags/tag229.xml"/><Relationship Id="rId248" Type="http://schemas.openxmlformats.org/officeDocument/2006/relationships/tags" Target="../tags/tag250.xml"/><Relationship Id="rId269" Type="http://schemas.openxmlformats.org/officeDocument/2006/relationships/tags" Target="../tags/tag271.xml"/><Relationship Id="rId12" Type="http://schemas.openxmlformats.org/officeDocument/2006/relationships/tags" Target="../tags/tag14.xml"/><Relationship Id="rId33" Type="http://schemas.openxmlformats.org/officeDocument/2006/relationships/tags" Target="../tags/tag35.xml"/><Relationship Id="rId108" Type="http://schemas.openxmlformats.org/officeDocument/2006/relationships/tags" Target="../tags/tag110.xml"/><Relationship Id="rId129" Type="http://schemas.openxmlformats.org/officeDocument/2006/relationships/tags" Target="../tags/tag131.xml"/><Relationship Id="rId280" Type="http://schemas.openxmlformats.org/officeDocument/2006/relationships/tags" Target="../tags/tag282.xml"/><Relationship Id="rId315" Type="http://schemas.openxmlformats.org/officeDocument/2006/relationships/tags" Target="../tags/tag317.xml"/><Relationship Id="rId336" Type="http://schemas.openxmlformats.org/officeDocument/2006/relationships/tags" Target="../tags/tag338.xml"/><Relationship Id="rId357" Type="http://schemas.openxmlformats.org/officeDocument/2006/relationships/tags" Target="../tags/tag359.xml"/><Relationship Id="rId54" Type="http://schemas.openxmlformats.org/officeDocument/2006/relationships/tags" Target="../tags/tag56.xml"/><Relationship Id="rId75" Type="http://schemas.openxmlformats.org/officeDocument/2006/relationships/tags" Target="../tags/tag77.xml"/><Relationship Id="rId96" Type="http://schemas.openxmlformats.org/officeDocument/2006/relationships/tags" Target="../tags/tag98.xml"/><Relationship Id="rId140" Type="http://schemas.openxmlformats.org/officeDocument/2006/relationships/tags" Target="../tags/tag142.xml"/><Relationship Id="rId161" Type="http://schemas.openxmlformats.org/officeDocument/2006/relationships/tags" Target="../tags/tag163.xml"/><Relationship Id="rId182" Type="http://schemas.openxmlformats.org/officeDocument/2006/relationships/tags" Target="../tags/tag184.xml"/><Relationship Id="rId217" Type="http://schemas.openxmlformats.org/officeDocument/2006/relationships/tags" Target="../tags/tag219.xml"/><Relationship Id="rId378" Type="http://schemas.openxmlformats.org/officeDocument/2006/relationships/tags" Target="../tags/tag380.xml"/><Relationship Id="rId399" Type="http://schemas.openxmlformats.org/officeDocument/2006/relationships/tags" Target="../tags/tag401.xml"/><Relationship Id="rId403" Type="http://schemas.openxmlformats.org/officeDocument/2006/relationships/tags" Target="../tags/tag405.xml"/><Relationship Id="rId6" Type="http://schemas.openxmlformats.org/officeDocument/2006/relationships/tags" Target="../tags/tag8.xml"/><Relationship Id="rId238" Type="http://schemas.openxmlformats.org/officeDocument/2006/relationships/tags" Target="../tags/tag240.xml"/><Relationship Id="rId259" Type="http://schemas.openxmlformats.org/officeDocument/2006/relationships/tags" Target="../tags/tag261.xml"/><Relationship Id="rId23" Type="http://schemas.openxmlformats.org/officeDocument/2006/relationships/tags" Target="../tags/tag25.xml"/><Relationship Id="rId119" Type="http://schemas.openxmlformats.org/officeDocument/2006/relationships/tags" Target="../tags/tag121.xml"/><Relationship Id="rId270" Type="http://schemas.openxmlformats.org/officeDocument/2006/relationships/tags" Target="../tags/tag272.xml"/><Relationship Id="rId291" Type="http://schemas.openxmlformats.org/officeDocument/2006/relationships/tags" Target="../tags/tag293.xml"/><Relationship Id="rId305" Type="http://schemas.openxmlformats.org/officeDocument/2006/relationships/tags" Target="../tags/tag307.xml"/><Relationship Id="rId326" Type="http://schemas.openxmlformats.org/officeDocument/2006/relationships/tags" Target="../tags/tag328.xml"/><Relationship Id="rId347" Type="http://schemas.openxmlformats.org/officeDocument/2006/relationships/tags" Target="../tags/tag349.xml"/><Relationship Id="rId44" Type="http://schemas.openxmlformats.org/officeDocument/2006/relationships/tags" Target="../tags/tag46.xml"/><Relationship Id="rId65" Type="http://schemas.openxmlformats.org/officeDocument/2006/relationships/tags" Target="../tags/tag67.xml"/><Relationship Id="rId86" Type="http://schemas.openxmlformats.org/officeDocument/2006/relationships/tags" Target="../tags/tag88.xml"/><Relationship Id="rId130" Type="http://schemas.openxmlformats.org/officeDocument/2006/relationships/tags" Target="../tags/tag132.xml"/><Relationship Id="rId151" Type="http://schemas.openxmlformats.org/officeDocument/2006/relationships/tags" Target="../tags/tag153.xml"/><Relationship Id="rId368" Type="http://schemas.openxmlformats.org/officeDocument/2006/relationships/tags" Target="../tags/tag370.xml"/><Relationship Id="rId389" Type="http://schemas.openxmlformats.org/officeDocument/2006/relationships/tags" Target="../tags/tag391.xml"/><Relationship Id="rId172" Type="http://schemas.openxmlformats.org/officeDocument/2006/relationships/tags" Target="../tags/tag174.xml"/><Relationship Id="rId193" Type="http://schemas.openxmlformats.org/officeDocument/2006/relationships/tags" Target="../tags/tag195.xml"/><Relationship Id="rId207" Type="http://schemas.openxmlformats.org/officeDocument/2006/relationships/tags" Target="../tags/tag209.xml"/><Relationship Id="rId228" Type="http://schemas.openxmlformats.org/officeDocument/2006/relationships/tags" Target="../tags/tag230.xml"/><Relationship Id="rId249" Type="http://schemas.openxmlformats.org/officeDocument/2006/relationships/tags" Target="../tags/tag251.xml"/><Relationship Id="rId13" Type="http://schemas.openxmlformats.org/officeDocument/2006/relationships/tags" Target="../tags/tag15.xml"/><Relationship Id="rId109" Type="http://schemas.openxmlformats.org/officeDocument/2006/relationships/tags" Target="../tags/tag111.xml"/><Relationship Id="rId260" Type="http://schemas.openxmlformats.org/officeDocument/2006/relationships/tags" Target="../tags/tag262.xml"/><Relationship Id="rId281" Type="http://schemas.openxmlformats.org/officeDocument/2006/relationships/tags" Target="../tags/tag283.xml"/><Relationship Id="rId316" Type="http://schemas.openxmlformats.org/officeDocument/2006/relationships/tags" Target="../tags/tag318.xml"/><Relationship Id="rId337" Type="http://schemas.openxmlformats.org/officeDocument/2006/relationships/tags" Target="../tags/tag339.xml"/><Relationship Id="rId34" Type="http://schemas.openxmlformats.org/officeDocument/2006/relationships/tags" Target="../tags/tag36.xml"/><Relationship Id="rId55" Type="http://schemas.openxmlformats.org/officeDocument/2006/relationships/tags" Target="../tags/tag57.xml"/><Relationship Id="rId76" Type="http://schemas.openxmlformats.org/officeDocument/2006/relationships/tags" Target="../tags/tag78.xml"/><Relationship Id="rId97" Type="http://schemas.openxmlformats.org/officeDocument/2006/relationships/tags" Target="../tags/tag99.xml"/><Relationship Id="rId120" Type="http://schemas.openxmlformats.org/officeDocument/2006/relationships/tags" Target="../tags/tag122.xml"/><Relationship Id="rId141" Type="http://schemas.openxmlformats.org/officeDocument/2006/relationships/tags" Target="../tags/tag143.xml"/><Relationship Id="rId358" Type="http://schemas.openxmlformats.org/officeDocument/2006/relationships/tags" Target="../tags/tag360.xml"/><Relationship Id="rId379" Type="http://schemas.openxmlformats.org/officeDocument/2006/relationships/tags" Target="../tags/tag381.xml"/><Relationship Id="rId7" Type="http://schemas.openxmlformats.org/officeDocument/2006/relationships/tags" Target="../tags/tag9.xml"/><Relationship Id="rId162" Type="http://schemas.openxmlformats.org/officeDocument/2006/relationships/tags" Target="../tags/tag164.xml"/><Relationship Id="rId183" Type="http://schemas.openxmlformats.org/officeDocument/2006/relationships/tags" Target="../tags/tag185.xml"/><Relationship Id="rId218" Type="http://schemas.openxmlformats.org/officeDocument/2006/relationships/tags" Target="../tags/tag220.xml"/><Relationship Id="rId239" Type="http://schemas.openxmlformats.org/officeDocument/2006/relationships/tags" Target="../tags/tag241.xml"/><Relationship Id="rId390" Type="http://schemas.openxmlformats.org/officeDocument/2006/relationships/tags" Target="../tags/tag392.xml"/><Relationship Id="rId404" Type="http://schemas.openxmlformats.org/officeDocument/2006/relationships/tags" Target="../tags/tag406.xml"/><Relationship Id="rId250" Type="http://schemas.openxmlformats.org/officeDocument/2006/relationships/tags" Target="../tags/tag252.xml"/><Relationship Id="rId271" Type="http://schemas.openxmlformats.org/officeDocument/2006/relationships/tags" Target="../tags/tag273.xml"/><Relationship Id="rId292" Type="http://schemas.openxmlformats.org/officeDocument/2006/relationships/tags" Target="../tags/tag294.xml"/><Relationship Id="rId306" Type="http://schemas.openxmlformats.org/officeDocument/2006/relationships/tags" Target="../tags/tag308.xml"/><Relationship Id="rId24" Type="http://schemas.openxmlformats.org/officeDocument/2006/relationships/tags" Target="../tags/tag26.xml"/><Relationship Id="rId45" Type="http://schemas.openxmlformats.org/officeDocument/2006/relationships/tags" Target="../tags/tag47.xml"/><Relationship Id="rId66" Type="http://schemas.openxmlformats.org/officeDocument/2006/relationships/tags" Target="../tags/tag68.xml"/><Relationship Id="rId87" Type="http://schemas.openxmlformats.org/officeDocument/2006/relationships/tags" Target="../tags/tag89.xml"/><Relationship Id="rId110" Type="http://schemas.openxmlformats.org/officeDocument/2006/relationships/tags" Target="../tags/tag112.xml"/><Relationship Id="rId131" Type="http://schemas.openxmlformats.org/officeDocument/2006/relationships/tags" Target="../tags/tag133.xml"/><Relationship Id="rId327" Type="http://schemas.openxmlformats.org/officeDocument/2006/relationships/tags" Target="../tags/tag329.xml"/><Relationship Id="rId348" Type="http://schemas.openxmlformats.org/officeDocument/2006/relationships/tags" Target="../tags/tag350.xml"/><Relationship Id="rId369" Type="http://schemas.openxmlformats.org/officeDocument/2006/relationships/tags" Target="../tags/tag371.xml"/><Relationship Id="rId152" Type="http://schemas.openxmlformats.org/officeDocument/2006/relationships/tags" Target="../tags/tag154.xml"/><Relationship Id="rId173" Type="http://schemas.openxmlformats.org/officeDocument/2006/relationships/tags" Target="../tags/tag175.xml"/><Relationship Id="rId194" Type="http://schemas.openxmlformats.org/officeDocument/2006/relationships/tags" Target="../tags/tag196.xml"/><Relationship Id="rId208" Type="http://schemas.openxmlformats.org/officeDocument/2006/relationships/tags" Target="../tags/tag210.xml"/><Relationship Id="rId229" Type="http://schemas.openxmlformats.org/officeDocument/2006/relationships/tags" Target="../tags/tag231.xml"/><Relationship Id="rId380" Type="http://schemas.openxmlformats.org/officeDocument/2006/relationships/tags" Target="../tags/tag382.xml"/><Relationship Id="rId240" Type="http://schemas.openxmlformats.org/officeDocument/2006/relationships/tags" Target="../tags/tag242.xml"/><Relationship Id="rId261" Type="http://schemas.openxmlformats.org/officeDocument/2006/relationships/tags" Target="../tags/tag263.xml"/><Relationship Id="rId14" Type="http://schemas.openxmlformats.org/officeDocument/2006/relationships/tags" Target="../tags/tag16.xml"/><Relationship Id="rId35" Type="http://schemas.openxmlformats.org/officeDocument/2006/relationships/tags" Target="../tags/tag37.xml"/><Relationship Id="rId56" Type="http://schemas.openxmlformats.org/officeDocument/2006/relationships/tags" Target="../tags/tag58.xml"/><Relationship Id="rId77" Type="http://schemas.openxmlformats.org/officeDocument/2006/relationships/tags" Target="../tags/tag79.xml"/><Relationship Id="rId100" Type="http://schemas.openxmlformats.org/officeDocument/2006/relationships/tags" Target="../tags/tag102.xml"/><Relationship Id="rId282" Type="http://schemas.openxmlformats.org/officeDocument/2006/relationships/tags" Target="../tags/tag284.xml"/><Relationship Id="rId317" Type="http://schemas.openxmlformats.org/officeDocument/2006/relationships/tags" Target="../tags/tag319.xml"/><Relationship Id="rId338" Type="http://schemas.openxmlformats.org/officeDocument/2006/relationships/tags" Target="../tags/tag340.xml"/><Relationship Id="rId359" Type="http://schemas.openxmlformats.org/officeDocument/2006/relationships/tags" Target="../tags/tag361.xml"/><Relationship Id="rId8" Type="http://schemas.openxmlformats.org/officeDocument/2006/relationships/tags" Target="../tags/tag10.xml"/><Relationship Id="rId98" Type="http://schemas.openxmlformats.org/officeDocument/2006/relationships/tags" Target="../tags/tag100.xml"/><Relationship Id="rId121" Type="http://schemas.openxmlformats.org/officeDocument/2006/relationships/tags" Target="../tags/tag123.xml"/><Relationship Id="rId142" Type="http://schemas.openxmlformats.org/officeDocument/2006/relationships/tags" Target="../tags/tag144.xml"/><Relationship Id="rId163" Type="http://schemas.openxmlformats.org/officeDocument/2006/relationships/tags" Target="../tags/tag165.xml"/><Relationship Id="rId184" Type="http://schemas.openxmlformats.org/officeDocument/2006/relationships/tags" Target="../tags/tag186.xml"/><Relationship Id="rId219" Type="http://schemas.openxmlformats.org/officeDocument/2006/relationships/tags" Target="../tags/tag221.xml"/><Relationship Id="rId370" Type="http://schemas.openxmlformats.org/officeDocument/2006/relationships/tags" Target="../tags/tag372.xml"/><Relationship Id="rId391" Type="http://schemas.openxmlformats.org/officeDocument/2006/relationships/tags" Target="../tags/tag393.xml"/><Relationship Id="rId405" Type="http://schemas.openxmlformats.org/officeDocument/2006/relationships/tags" Target="../tags/tag407.xml"/><Relationship Id="rId230" Type="http://schemas.openxmlformats.org/officeDocument/2006/relationships/tags" Target="../tags/tag232.xml"/><Relationship Id="rId251" Type="http://schemas.openxmlformats.org/officeDocument/2006/relationships/tags" Target="../tags/tag253.xml"/><Relationship Id="rId25" Type="http://schemas.openxmlformats.org/officeDocument/2006/relationships/tags" Target="../tags/tag27.xml"/><Relationship Id="rId46" Type="http://schemas.openxmlformats.org/officeDocument/2006/relationships/tags" Target="../tags/tag48.xml"/><Relationship Id="rId67" Type="http://schemas.openxmlformats.org/officeDocument/2006/relationships/tags" Target="../tags/tag69.xml"/><Relationship Id="rId272" Type="http://schemas.openxmlformats.org/officeDocument/2006/relationships/tags" Target="../tags/tag274.xml"/><Relationship Id="rId293" Type="http://schemas.openxmlformats.org/officeDocument/2006/relationships/tags" Target="../tags/tag295.xml"/><Relationship Id="rId307" Type="http://schemas.openxmlformats.org/officeDocument/2006/relationships/tags" Target="../tags/tag309.xml"/><Relationship Id="rId328" Type="http://schemas.openxmlformats.org/officeDocument/2006/relationships/tags" Target="../tags/tag330.xml"/><Relationship Id="rId349" Type="http://schemas.openxmlformats.org/officeDocument/2006/relationships/tags" Target="../tags/tag351.xml"/><Relationship Id="rId88" Type="http://schemas.openxmlformats.org/officeDocument/2006/relationships/tags" Target="../tags/tag90.xml"/><Relationship Id="rId111" Type="http://schemas.openxmlformats.org/officeDocument/2006/relationships/tags" Target="../tags/tag113.xml"/><Relationship Id="rId132" Type="http://schemas.openxmlformats.org/officeDocument/2006/relationships/tags" Target="../tags/tag134.xml"/><Relationship Id="rId153" Type="http://schemas.openxmlformats.org/officeDocument/2006/relationships/tags" Target="../tags/tag155.xml"/><Relationship Id="rId174" Type="http://schemas.openxmlformats.org/officeDocument/2006/relationships/tags" Target="../tags/tag176.xml"/><Relationship Id="rId195" Type="http://schemas.openxmlformats.org/officeDocument/2006/relationships/tags" Target="../tags/tag197.xml"/><Relationship Id="rId209" Type="http://schemas.openxmlformats.org/officeDocument/2006/relationships/tags" Target="../tags/tag211.xml"/><Relationship Id="rId360" Type="http://schemas.openxmlformats.org/officeDocument/2006/relationships/tags" Target="../tags/tag362.xml"/><Relationship Id="rId381" Type="http://schemas.openxmlformats.org/officeDocument/2006/relationships/tags" Target="../tags/tag383.xml"/><Relationship Id="rId220" Type="http://schemas.openxmlformats.org/officeDocument/2006/relationships/tags" Target="../tags/tag222.xml"/><Relationship Id="rId241" Type="http://schemas.openxmlformats.org/officeDocument/2006/relationships/tags" Target="../tags/tag243.xml"/><Relationship Id="rId15" Type="http://schemas.openxmlformats.org/officeDocument/2006/relationships/tags" Target="../tags/tag17.xml"/><Relationship Id="rId36" Type="http://schemas.openxmlformats.org/officeDocument/2006/relationships/tags" Target="../tags/tag38.xml"/><Relationship Id="rId57" Type="http://schemas.openxmlformats.org/officeDocument/2006/relationships/tags" Target="../tags/tag59.xml"/><Relationship Id="rId262" Type="http://schemas.openxmlformats.org/officeDocument/2006/relationships/tags" Target="../tags/tag264.xml"/><Relationship Id="rId283" Type="http://schemas.openxmlformats.org/officeDocument/2006/relationships/tags" Target="../tags/tag285.xml"/><Relationship Id="rId318" Type="http://schemas.openxmlformats.org/officeDocument/2006/relationships/tags" Target="../tags/tag320.xml"/><Relationship Id="rId339" Type="http://schemas.openxmlformats.org/officeDocument/2006/relationships/tags" Target="../tags/tag341.xml"/><Relationship Id="rId78" Type="http://schemas.openxmlformats.org/officeDocument/2006/relationships/tags" Target="../tags/tag80.xml"/><Relationship Id="rId99" Type="http://schemas.openxmlformats.org/officeDocument/2006/relationships/tags" Target="../tags/tag101.xml"/><Relationship Id="rId101" Type="http://schemas.openxmlformats.org/officeDocument/2006/relationships/tags" Target="../tags/tag103.xml"/><Relationship Id="rId122" Type="http://schemas.openxmlformats.org/officeDocument/2006/relationships/tags" Target="../tags/tag124.xml"/><Relationship Id="rId143" Type="http://schemas.openxmlformats.org/officeDocument/2006/relationships/tags" Target="../tags/tag145.xml"/><Relationship Id="rId164" Type="http://schemas.openxmlformats.org/officeDocument/2006/relationships/tags" Target="../tags/tag166.xml"/><Relationship Id="rId185" Type="http://schemas.openxmlformats.org/officeDocument/2006/relationships/tags" Target="../tags/tag187.xml"/><Relationship Id="rId350" Type="http://schemas.openxmlformats.org/officeDocument/2006/relationships/tags" Target="../tags/tag352.xml"/><Relationship Id="rId371" Type="http://schemas.openxmlformats.org/officeDocument/2006/relationships/tags" Target="../tags/tag373.xml"/><Relationship Id="rId406" Type="http://schemas.openxmlformats.org/officeDocument/2006/relationships/tags" Target="../tags/tag408.xml"/><Relationship Id="rId9" Type="http://schemas.openxmlformats.org/officeDocument/2006/relationships/tags" Target="../tags/tag11.xml"/><Relationship Id="rId210" Type="http://schemas.openxmlformats.org/officeDocument/2006/relationships/tags" Target="../tags/tag212.xml"/><Relationship Id="rId392" Type="http://schemas.openxmlformats.org/officeDocument/2006/relationships/tags" Target="../tags/tag394.xml"/><Relationship Id="rId26" Type="http://schemas.openxmlformats.org/officeDocument/2006/relationships/tags" Target="../tags/tag28.xml"/><Relationship Id="rId231" Type="http://schemas.openxmlformats.org/officeDocument/2006/relationships/tags" Target="../tags/tag233.xml"/><Relationship Id="rId252" Type="http://schemas.openxmlformats.org/officeDocument/2006/relationships/tags" Target="../tags/tag254.xml"/><Relationship Id="rId273" Type="http://schemas.openxmlformats.org/officeDocument/2006/relationships/tags" Target="../tags/tag275.xml"/><Relationship Id="rId294" Type="http://schemas.openxmlformats.org/officeDocument/2006/relationships/tags" Target="../tags/tag296.xml"/><Relationship Id="rId308" Type="http://schemas.openxmlformats.org/officeDocument/2006/relationships/tags" Target="../tags/tag310.xml"/><Relationship Id="rId329" Type="http://schemas.openxmlformats.org/officeDocument/2006/relationships/tags" Target="../tags/tag331.xml"/><Relationship Id="rId47" Type="http://schemas.openxmlformats.org/officeDocument/2006/relationships/tags" Target="../tags/tag49.xml"/><Relationship Id="rId68" Type="http://schemas.openxmlformats.org/officeDocument/2006/relationships/tags" Target="../tags/tag70.xml"/><Relationship Id="rId89" Type="http://schemas.openxmlformats.org/officeDocument/2006/relationships/tags" Target="../tags/tag91.xml"/><Relationship Id="rId112" Type="http://schemas.openxmlformats.org/officeDocument/2006/relationships/tags" Target="../tags/tag114.xml"/><Relationship Id="rId133" Type="http://schemas.openxmlformats.org/officeDocument/2006/relationships/tags" Target="../tags/tag135.xml"/><Relationship Id="rId154" Type="http://schemas.openxmlformats.org/officeDocument/2006/relationships/tags" Target="../tags/tag156.xml"/><Relationship Id="rId175" Type="http://schemas.openxmlformats.org/officeDocument/2006/relationships/tags" Target="../tags/tag177.xml"/><Relationship Id="rId340" Type="http://schemas.openxmlformats.org/officeDocument/2006/relationships/tags" Target="../tags/tag342.xml"/><Relationship Id="rId361" Type="http://schemas.openxmlformats.org/officeDocument/2006/relationships/tags" Target="../tags/tag363.xml"/><Relationship Id="rId196" Type="http://schemas.openxmlformats.org/officeDocument/2006/relationships/tags" Target="../tags/tag198.xml"/><Relationship Id="rId200" Type="http://schemas.openxmlformats.org/officeDocument/2006/relationships/tags" Target="../tags/tag202.xml"/><Relationship Id="rId382" Type="http://schemas.openxmlformats.org/officeDocument/2006/relationships/tags" Target="../tags/tag384.xml"/><Relationship Id="rId16" Type="http://schemas.openxmlformats.org/officeDocument/2006/relationships/tags" Target="../tags/tag18.xml"/><Relationship Id="rId221" Type="http://schemas.openxmlformats.org/officeDocument/2006/relationships/tags" Target="../tags/tag223.xml"/><Relationship Id="rId242" Type="http://schemas.openxmlformats.org/officeDocument/2006/relationships/tags" Target="../tags/tag244.xml"/><Relationship Id="rId263" Type="http://schemas.openxmlformats.org/officeDocument/2006/relationships/tags" Target="../tags/tag265.xml"/><Relationship Id="rId284" Type="http://schemas.openxmlformats.org/officeDocument/2006/relationships/tags" Target="../tags/tag286.xml"/><Relationship Id="rId319" Type="http://schemas.openxmlformats.org/officeDocument/2006/relationships/tags" Target="../tags/tag321.xml"/><Relationship Id="rId37" Type="http://schemas.openxmlformats.org/officeDocument/2006/relationships/tags" Target="../tags/tag39.xml"/><Relationship Id="rId58" Type="http://schemas.openxmlformats.org/officeDocument/2006/relationships/tags" Target="../tags/tag60.xml"/><Relationship Id="rId79" Type="http://schemas.openxmlformats.org/officeDocument/2006/relationships/tags" Target="../tags/tag81.xml"/><Relationship Id="rId102" Type="http://schemas.openxmlformats.org/officeDocument/2006/relationships/tags" Target="../tags/tag104.xml"/><Relationship Id="rId123" Type="http://schemas.openxmlformats.org/officeDocument/2006/relationships/tags" Target="../tags/tag125.xml"/><Relationship Id="rId144" Type="http://schemas.openxmlformats.org/officeDocument/2006/relationships/tags" Target="../tags/tag146.xml"/><Relationship Id="rId330" Type="http://schemas.openxmlformats.org/officeDocument/2006/relationships/tags" Target="../tags/tag332.xml"/><Relationship Id="rId90" Type="http://schemas.openxmlformats.org/officeDocument/2006/relationships/tags" Target="../tags/tag92.xml"/><Relationship Id="rId165" Type="http://schemas.openxmlformats.org/officeDocument/2006/relationships/tags" Target="../tags/tag167.xml"/><Relationship Id="rId186" Type="http://schemas.openxmlformats.org/officeDocument/2006/relationships/tags" Target="../tags/tag188.xml"/><Relationship Id="rId351" Type="http://schemas.openxmlformats.org/officeDocument/2006/relationships/tags" Target="../tags/tag353.xml"/><Relationship Id="rId372" Type="http://schemas.openxmlformats.org/officeDocument/2006/relationships/tags" Target="../tags/tag374.xml"/><Relationship Id="rId393" Type="http://schemas.openxmlformats.org/officeDocument/2006/relationships/tags" Target="../tags/tag395.xml"/><Relationship Id="rId407" Type="http://schemas.openxmlformats.org/officeDocument/2006/relationships/tags" Target="../tags/tag409.xml"/><Relationship Id="rId211" Type="http://schemas.openxmlformats.org/officeDocument/2006/relationships/tags" Target="../tags/tag213.xml"/><Relationship Id="rId232" Type="http://schemas.openxmlformats.org/officeDocument/2006/relationships/tags" Target="../tags/tag234.xml"/><Relationship Id="rId253" Type="http://schemas.openxmlformats.org/officeDocument/2006/relationships/tags" Target="../tags/tag255.xml"/><Relationship Id="rId274" Type="http://schemas.openxmlformats.org/officeDocument/2006/relationships/tags" Target="../tags/tag276.xml"/><Relationship Id="rId295" Type="http://schemas.openxmlformats.org/officeDocument/2006/relationships/tags" Target="../tags/tag297.xml"/><Relationship Id="rId309" Type="http://schemas.openxmlformats.org/officeDocument/2006/relationships/tags" Target="../tags/tag311.xml"/><Relationship Id="rId27" Type="http://schemas.openxmlformats.org/officeDocument/2006/relationships/tags" Target="../tags/tag29.xml"/><Relationship Id="rId48" Type="http://schemas.openxmlformats.org/officeDocument/2006/relationships/tags" Target="../tags/tag50.xml"/><Relationship Id="rId69" Type="http://schemas.openxmlformats.org/officeDocument/2006/relationships/tags" Target="../tags/tag71.xml"/><Relationship Id="rId113" Type="http://schemas.openxmlformats.org/officeDocument/2006/relationships/tags" Target="../tags/tag115.xml"/><Relationship Id="rId134" Type="http://schemas.openxmlformats.org/officeDocument/2006/relationships/tags" Target="../tags/tag136.xml"/><Relationship Id="rId320" Type="http://schemas.openxmlformats.org/officeDocument/2006/relationships/tags" Target="../tags/tag322.xml"/><Relationship Id="rId80" Type="http://schemas.openxmlformats.org/officeDocument/2006/relationships/tags" Target="../tags/tag82.xml"/><Relationship Id="rId155" Type="http://schemas.openxmlformats.org/officeDocument/2006/relationships/tags" Target="../tags/tag157.xml"/><Relationship Id="rId176" Type="http://schemas.openxmlformats.org/officeDocument/2006/relationships/tags" Target="../tags/tag178.xml"/><Relationship Id="rId197" Type="http://schemas.openxmlformats.org/officeDocument/2006/relationships/tags" Target="../tags/tag199.xml"/><Relationship Id="rId341" Type="http://schemas.openxmlformats.org/officeDocument/2006/relationships/tags" Target="../tags/tag343.xml"/><Relationship Id="rId362" Type="http://schemas.openxmlformats.org/officeDocument/2006/relationships/tags" Target="../tags/tag364.xml"/><Relationship Id="rId383" Type="http://schemas.openxmlformats.org/officeDocument/2006/relationships/tags" Target="../tags/tag385.xml"/><Relationship Id="rId201" Type="http://schemas.openxmlformats.org/officeDocument/2006/relationships/tags" Target="../tags/tag203.xml"/><Relationship Id="rId222" Type="http://schemas.openxmlformats.org/officeDocument/2006/relationships/tags" Target="../tags/tag224.xml"/><Relationship Id="rId243" Type="http://schemas.openxmlformats.org/officeDocument/2006/relationships/tags" Target="../tags/tag245.xml"/><Relationship Id="rId264" Type="http://schemas.openxmlformats.org/officeDocument/2006/relationships/tags" Target="../tags/tag266.xml"/><Relationship Id="rId285" Type="http://schemas.openxmlformats.org/officeDocument/2006/relationships/tags" Target="../tags/tag287.xml"/><Relationship Id="rId17" Type="http://schemas.openxmlformats.org/officeDocument/2006/relationships/tags" Target="../tags/tag19.xml"/><Relationship Id="rId38" Type="http://schemas.openxmlformats.org/officeDocument/2006/relationships/tags" Target="../tags/tag40.xml"/><Relationship Id="rId59" Type="http://schemas.openxmlformats.org/officeDocument/2006/relationships/tags" Target="../tags/tag61.xml"/><Relationship Id="rId103" Type="http://schemas.openxmlformats.org/officeDocument/2006/relationships/tags" Target="../tags/tag105.xml"/><Relationship Id="rId124" Type="http://schemas.openxmlformats.org/officeDocument/2006/relationships/tags" Target="../tags/tag126.xml"/><Relationship Id="rId310" Type="http://schemas.openxmlformats.org/officeDocument/2006/relationships/tags" Target="../tags/tag312.xml"/><Relationship Id="rId70" Type="http://schemas.openxmlformats.org/officeDocument/2006/relationships/tags" Target="../tags/tag72.xml"/><Relationship Id="rId91" Type="http://schemas.openxmlformats.org/officeDocument/2006/relationships/tags" Target="../tags/tag93.xml"/><Relationship Id="rId145" Type="http://schemas.openxmlformats.org/officeDocument/2006/relationships/tags" Target="../tags/tag147.xml"/><Relationship Id="rId166" Type="http://schemas.openxmlformats.org/officeDocument/2006/relationships/tags" Target="../tags/tag168.xml"/><Relationship Id="rId187" Type="http://schemas.openxmlformats.org/officeDocument/2006/relationships/tags" Target="../tags/tag189.xml"/><Relationship Id="rId331" Type="http://schemas.openxmlformats.org/officeDocument/2006/relationships/tags" Target="../tags/tag333.xml"/><Relationship Id="rId352" Type="http://schemas.openxmlformats.org/officeDocument/2006/relationships/tags" Target="../tags/tag354.xml"/><Relationship Id="rId373" Type="http://schemas.openxmlformats.org/officeDocument/2006/relationships/tags" Target="../tags/tag375.xml"/><Relationship Id="rId394" Type="http://schemas.openxmlformats.org/officeDocument/2006/relationships/tags" Target="../tags/tag396.xml"/><Relationship Id="rId408" Type="http://schemas.openxmlformats.org/officeDocument/2006/relationships/tags" Target="../tags/tag410.xml"/><Relationship Id="rId1" Type="http://schemas.openxmlformats.org/officeDocument/2006/relationships/customXml" Target="../../customXml/item17.xml"/><Relationship Id="rId212" Type="http://schemas.openxmlformats.org/officeDocument/2006/relationships/tags" Target="../tags/tag214.xml"/><Relationship Id="rId233" Type="http://schemas.openxmlformats.org/officeDocument/2006/relationships/tags" Target="../tags/tag235.xml"/><Relationship Id="rId254" Type="http://schemas.openxmlformats.org/officeDocument/2006/relationships/tags" Target="../tags/tag256.xml"/><Relationship Id="rId28" Type="http://schemas.openxmlformats.org/officeDocument/2006/relationships/tags" Target="../tags/tag30.xml"/><Relationship Id="rId49" Type="http://schemas.openxmlformats.org/officeDocument/2006/relationships/tags" Target="../tags/tag51.xml"/><Relationship Id="rId114" Type="http://schemas.openxmlformats.org/officeDocument/2006/relationships/tags" Target="../tags/tag116.xml"/><Relationship Id="rId275" Type="http://schemas.openxmlformats.org/officeDocument/2006/relationships/tags" Target="../tags/tag277.xml"/><Relationship Id="rId296" Type="http://schemas.openxmlformats.org/officeDocument/2006/relationships/tags" Target="../tags/tag298.xml"/><Relationship Id="rId300" Type="http://schemas.openxmlformats.org/officeDocument/2006/relationships/tags" Target="../tags/tag302.xml"/><Relationship Id="rId60" Type="http://schemas.openxmlformats.org/officeDocument/2006/relationships/tags" Target="../tags/tag62.xml"/><Relationship Id="rId81" Type="http://schemas.openxmlformats.org/officeDocument/2006/relationships/tags" Target="../tags/tag83.xml"/><Relationship Id="rId135" Type="http://schemas.openxmlformats.org/officeDocument/2006/relationships/tags" Target="../tags/tag137.xml"/><Relationship Id="rId156" Type="http://schemas.openxmlformats.org/officeDocument/2006/relationships/tags" Target="../tags/tag158.xml"/><Relationship Id="rId177" Type="http://schemas.openxmlformats.org/officeDocument/2006/relationships/tags" Target="../tags/tag179.xml"/><Relationship Id="rId198" Type="http://schemas.openxmlformats.org/officeDocument/2006/relationships/tags" Target="../tags/tag200.xml"/><Relationship Id="rId321" Type="http://schemas.openxmlformats.org/officeDocument/2006/relationships/tags" Target="../tags/tag323.xml"/><Relationship Id="rId342" Type="http://schemas.openxmlformats.org/officeDocument/2006/relationships/tags" Target="../tags/tag344.xml"/><Relationship Id="rId363" Type="http://schemas.openxmlformats.org/officeDocument/2006/relationships/tags" Target="../tags/tag365.xml"/><Relationship Id="rId384" Type="http://schemas.openxmlformats.org/officeDocument/2006/relationships/tags" Target="../tags/tag386.xml"/><Relationship Id="rId202" Type="http://schemas.openxmlformats.org/officeDocument/2006/relationships/tags" Target="../tags/tag204.xml"/><Relationship Id="rId223" Type="http://schemas.openxmlformats.org/officeDocument/2006/relationships/tags" Target="../tags/tag225.xml"/><Relationship Id="rId244" Type="http://schemas.openxmlformats.org/officeDocument/2006/relationships/tags" Target="../tags/tag246.xml"/><Relationship Id="rId18" Type="http://schemas.openxmlformats.org/officeDocument/2006/relationships/tags" Target="../tags/tag20.xml"/><Relationship Id="rId39" Type="http://schemas.openxmlformats.org/officeDocument/2006/relationships/tags" Target="../tags/tag41.xml"/><Relationship Id="rId265" Type="http://schemas.openxmlformats.org/officeDocument/2006/relationships/tags" Target="../tags/tag267.xml"/><Relationship Id="rId286" Type="http://schemas.openxmlformats.org/officeDocument/2006/relationships/tags" Target="../tags/tag288.xml"/><Relationship Id="rId50" Type="http://schemas.openxmlformats.org/officeDocument/2006/relationships/tags" Target="../tags/tag52.xml"/><Relationship Id="rId104" Type="http://schemas.openxmlformats.org/officeDocument/2006/relationships/tags" Target="../tags/tag106.xml"/><Relationship Id="rId125" Type="http://schemas.openxmlformats.org/officeDocument/2006/relationships/tags" Target="../tags/tag127.xml"/><Relationship Id="rId146" Type="http://schemas.openxmlformats.org/officeDocument/2006/relationships/tags" Target="../tags/tag148.xml"/><Relationship Id="rId167" Type="http://schemas.openxmlformats.org/officeDocument/2006/relationships/tags" Target="../tags/tag169.xml"/><Relationship Id="rId188" Type="http://schemas.openxmlformats.org/officeDocument/2006/relationships/tags" Target="../tags/tag190.xml"/><Relationship Id="rId311" Type="http://schemas.openxmlformats.org/officeDocument/2006/relationships/tags" Target="../tags/tag313.xml"/><Relationship Id="rId332" Type="http://schemas.openxmlformats.org/officeDocument/2006/relationships/tags" Target="../tags/tag334.xml"/><Relationship Id="rId353" Type="http://schemas.openxmlformats.org/officeDocument/2006/relationships/tags" Target="../tags/tag355.xml"/><Relationship Id="rId374" Type="http://schemas.openxmlformats.org/officeDocument/2006/relationships/tags" Target="../tags/tag376.xml"/><Relationship Id="rId395" Type="http://schemas.openxmlformats.org/officeDocument/2006/relationships/tags" Target="../tags/tag397.xml"/><Relationship Id="rId409" Type="http://schemas.openxmlformats.org/officeDocument/2006/relationships/slideLayout" Target="../slideLayouts/slideLayout25.xml"/><Relationship Id="rId71" Type="http://schemas.openxmlformats.org/officeDocument/2006/relationships/tags" Target="../tags/tag73.xml"/><Relationship Id="rId92" Type="http://schemas.openxmlformats.org/officeDocument/2006/relationships/tags" Target="../tags/tag94.xml"/><Relationship Id="rId213" Type="http://schemas.openxmlformats.org/officeDocument/2006/relationships/tags" Target="../tags/tag215.xml"/><Relationship Id="rId234" Type="http://schemas.openxmlformats.org/officeDocument/2006/relationships/tags" Target="../tags/tag236.xml"/><Relationship Id="rId2" Type="http://schemas.openxmlformats.org/officeDocument/2006/relationships/customXml" Target="../../customXml/item18.xml"/><Relationship Id="rId29" Type="http://schemas.openxmlformats.org/officeDocument/2006/relationships/tags" Target="../tags/tag31.xml"/><Relationship Id="rId255" Type="http://schemas.openxmlformats.org/officeDocument/2006/relationships/tags" Target="../tags/tag257.xml"/><Relationship Id="rId276" Type="http://schemas.openxmlformats.org/officeDocument/2006/relationships/tags" Target="../tags/tag278.xml"/><Relationship Id="rId297" Type="http://schemas.openxmlformats.org/officeDocument/2006/relationships/tags" Target="../tags/tag299.xml"/><Relationship Id="rId40" Type="http://schemas.openxmlformats.org/officeDocument/2006/relationships/tags" Target="../tags/tag42.xml"/><Relationship Id="rId115" Type="http://schemas.openxmlformats.org/officeDocument/2006/relationships/tags" Target="../tags/tag117.xml"/><Relationship Id="rId136" Type="http://schemas.openxmlformats.org/officeDocument/2006/relationships/tags" Target="../tags/tag138.xml"/><Relationship Id="rId157" Type="http://schemas.openxmlformats.org/officeDocument/2006/relationships/tags" Target="../tags/tag159.xml"/><Relationship Id="rId178" Type="http://schemas.openxmlformats.org/officeDocument/2006/relationships/tags" Target="../tags/tag180.xml"/><Relationship Id="rId301" Type="http://schemas.openxmlformats.org/officeDocument/2006/relationships/tags" Target="../tags/tag303.xml"/><Relationship Id="rId322" Type="http://schemas.openxmlformats.org/officeDocument/2006/relationships/tags" Target="../tags/tag324.xml"/><Relationship Id="rId343" Type="http://schemas.openxmlformats.org/officeDocument/2006/relationships/tags" Target="../tags/tag345.xml"/><Relationship Id="rId364" Type="http://schemas.openxmlformats.org/officeDocument/2006/relationships/tags" Target="../tags/tag366.xml"/><Relationship Id="rId61" Type="http://schemas.openxmlformats.org/officeDocument/2006/relationships/tags" Target="../tags/tag63.xml"/><Relationship Id="rId82" Type="http://schemas.openxmlformats.org/officeDocument/2006/relationships/tags" Target="../tags/tag84.xml"/><Relationship Id="rId199" Type="http://schemas.openxmlformats.org/officeDocument/2006/relationships/tags" Target="../tags/tag201.xml"/><Relationship Id="rId203" Type="http://schemas.openxmlformats.org/officeDocument/2006/relationships/tags" Target="../tags/tag205.xml"/><Relationship Id="rId385" Type="http://schemas.openxmlformats.org/officeDocument/2006/relationships/tags" Target="../tags/tag387.xml"/><Relationship Id="rId19" Type="http://schemas.openxmlformats.org/officeDocument/2006/relationships/tags" Target="../tags/tag21.xml"/><Relationship Id="rId224" Type="http://schemas.openxmlformats.org/officeDocument/2006/relationships/tags" Target="../tags/tag226.xml"/><Relationship Id="rId245" Type="http://schemas.openxmlformats.org/officeDocument/2006/relationships/tags" Target="../tags/tag247.xml"/><Relationship Id="rId266" Type="http://schemas.openxmlformats.org/officeDocument/2006/relationships/tags" Target="../tags/tag268.xml"/><Relationship Id="rId287" Type="http://schemas.openxmlformats.org/officeDocument/2006/relationships/tags" Target="../tags/tag289.xml"/><Relationship Id="rId410" Type="http://schemas.openxmlformats.org/officeDocument/2006/relationships/notesSlide" Target="../notesSlides/notesSlide5.xml"/><Relationship Id="rId30" Type="http://schemas.openxmlformats.org/officeDocument/2006/relationships/tags" Target="../tags/tag32.xml"/><Relationship Id="rId105" Type="http://schemas.openxmlformats.org/officeDocument/2006/relationships/tags" Target="../tags/tag107.xml"/><Relationship Id="rId126" Type="http://schemas.openxmlformats.org/officeDocument/2006/relationships/tags" Target="../tags/tag128.xml"/><Relationship Id="rId147" Type="http://schemas.openxmlformats.org/officeDocument/2006/relationships/tags" Target="../tags/tag149.xml"/><Relationship Id="rId168" Type="http://schemas.openxmlformats.org/officeDocument/2006/relationships/tags" Target="../tags/tag170.xml"/><Relationship Id="rId312" Type="http://schemas.openxmlformats.org/officeDocument/2006/relationships/tags" Target="../tags/tag314.xml"/><Relationship Id="rId333" Type="http://schemas.openxmlformats.org/officeDocument/2006/relationships/tags" Target="../tags/tag335.xml"/><Relationship Id="rId354" Type="http://schemas.openxmlformats.org/officeDocument/2006/relationships/tags" Target="../tags/tag356.xml"/><Relationship Id="rId51" Type="http://schemas.openxmlformats.org/officeDocument/2006/relationships/tags" Target="../tags/tag53.xml"/><Relationship Id="rId72" Type="http://schemas.openxmlformats.org/officeDocument/2006/relationships/tags" Target="../tags/tag74.xml"/><Relationship Id="rId93" Type="http://schemas.openxmlformats.org/officeDocument/2006/relationships/tags" Target="../tags/tag95.xml"/><Relationship Id="rId189" Type="http://schemas.openxmlformats.org/officeDocument/2006/relationships/tags" Target="../tags/tag191.xml"/><Relationship Id="rId375" Type="http://schemas.openxmlformats.org/officeDocument/2006/relationships/tags" Target="../tags/tag377.xml"/><Relationship Id="rId396" Type="http://schemas.openxmlformats.org/officeDocument/2006/relationships/tags" Target="../tags/tag398.xml"/><Relationship Id="rId3" Type="http://schemas.openxmlformats.org/officeDocument/2006/relationships/tags" Target="../tags/tag5.xml"/><Relationship Id="rId214" Type="http://schemas.openxmlformats.org/officeDocument/2006/relationships/tags" Target="../tags/tag216.xml"/><Relationship Id="rId235" Type="http://schemas.openxmlformats.org/officeDocument/2006/relationships/tags" Target="../tags/tag237.xml"/><Relationship Id="rId256" Type="http://schemas.openxmlformats.org/officeDocument/2006/relationships/tags" Target="../tags/tag258.xml"/><Relationship Id="rId277" Type="http://schemas.openxmlformats.org/officeDocument/2006/relationships/tags" Target="../tags/tag279.xml"/><Relationship Id="rId298" Type="http://schemas.openxmlformats.org/officeDocument/2006/relationships/tags" Target="../tags/tag300.xml"/><Relationship Id="rId400" Type="http://schemas.openxmlformats.org/officeDocument/2006/relationships/tags" Target="../tags/tag402.xml"/><Relationship Id="rId116" Type="http://schemas.openxmlformats.org/officeDocument/2006/relationships/tags" Target="../tags/tag118.xml"/><Relationship Id="rId137" Type="http://schemas.openxmlformats.org/officeDocument/2006/relationships/tags" Target="../tags/tag139.xml"/><Relationship Id="rId158" Type="http://schemas.openxmlformats.org/officeDocument/2006/relationships/tags" Target="../tags/tag160.xml"/><Relationship Id="rId302" Type="http://schemas.openxmlformats.org/officeDocument/2006/relationships/tags" Target="../tags/tag304.xml"/><Relationship Id="rId323" Type="http://schemas.openxmlformats.org/officeDocument/2006/relationships/tags" Target="../tags/tag325.xml"/><Relationship Id="rId344" Type="http://schemas.openxmlformats.org/officeDocument/2006/relationships/tags" Target="../tags/tag346.xml"/><Relationship Id="rId20" Type="http://schemas.openxmlformats.org/officeDocument/2006/relationships/tags" Target="../tags/tag22.xml"/><Relationship Id="rId41" Type="http://schemas.openxmlformats.org/officeDocument/2006/relationships/tags" Target="../tags/tag43.xml"/><Relationship Id="rId62" Type="http://schemas.openxmlformats.org/officeDocument/2006/relationships/tags" Target="../tags/tag64.xml"/><Relationship Id="rId83" Type="http://schemas.openxmlformats.org/officeDocument/2006/relationships/tags" Target="../tags/tag85.xml"/><Relationship Id="rId179" Type="http://schemas.openxmlformats.org/officeDocument/2006/relationships/tags" Target="../tags/tag181.xml"/><Relationship Id="rId365" Type="http://schemas.openxmlformats.org/officeDocument/2006/relationships/tags" Target="../tags/tag367.xml"/><Relationship Id="rId386" Type="http://schemas.openxmlformats.org/officeDocument/2006/relationships/tags" Target="../tags/tag388.xml"/><Relationship Id="rId190" Type="http://schemas.openxmlformats.org/officeDocument/2006/relationships/tags" Target="../tags/tag192.xml"/><Relationship Id="rId204" Type="http://schemas.openxmlformats.org/officeDocument/2006/relationships/tags" Target="../tags/tag206.xml"/><Relationship Id="rId225" Type="http://schemas.openxmlformats.org/officeDocument/2006/relationships/tags" Target="../tags/tag227.xml"/><Relationship Id="rId246" Type="http://schemas.openxmlformats.org/officeDocument/2006/relationships/tags" Target="../tags/tag248.xml"/><Relationship Id="rId267" Type="http://schemas.openxmlformats.org/officeDocument/2006/relationships/tags" Target="../tags/tag269.xml"/><Relationship Id="rId288" Type="http://schemas.openxmlformats.org/officeDocument/2006/relationships/tags" Target="../tags/tag290.xml"/><Relationship Id="rId106" Type="http://schemas.openxmlformats.org/officeDocument/2006/relationships/tags" Target="../tags/tag108.xml"/><Relationship Id="rId127" Type="http://schemas.openxmlformats.org/officeDocument/2006/relationships/tags" Target="../tags/tag129.xml"/><Relationship Id="rId313" Type="http://schemas.openxmlformats.org/officeDocument/2006/relationships/tags" Target="../tags/tag315.xml"/><Relationship Id="rId10" Type="http://schemas.openxmlformats.org/officeDocument/2006/relationships/tags" Target="../tags/tag12.xml"/><Relationship Id="rId31" Type="http://schemas.openxmlformats.org/officeDocument/2006/relationships/tags" Target="../tags/tag33.xml"/><Relationship Id="rId52" Type="http://schemas.openxmlformats.org/officeDocument/2006/relationships/tags" Target="../tags/tag54.xml"/><Relationship Id="rId73" Type="http://schemas.openxmlformats.org/officeDocument/2006/relationships/tags" Target="../tags/tag75.xml"/><Relationship Id="rId94" Type="http://schemas.openxmlformats.org/officeDocument/2006/relationships/tags" Target="../tags/tag96.xml"/><Relationship Id="rId148" Type="http://schemas.openxmlformats.org/officeDocument/2006/relationships/tags" Target="../tags/tag150.xml"/><Relationship Id="rId169" Type="http://schemas.openxmlformats.org/officeDocument/2006/relationships/tags" Target="../tags/tag171.xml"/><Relationship Id="rId334" Type="http://schemas.openxmlformats.org/officeDocument/2006/relationships/tags" Target="../tags/tag336.xml"/><Relationship Id="rId355" Type="http://schemas.openxmlformats.org/officeDocument/2006/relationships/tags" Target="../tags/tag357.xml"/><Relationship Id="rId376" Type="http://schemas.openxmlformats.org/officeDocument/2006/relationships/tags" Target="../tags/tag378.xml"/><Relationship Id="rId397" Type="http://schemas.openxmlformats.org/officeDocument/2006/relationships/tags" Target="../tags/tag399.xml"/><Relationship Id="rId4" Type="http://schemas.openxmlformats.org/officeDocument/2006/relationships/tags" Target="../tags/tag6.xml"/><Relationship Id="rId180" Type="http://schemas.openxmlformats.org/officeDocument/2006/relationships/tags" Target="../tags/tag182.xml"/><Relationship Id="rId215" Type="http://schemas.openxmlformats.org/officeDocument/2006/relationships/tags" Target="../tags/tag217.xml"/><Relationship Id="rId236" Type="http://schemas.openxmlformats.org/officeDocument/2006/relationships/tags" Target="../tags/tag238.xml"/><Relationship Id="rId257" Type="http://schemas.openxmlformats.org/officeDocument/2006/relationships/tags" Target="../tags/tag259.xml"/><Relationship Id="rId278" Type="http://schemas.openxmlformats.org/officeDocument/2006/relationships/tags" Target="../tags/tag280.xml"/><Relationship Id="rId401" Type="http://schemas.openxmlformats.org/officeDocument/2006/relationships/tags" Target="../tags/tag403.xml"/><Relationship Id="rId303" Type="http://schemas.openxmlformats.org/officeDocument/2006/relationships/tags" Target="../tags/tag305.xml"/><Relationship Id="rId42" Type="http://schemas.openxmlformats.org/officeDocument/2006/relationships/tags" Target="../tags/tag44.xml"/><Relationship Id="rId84" Type="http://schemas.openxmlformats.org/officeDocument/2006/relationships/tags" Target="../tags/tag86.xml"/><Relationship Id="rId138" Type="http://schemas.openxmlformats.org/officeDocument/2006/relationships/tags" Target="../tags/tag140.xml"/><Relationship Id="rId345" Type="http://schemas.openxmlformats.org/officeDocument/2006/relationships/tags" Target="../tags/tag347.xml"/><Relationship Id="rId387" Type="http://schemas.openxmlformats.org/officeDocument/2006/relationships/tags" Target="../tags/tag389.xml"/><Relationship Id="rId191" Type="http://schemas.openxmlformats.org/officeDocument/2006/relationships/tags" Target="../tags/tag193.xml"/><Relationship Id="rId205" Type="http://schemas.openxmlformats.org/officeDocument/2006/relationships/tags" Target="../tags/tag207.xml"/><Relationship Id="rId247" Type="http://schemas.openxmlformats.org/officeDocument/2006/relationships/tags" Target="../tags/tag249.xml"/><Relationship Id="rId107" Type="http://schemas.openxmlformats.org/officeDocument/2006/relationships/tags" Target="../tags/tag109.xml"/><Relationship Id="rId289" Type="http://schemas.openxmlformats.org/officeDocument/2006/relationships/tags" Target="../tags/tag291.xml"/><Relationship Id="rId11" Type="http://schemas.openxmlformats.org/officeDocument/2006/relationships/tags" Target="../tags/tag13.xml"/><Relationship Id="rId53" Type="http://schemas.openxmlformats.org/officeDocument/2006/relationships/tags" Target="../tags/tag55.xml"/><Relationship Id="rId149" Type="http://schemas.openxmlformats.org/officeDocument/2006/relationships/tags" Target="../tags/tag151.xml"/><Relationship Id="rId314" Type="http://schemas.openxmlformats.org/officeDocument/2006/relationships/tags" Target="../tags/tag316.xml"/><Relationship Id="rId356" Type="http://schemas.openxmlformats.org/officeDocument/2006/relationships/tags" Target="../tags/tag358.xml"/><Relationship Id="rId398" Type="http://schemas.openxmlformats.org/officeDocument/2006/relationships/tags" Target="../tags/tag40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411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2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412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2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413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5" Type="http://schemas.openxmlformats.org/officeDocument/2006/relationships/notesSlide" Target="../notesSlides/notesSlide8.xml"/><Relationship Id="rId4" Type="http://schemas.openxmlformats.org/officeDocument/2006/relationships/slideLayout" Target="../slideLayouts/slideLayout25.xml"/></Relationships>
</file>

<file path=ppt/slides/_rels/slide9.xml.rels><?xml version="1.0" encoding="UTF-8" standalone="yes"?>
<Relationships xmlns="http://schemas.openxmlformats.org/package/2006/relationships"><Relationship Id="rId117" Type="http://schemas.openxmlformats.org/officeDocument/2006/relationships/tags" Target="../tags/tag528.xml"/><Relationship Id="rId299" Type="http://schemas.openxmlformats.org/officeDocument/2006/relationships/tags" Target="../tags/tag710.xml"/><Relationship Id="rId21" Type="http://schemas.openxmlformats.org/officeDocument/2006/relationships/tags" Target="../tags/tag432.xml"/><Relationship Id="rId63" Type="http://schemas.openxmlformats.org/officeDocument/2006/relationships/tags" Target="../tags/tag474.xml"/><Relationship Id="rId159" Type="http://schemas.openxmlformats.org/officeDocument/2006/relationships/tags" Target="../tags/tag570.xml"/><Relationship Id="rId324" Type="http://schemas.openxmlformats.org/officeDocument/2006/relationships/tags" Target="../tags/tag735.xml"/><Relationship Id="rId366" Type="http://schemas.openxmlformats.org/officeDocument/2006/relationships/tags" Target="../tags/tag777.xml"/><Relationship Id="rId170" Type="http://schemas.openxmlformats.org/officeDocument/2006/relationships/tags" Target="../tags/tag581.xml"/><Relationship Id="rId226" Type="http://schemas.openxmlformats.org/officeDocument/2006/relationships/tags" Target="../tags/tag637.xml"/><Relationship Id="rId268" Type="http://schemas.openxmlformats.org/officeDocument/2006/relationships/tags" Target="../tags/tag679.xml"/><Relationship Id="rId32" Type="http://schemas.openxmlformats.org/officeDocument/2006/relationships/tags" Target="../tags/tag443.xml"/><Relationship Id="rId74" Type="http://schemas.openxmlformats.org/officeDocument/2006/relationships/tags" Target="../tags/tag485.xml"/><Relationship Id="rId128" Type="http://schemas.openxmlformats.org/officeDocument/2006/relationships/tags" Target="../tags/tag539.xml"/><Relationship Id="rId335" Type="http://schemas.openxmlformats.org/officeDocument/2006/relationships/tags" Target="../tags/tag746.xml"/><Relationship Id="rId377" Type="http://schemas.openxmlformats.org/officeDocument/2006/relationships/tags" Target="../tags/tag788.xml"/><Relationship Id="rId5" Type="http://schemas.openxmlformats.org/officeDocument/2006/relationships/tags" Target="../tags/tag416.xml"/><Relationship Id="rId95" Type="http://schemas.openxmlformats.org/officeDocument/2006/relationships/tags" Target="../tags/tag506.xml"/><Relationship Id="rId160" Type="http://schemas.openxmlformats.org/officeDocument/2006/relationships/tags" Target="../tags/tag571.xml"/><Relationship Id="rId181" Type="http://schemas.openxmlformats.org/officeDocument/2006/relationships/tags" Target="../tags/tag592.xml"/><Relationship Id="rId216" Type="http://schemas.openxmlformats.org/officeDocument/2006/relationships/tags" Target="../tags/tag627.xml"/><Relationship Id="rId237" Type="http://schemas.openxmlformats.org/officeDocument/2006/relationships/tags" Target="../tags/tag648.xml"/><Relationship Id="rId402" Type="http://schemas.openxmlformats.org/officeDocument/2006/relationships/tags" Target="../tags/tag813.xml"/><Relationship Id="rId258" Type="http://schemas.openxmlformats.org/officeDocument/2006/relationships/tags" Target="../tags/tag669.xml"/><Relationship Id="rId279" Type="http://schemas.openxmlformats.org/officeDocument/2006/relationships/tags" Target="../tags/tag690.xml"/><Relationship Id="rId22" Type="http://schemas.openxmlformats.org/officeDocument/2006/relationships/tags" Target="../tags/tag433.xml"/><Relationship Id="rId43" Type="http://schemas.openxmlformats.org/officeDocument/2006/relationships/tags" Target="../tags/tag454.xml"/><Relationship Id="rId64" Type="http://schemas.openxmlformats.org/officeDocument/2006/relationships/tags" Target="../tags/tag475.xml"/><Relationship Id="rId118" Type="http://schemas.openxmlformats.org/officeDocument/2006/relationships/tags" Target="../tags/tag529.xml"/><Relationship Id="rId139" Type="http://schemas.openxmlformats.org/officeDocument/2006/relationships/tags" Target="../tags/tag550.xml"/><Relationship Id="rId290" Type="http://schemas.openxmlformats.org/officeDocument/2006/relationships/tags" Target="../tags/tag701.xml"/><Relationship Id="rId304" Type="http://schemas.openxmlformats.org/officeDocument/2006/relationships/tags" Target="../tags/tag715.xml"/><Relationship Id="rId325" Type="http://schemas.openxmlformats.org/officeDocument/2006/relationships/tags" Target="../tags/tag736.xml"/><Relationship Id="rId346" Type="http://schemas.openxmlformats.org/officeDocument/2006/relationships/tags" Target="../tags/tag757.xml"/><Relationship Id="rId367" Type="http://schemas.openxmlformats.org/officeDocument/2006/relationships/tags" Target="../tags/tag778.xml"/><Relationship Id="rId388" Type="http://schemas.openxmlformats.org/officeDocument/2006/relationships/tags" Target="../tags/tag799.xml"/><Relationship Id="rId85" Type="http://schemas.openxmlformats.org/officeDocument/2006/relationships/tags" Target="../tags/tag496.xml"/><Relationship Id="rId150" Type="http://schemas.openxmlformats.org/officeDocument/2006/relationships/tags" Target="../tags/tag561.xml"/><Relationship Id="rId171" Type="http://schemas.openxmlformats.org/officeDocument/2006/relationships/tags" Target="../tags/tag582.xml"/><Relationship Id="rId192" Type="http://schemas.openxmlformats.org/officeDocument/2006/relationships/tags" Target="../tags/tag603.xml"/><Relationship Id="rId206" Type="http://schemas.openxmlformats.org/officeDocument/2006/relationships/tags" Target="../tags/tag617.xml"/><Relationship Id="rId227" Type="http://schemas.openxmlformats.org/officeDocument/2006/relationships/tags" Target="../tags/tag638.xml"/><Relationship Id="rId248" Type="http://schemas.openxmlformats.org/officeDocument/2006/relationships/tags" Target="../tags/tag659.xml"/><Relationship Id="rId269" Type="http://schemas.openxmlformats.org/officeDocument/2006/relationships/tags" Target="../tags/tag680.xml"/><Relationship Id="rId12" Type="http://schemas.openxmlformats.org/officeDocument/2006/relationships/tags" Target="../tags/tag423.xml"/><Relationship Id="rId33" Type="http://schemas.openxmlformats.org/officeDocument/2006/relationships/tags" Target="../tags/tag444.xml"/><Relationship Id="rId108" Type="http://schemas.openxmlformats.org/officeDocument/2006/relationships/tags" Target="../tags/tag519.xml"/><Relationship Id="rId129" Type="http://schemas.openxmlformats.org/officeDocument/2006/relationships/tags" Target="../tags/tag540.xml"/><Relationship Id="rId280" Type="http://schemas.openxmlformats.org/officeDocument/2006/relationships/tags" Target="../tags/tag691.xml"/><Relationship Id="rId315" Type="http://schemas.openxmlformats.org/officeDocument/2006/relationships/tags" Target="../tags/tag726.xml"/><Relationship Id="rId336" Type="http://schemas.openxmlformats.org/officeDocument/2006/relationships/tags" Target="../tags/tag747.xml"/><Relationship Id="rId357" Type="http://schemas.openxmlformats.org/officeDocument/2006/relationships/tags" Target="../tags/tag768.xml"/><Relationship Id="rId54" Type="http://schemas.openxmlformats.org/officeDocument/2006/relationships/tags" Target="../tags/tag465.xml"/><Relationship Id="rId75" Type="http://schemas.openxmlformats.org/officeDocument/2006/relationships/tags" Target="../tags/tag486.xml"/><Relationship Id="rId96" Type="http://schemas.openxmlformats.org/officeDocument/2006/relationships/tags" Target="../tags/tag507.xml"/><Relationship Id="rId140" Type="http://schemas.openxmlformats.org/officeDocument/2006/relationships/tags" Target="../tags/tag551.xml"/><Relationship Id="rId161" Type="http://schemas.openxmlformats.org/officeDocument/2006/relationships/tags" Target="../tags/tag572.xml"/><Relationship Id="rId182" Type="http://schemas.openxmlformats.org/officeDocument/2006/relationships/tags" Target="../tags/tag593.xml"/><Relationship Id="rId217" Type="http://schemas.openxmlformats.org/officeDocument/2006/relationships/tags" Target="../tags/tag628.xml"/><Relationship Id="rId378" Type="http://schemas.openxmlformats.org/officeDocument/2006/relationships/tags" Target="../tags/tag789.xml"/><Relationship Id="rId399" Type="http://schemas.openxmlformats.org/officeDocument/2006/relationships/tags" Target="../tags/tag810.xml"/><Relationship Id="rId403" Type="http://schemas.openxmlformats.org/officeDocument/2006/relationships/tags" Target="../tags/tag814.xml"/><Relationship Id="rId6" Type="http://schemas.openxmlformats.org/officeDocument/2006/relationships/tags" Target="../tags/tag417.xml"/><Relationship Id="rId238" Type="http://schemas.openxmlformats.org/officeDocument/2006/relationships/tags" Target="../tags/tag649.xml"/><Relationship Id="rId259" Type="http://schemas.openxmlformats.org/officeDocument/2006/relationships/tags" Target="../tags/tag670.xml"/><Relationship Id="rId23" Type="http://schemas.openxmlformats.org/officeDocument/2006/relationships/tags" Target="../tags/tag434.xml"/><Relationship Id="rId119" Type="http://schemas.openxmlformats.org/officeDocument/2006/relationships/tags" Target="../tags/tag530.xml"/><Relationship Id="rId270" Type="http://schemas.openxmlformats.org/officeDocument/2006/relationships/tags" Target="../tags/tag681.xml"/><Relationship Id="rId291" Type="http://schemas.openxmlformats.org/officeDocument/2006/relationships/tags" Target="../tags/tag702.xml"/><Relationship Id="rId305" Type="http://schemas.openxmlformats.org/officeDocument/2006/relationships/tags" Target="../tags/tag716.xml"/><Relationship Id="rId326" Type="http://schemas.openxmlformats.org/officeDocument/2006/relationships/tags" Target="../tags/tag737.xml"/><Relationship Id="rId347" Type="http://schemas.openxmlformats.org/officeDocument/2006/relationships/tags" Target="../tags/tag758.xml"/><Relationship Id="rId44" Type="http://schemas.openxmlformats.org/officeDocument/2006/relationships/tags" Target="../tags/tag455.xml"/><Relationship Id="rId65" Type="http://schemas.openxmlformats.org/officeDocument/2006/relationships/tags" Target="../tags/tag476.xml"/><Relationship Id="rId86" Type="http://schemas.openxmlformats.org/officeDocument/2006/relationships/tags" Target="../tags/tag497.xml"/><Relationship Id="rId130" Type="http://schemas.openxmlformats.org/officeDocument/2006/relationships/tags" Target="../tags/tag541.xml"/><Relationship Id="rId151" Type="http://schemas.openxmlformats.org/officeDocument/2006/relationships/tags" Target="../tags/tag562.xml"/><Relationship Id="rId368" Type="http://schemas.openxmlformats.org/officeDocument/2006/relationships/tags" Target="../tags/tag779.xml"/><Relationship Id="rId389" Type="http://schemas.openxmlformats.org/officeDocument/2006/relationships/tags" Target="../tags/tag800.xml"/><Relationship Id="rId172" Type="http://schemas.openxmlformats.org/officeDocument/2006/relationships/tags" Target="../tags/tag583.xml"/><Relationship Id="rId193" Type="http://schemas.openxmlformats.org/officeDocument/2006/relationships/tags" Target="../tags/tag604.xml"/><Relationship Id="rId207" Type="http://schemas.openxmlformats.org/officeDocument/2006/relationships/tags" Target="../tags/tag618.xml"/><Relationship Id="rId228" Type="http://schemas.openxmlformats.org/officeDocument/2006/relationships/tags" Target="../tags/tag639.xml"/><Relationship Id="rId249" Type="http://schemas.openxmlformats.org/officeDocument/2006/relationships/tags" Target="../tags/tag660.xml"/><Relationship Id="rId13" Type="http://schemas.openxmlformats.org/officeDocument/2006/relationships/tags" Target="../tags/tag424.xml"/><Relationship Id="rId109" Type="http://schemas.openxmlformats.org/officeDocument/2006/relationships/tags" Target="../tags/tag520.xml"/><Relationship Id="rId260" Type="http://schemas.openxmlformats.org/officeDocument/2006/relationships/tags" Target="../tags/tag671.xml"/><Relationship Id="rId281" Type="http://schemas.openxmlformats.org/officeDocument/2006/relationships/tags" Target="../tags/tag692.xml"/><Relationship Id="rId316" Type="http://schemas.openxmlformats.org/officeDocument/2006/relationships/tags" Target="../tags/tag727.xml"/><Relationship Id="rId337" Type="http://schemas.openxmlformats.org/officeDocument/2006/relationships/tags" Target="../tags/tag748.xml"/><Relationship Id="rId34" Type="http://schemas.openxmlformats.org/officeDocument/2006/relationships/tags" Target="../tags/tag445.xml"/><Relationship Id="rId55" Type="http://schemas.openxmlformats.org/officeDocument/2006/relationships/tags" Target="../tags/tag466.xml"/><Relationship Id="rId76" Type="http://schemas.openxmlformats.org/officeDocument/2006/relationships/tags" Target="../tags/tag487.xml"/><Relationship Id="rId97" Type="http://schemas.openxmlformats.org/officeDocument/2006/relationships/tags" Target="../tags/tag508.xml"/><Relationship Id="rId120" Type="http://schemas.openxmlformats.org/officeDocument/2006/relationships/tags" Target="../tags/tag531.xml"/><Relationship Id="rId141" Type="http://schemas.openxmlformats.org/officeDocument/2006/relationships/tags" Target="../tags/tag552.xml"/><Relationship Id="rId358" Type="http://schemas.openxmlformats.org/officeDocument/2006/relationships/tags" Target="../tags/tag769.xml"/><Relationship Id="rId379" Type="http://schemas.openxmlformats.org/officeDocument/2006/relationships/tags" Target="../tags/tag790.xml"/><Relationship Id="rId7" Type="http://schemas.openxmlformats.org/officeDocument/2006/relationships/tags" Target="../tags/tag418.xml"/><Relationship Id="rId162" Type="http://schemas.openxmlformats.org/officeDocument/2006/relationships/tags" Target="../tags/tag573.xml"/><Relationship Id="rId183" Type="http://schemas.openxmlformats.org/officeDocument/2006/relationships/tags" Target="../tags/tag594.xml"/><Relationship Id="rId218" Type="http://schemas.openxmlformats.org/officeDocument/2006/relationships/tags" Target="../tags/tag629.xml"/><Relationship Id="rId239" Type="http://schemas.openxmlformats.org/officeDocument/2006/relationships/tags" Target="../tags/tag650.xml"/><Relationship Id="rId390" Type="http://schemas.openxmlformats.org/officeDocument/2006/relationships/tags" Target="../tags/tag801.xml"/><Relationship Id="rId404" Type="http://schemas.openxmlformats.org/officeDocument/2006/relationships/tags" Target="../tags/tag815.xml"/><Relationship Id="rId250" Type="http://schemas.openxmlformats.org/officeDocument/2006/relationships/tags" Target="../tags/tag661.xml"/><Relationship Id="rId271" Type="http://schemas.openxmlformats.org/officeDocument/2006/relationships/tags" Target="../tags/tag682.xml"/><Relationship Id="rId292" Type="http://schemas.openxmlformats.org/officeDocument/2006/relationships/tags" Target="../tags/tag703.xml"/><Relationship Id="rId306" Type="http://schemas.openxmlformats.org/officeDocument/2006/relationships/tags" Target="../tags/tag717.xml"/><Relationship Id="rId24" Type="http://schemas.openxmlformats.org/officeDocument/2006/relationships/tags" Target="../tags/tag435.xml"/><Relationship Id="rId45" Type="http://schemas.openxmlformats.org/officeDocument/2006/relationships/tags" Target="../tags/tag456.xml"/><Relationship Id="rId66" Type="http://schemas.openxmlformats.org/officeDocument/2006/relationships/tags" Target="../tags/tag477.xml"/><Relationship Id="rId87" Type="http://schemas.openxmlformats.org/officeDocument/2006/relationships/tags" Target="../tags/tag498.xml"/><Relationship Id="rId110" Type="http://schemas.openxmlformats.org/officeDocument/2006/relationships/tags" Target="../tags/tag521.xml"/><Relationship Id="rId131" Type="http://schemas.openxmlformats.org/officeDocument/2006/relationships/tags" Target="../tags/tag542.xml"/><Relationship Id="rId327" Type="http://schemas.openxmlformats.org/officeDocument/2006/relationships/tags" Target="../tags/tag738.xml"/><Relationship Id="rId348" Type="http://schemas.openxmlformats.org/officeDocument/2006/relationships/tags" Target="../tags/tag759.xml"/><Relationship Id="rId369" Type="http://schemas.openxmlformats.org/officeDocument/2006/relationships/tags" Target="../tags/tag780.xml"/><Relationship Id="rId152" Type="http://schemas.openxmlformats.org/officeDocument/2006/relationships/tags" Target="../tags/tag563.xml"/><Relationship Id="rId173" Type="http://schemas.openxmlformats.org/officeDocument/2006/relationships/tags" Target="../tags/tag584.xml"/><Relationship Id="rId194" Type="http://schemas.openxmlformats.org/officeDocument/2006/relationships/tags" Target="../tags/tag605.xml"/><Relationship Id="rId208" Type="http://schemas.openxmlformats.org/officeDocument/2006/relationships/tags" Target="../tags/tag619.xml"/><Relationship Id="rId229" Type="http://schemas.openxmlformats.org/officeDocument/2006/relationships/tags" Target="../tags/tag640.xml"/><Relationship Id="rId380" Type="http://schemas.openxmlformats.org/officeDocument/2006/relationships/tags" Target="../tags/tag791.xml"/><Relationship Id="rId240" Type="http://schemas.openxmlformats.org/officeDocument/2006/relationships/tags" Target="../tags/tag651.xml"/><Relationship Id="rId261" Type="http://schemas.openxmlformats.org/officeDocument/2006/relationships/tags" Target="../tags/tag672.xml"/><Relationship Id="rId14" Type="http://schemas.openxmlformats.org/officeDocument/2006/relationships/tags" Target="../tags/tag425.xml"/><Relationship Id="rId35" Type="http://schemas.openxmlformats.org/officeDocument/2006/relationships/tags" Target="../tags/tag446.xml"/><Relationship Id="rId56" Type="http://schemas.openxmlformats.org/officeDocument/2006/relationships/tags" Target="../tags/tag467.xml"/><Relationship Id="rId77" Type="http://schemas.openxmlformats.org/officeDocument/2006/relationships/tags" Target="../tags/tag488.xml"/><Relationship Id="rId100" Type="http://schemas.openxmlformats.org/officeDocument/2006/relationships/tags" Target="../tags/tag511.xml"/><Relationship Id="rId282" Type="http://schemas.openxmlformats.org/officeDocument/2006/relationships/tags" Target="../tags/tag693.xml"/><Relationship Id="rId317" Type="http://schemas.openxmlformats.org/officeDocument/2006/relationships/tags" Target="../tags/tag728.xml"/><Relationship Id="rId338" Type="http://schemas.openxmlformats.org/officeDocument/2006/relationships/tags" Target="../tags/tag749.xml"/><Relationship Id="rId359" Type="http://schemas.openxmlformats.org/officeDocument/2006/relationships/tags" Target="../tags/tag770.xml"/><Relationship Id="rId8" Type="http://schemas.openxmlformats.org/officeDocument/2006/relationships/tags" Target="../tags/tag419.xml"/><Relationship Id="rId98" Type="http://schemas.openxmlformats.org/officeDocument/2006/relationships/tags" Target="../tags/tag509.xml"/><Relationship Id="rId121" Type="http://schemas.openxmlformats.org/officeDocument/2006/relationships/tags" Target="../tags/tag532.xml"/><Relationship Id="rId142" Type="http://schemas.openxmlformats.org/officeDocument/2006/relationships/tags" Target="../tags/tag553.xml"/><Relationship Id="rId163" Type="http://schemas.openxmlformats.org/officeDocument/2006/relationships/tags" Target="../tags/tag574.xml"/><Relationship Id="rId184" Type="http://schemas.openxmlformats.org/officeDocument/2006/relationships/tags" Target="../tags/tag595.xml"/><Relationship Id="rId219" Type="http://schemas.openxmlformats.org/officeDocument/2006/relationships/tags" Target="../tags/tag630.xml"/><Relationship Id="rId370" Type="http://schemas.openxmlformats.org/officeDocument/2006/relationships/tags" Target="../tags/tag781.xml"/><Relationship Id="rId391" Type="http://schemas.openxmlformats.org/officeDocument/2006/relationships/tags" Target="../tags/tag802.xml"/><Relationship Id="rId405" Type="http://schemas.openxmlformats.org/officeDocument/2006/relationships/tags" Target="../tags/tag816.xml"/><Relationship Id="rId230" Type="http://schemas.openxmlformats.org/officeDocument/2006/relationships/tags" Target="../tags/tag641.xml"/><Relationship Id="rId251" Type="http://schemas.openxmlformats.org/officeDocument/2006/relationships/tags" Target="../tags/tag662.xml"/><Relationship Id="rId25" Type="http://schemas.openxmlformats.org/officeDocument/2006/relationships/tags" Target="../tags/tag436.xml"/><Relationship Id="rId46" Type="http://schemas.openxmlformats.org/officeDocument/2006/relationships/tags" Target="../tags/tag457.xml"/><Relationship Id="rId67" Type="http://schemas.openxmlformats.org/officeDocument/2006/relationships/tags" Target="../tags/tag478.xml"/><Relationship Id="rId272" Type="http://schemas.openxmlformats.org/officeDocument/2006/relationships/tags" Target="../tags/tag683.xml"/><Relationship Id="rId293" Type="http://schemas.openxmlformats.org/officeDocument/2006/relationships/tags" Target="../tags/tag704.xml"/><Relationship Id="rId307" Type="http://schemas.openxmlformats.org/officeDocument/2006/relationships/tags" Target="../tags/tag718.xml"/><Relationship Id="rId328" Type="http://schemas.openxmlformats.org/officeDocument/2006/relationships/tags" Target="../tags/tag739.xml"/><Relationship Id="rId349" Type="http://schemas.openxmlformats.org/officeDocument/2006/relationships/tags" Target="../tags/tag760.xml"/><Relationship Id="rId88" Type="http://schemas.openxmlformats.org/officeDocument/2006/relationships/tags" Target="../tags/tag499.xml"/><Relationship Id="rId111" Type="http://schemas.openxmlformats.org/officeDocument/2006/relationships/tags" Target="../tags/tag522.xml"/><Relationship Id="rId132" Type="http://schemas.openxmlformats.org/officeDocument/2006/relationships/tags" Target="../tags/tag543.xml"/><Relationship Id="rId153" Type="http://schemas.openxmlformats.org/officeDocument/2006/relationships/tags" Target="../tags/tag564.xml"/><Relationship Id="rId174" Type="http://schemas.openxmlformats.org/officeDocument/2006/relationships/tags" Target="../tags/tag585.xml"/><Relationship Id="rId195" Type="http://schemas.openxmlformats.org/officeDocument/2006/relationships/tags" Target="../tags/tag606.xml"/><Relationship Id="rId209" Type="http://schemas.openxmlformats.org/officeDocument/2006/relationships/tags" Target="../tags/tag620.xml"/><Relationship Id="rId360" Type="http://schemas.openxmlformats.org/officeDocument/2006/relationships/tags" Target="../tags/tag771.xml"/><Relationship Id="rId381" Type="http://schemas.openxmlformats.org/officeDocument/2006/relationships/tags" Target="../tags/tag792.xml"/><Relationship Id="rId220" Type="http://schemas.openxmlformats.org/officeDocument/2006/relationships/tags" Target="../tags/tag631.xml"/><Relationship Id="rId241" Type="http://schemas.openxmlformats.org/officeDocument/2006/relationships/tags" Target="../tags/tag652.xml"/><Relationship Id="rId15" Type="http://schemas.openxmlformats.org/officeDocument/2006/relationships/tags" Target="../tags/tag426.xml"/><Relationship Id="rId36" Type="http://schemas.openxmlformats.org/officeDocument/2006/relationships/tags" Target="../tags/tag447.xml"/><Relationship Id="rId57" Type="http://schemas.openxmlformats.org/officeDocument/2006/relationships/tags" Target="../tags/tag468.xml"/><Relationship Id="rId262" Type="http://schemas.openxmlformats.org/officeDocument/2006/relationships/tags" Target="../tags/tag673.xml"/><Relationship Id="rId283" Type="http://schemas.openxmlformats.org/officeDocument/2006/relationships/tags" Target="../tags/tag694.xml"/><Relationship Id="rId318" Type="http://schemas.openxmlformats.org/officeDocument/2006/relationships/tags" Target="../tags/tag729.xml"/><Relationship Id="rId339" Type="http://schemas.openxmlformats.org/officeDocument/2006/relationships/tags" Target="../tags/tag750.xml"/><Relationship Id="rId78" Type="http://schemas.openxmlformats.org/officeDocument/2006/relationships/tags" Target="../tags/tag489.xml"/><Relationship Id="rId99" Type="http://schemas.openxmlformats.org/officeDocument/2006/relationships/tags" Target="../tags/tag510.xml"/><Relationship Id="rId101" Type="http://schemas.openxmlformats.org/officeDocument/2006/relationships/tags" Target="../tags/tag512.xml"/><Relationship Id="rId122" Type="http://schemas.openxmlformats.org/officeDocument/2006/relationships/tags" Target="../tags/tag533.xml"/><Relationship Id="rId143" Type="http://schemas.openxmlformats.org/officeDocument/2006/relationships/tags" Target="../tags/tag554.xml"/><Relationship Id="rId164" Type="http://schemas.openxmlformats.org/officeDocument/2006/relationships/tags" Target="../tags/tag575.xml"/><Relationship Id="rId185" Type="http://schemas.openxmlformats.org/officeDocument/2006/relationships/tags" Target="../tags/tag596.xml"/><Relationship Id="rId350" Type="http://schemas.openxmlformats.org/officeDocument/2006/relationships/tags" Target="../tags/tag761.xml"/><Relationship Id="rId371" Type="http://schemas.openxmlformats.org/officeDocument/2006/relationships/tags" Target="../tags/tag782.xml"/><Relationship Id="rId406" Type="http://schemas.openxmlformats.org/officeDocument/2006/relationships/tags" Target="../tags/tag817.xml"/><Relationship Id="rId9" Type="http://schemas.openxmlformats.org/officeDocument/2006/relationships/tags" Target="../tags/tag420.xml"/><Relationship Id="rId210" Type="http://schemas.openxmlformats.org/officeDocument/2006/relationships/tags" Target="../tags/tag621.xml"/><Relationship Id="rId392" Type="http://schemas.openxmlformats.org/officeDocument/2006/relationships/tags" Target="../tags/tag803.xml"/><Relationship Id="rId26" Type="http://schemas.openxmlformats.org/officeDocument/2006/relationships/tags" Target="../tags/tag437.xml"/><Relationship Id="rId231" Type="http://schemas.openxmlformats.org/officeDocument/2006/relationships/tags" Target="../tags/tag642.xml"/><Relationship Id="rId252" Type="http://schemas.openxmlformats.org/officeDocument/2006/relationships/tags" Target="../tags/tag663.xml"/><Relationship Id="rId273" Type="http://schemas.openxmlformats.org/officeDocument/2006/relationships/tags" Target="../tags/tag684.xml"/><Relationship Id="rId294" Type="http://schemas.openxmlformats.org/officeDocument/2006/relationships/tags" Target="../tags/tag705.xml"/><Relationship Id="rId308" Type="http://schemas.openxmlformats.org/officeDocument/2006/relationships/tags" Target="../tags/tag719.xml"/><Relationship Id="rId329" Type="http://schemas.openxmlformats.org/officeDocument/2006/relationships/tags" Target="../tags/tag740.xml"/><Relationship Id="rId47" Type="http://schemas.openxmlformats.org/officeDocument/2006/relationships/tags" Target="../tags/tag458.xml"/><Relationship Id="rId68" Type="http://schemas.openxmlformats.org/officeDocument/2006/relationships/tags" Target="../tags/tag479.xml"/><Relationship Id="rId89" Type="http://schemas.openxmlformats.org/officeDocument/2006/relationships/tags" Target="../tags/tag500.xml"/><Relationship Id="rId112" Type="http://schemas.openxmlformats.org/officeDocument/2006/relationships/tags" Target="../tags/tag523.xml"/><Relationship Id="rId133" Type="http://schemas.openxmlformats.org/officeDocument/2006/relationships/tags" Target="../tags/tag544.xml"/><Relationship Id="rId154" Type="http://schemas.openxmlformats.org/officeDocument/2006/relationships/tags" Target="../tags/tag565.xml"/><Relationship Id="rId175" Type="http://schemas.openxmlformats.org/officeDocument/2006/relationships/tags" Target="../tags/tag586.xml"/><Relationship Id="rId340" Type="http://schemas.openxmlformats.org/officeDocument/2006/relationships/tags" Target="../tags/tag751.xml"/><Relationship Id="rId361" Type="http://schemas.openxmlformats.org/officeDocument/2006/relationships/tags" Target="../tags/tag772.xml"/><Relationship Id="rId196" Type="http://schemas.openxmlformats.org/officeDocument/2006/relationships/tags" Target="../tags/tag607.xml"/><Relationship Id="rId200" Type="http://schemas.openxmlformats.org/officeDocument/2006/relationships/tags" Target="../tags/tag611.xml"/><Relationship Id="rId382" Type="http://schemas.openxmlformats.org/officeDocument/2006/relationships/tags" Target="../tags/tag793.xml"/><Relationship Id="rId16" Type="http://schemas.openxmlformats.org/officeDocument/2006/relationships/tags" Target="../tags/tag427.xml"/><Relationship Id="rId221" Type="http://schemas.openxmlformats.org/officeDocument/2006/relationships/tags" Target="../tags/tag632.xml"/><Relationship Id="rId242" Type="http://schemas.openxmlformats.org/officeDocument/2006/relationships/tags" Target="../tags/tag653.xml"/><Relationship Id="rId263" Type="http://schemas.openxmlformats.org/officeDocument/2006/relationships/tags" Target="../tags/tag674.xml"/><Relationship Id="rId284" Type="http://schemas.openxmlformats.org/officeDocument/2006/relationships/tags" Target="../tags/tag695.xml"/><Relationship Id="rId319" Type="http://schemas.openxmlformats.org/officeDocument/2006/relationships/tags" Target="../tags/tag730.xml"/><Relationship Id="rId37" Type="http://schemas.openxmlformats.org/officeDocument/2006/relationships/tags" Target="../tags/tag448.xml"/><Relationship Id="rId58" Type="http://schemas.openxmlformats.org/officeDocument/2006/relationships/tags" Target="../tags/tag469.xml"/><Relationship Id="rId79" Type="http://schemas.openxmlformats.org/officeDocument/2006/relationships/tags" Target="../tags/tag490.xml"/><Relationship Id="rId102" Type="http://schemas.openxmlformats.org/officeDocument/2006/relationships/tags" Target="../tags/tag513.xml"/><Relationship Id="rId123" Type="http://schemas.openxmlformats.org/officeDocument/2006/relationships/tags" Target="../tags/tag534.xml"/><Relationship Id="rId144" Type="http://schemas.openxmlformats.org/officeDocument/2006/relationships/tags" Target="../tags/tag555.xml"/><Relationship Id="rId330" Type="http://schemas.openxmlformats.org/officeDocument/2006/relationships/tags" Target="../tags/tag741.xml"/><Relationship Id="rId90" Type="http://schemas.openxmlformats.org/officeDocument/2006/relationships/tags" Target="../tags/tag501.xml"/><Relationship Id="rId165" Type="http://schemas.openxmlformats.org/officeDocument/2006/relationships/tags" Target="../tags/tag576.xml"/><Relationship Id="rId186" Type="http://schemas.openxmlformats.org/officeDocument/2006/relationships/tags" Target="../tags/tag597.xml"/><Relationship Id="rId351" Type="http://schemas.openxmlformats.org/officeDocument/2006/relationships/tags" Target="../tags/tag762.xml"/><Relationship Id="rId372" Type="http://schemas.openxmlformats.org/officeDocument/2006/relationships/tags" Target="../tags/tag783.xml"/><Relationship Id="rId393" Type="http://schemas.openxmlformats.org/officeDocument/2006/relationships/tags" Target="../tags/tag804.xml"/><Relationship Id="rId407" Type="http://schemas.openxmlformats.org/officeDocument/2006/relationships/tags" Target="../tags/tag818.xml"/><Relationship Id="rId211" Type="http://schemas.openxmlformats.org/officeDocument/2006/relationships/tags" Target="../tags/tag622.xml"/><Relationship Id="rId232" Type="http://schemas.openxmlformats.org/officeDocument/2006/relationships/tags" Target="../tags/tag643.xml"/><Relationship Id="rId253" Type="http://schemas.openxmlformats.org/officeDocument/2006/relationships/tags" Target="../tags/tag664.xml"/><Relationship Id="rId274" Type="http://schemas.openxmlformats.org/officeDocument/2006/relationships/tags" Target="../tags/tag685.xml"/><Relationship Id="rId295" Type="http://schemas.openxmlformats.org/officeDocument/2006/relationships/tags" Target="../tags/tag706.xml"/><Relationship Id="rId309" Type="http://schemas.openxmlformats.org/officeDocument/2006/relationships/tags" Target="../tags/tag720.xml"/><Relationship Id="rId27" Type="http://schemas.openxmlformats.org/officeDocument/2006/relationships/tags" Target="../tags/tag438.xml"/><Relationship Id="rId48" Type="http://schemas.openxmlformats.org/officeDocument/2006/relationships/tags" Target="../tags/tag459.xml"/><Relationship Id="rId69" Type="http://schemas.openxmlformats.org/officeDocument/2006/relationships/tags" Target="../tags/tag480.xml"/><Relationship Id="rId113" Type="http://schemas.openxmlformats.org/officeDocument/2006/relationships/tags" Target="../tags/tag524.xml"/><Relationship Id="rId134" Type="http://schemas.openxmlformats.org/officeDocument/2006/relationships/tags" Target="../tags/tag545.xml"/><Relationship Id="rId320" Type="http://schemas.openxmlformats.org/officeDocument/2006/relationships/tags" Target="../tags/tag731.xml"/><Relationship Id="rId80" Type="http://schemas.openxmlformats.org/officeDocument/2006/relationships/tags" Target="../tags/tag491.xml"/><Relationship Id="rId155" Type="http://schemas.openxmlformats.org/officeDocument/2006/relationships/tags" Target="../tags/tag566.xml"/><Relationship Id="rId176" Type="http://schemas.openxmlformats.org/officeDocument/2006/relationships/tags" Target="../tags/tag587.xml"/><Relationship Id="rId197" Type="http://schemas.openxmlformats.org/officeDocument/2006/relationships/tags" Target="../tags/tag608.xml"/><Relationship Id="rId341" Type="http://schemas.openxmlformats.org/officeDocument/2006/relationships/tags" Target="../tags/tag752.xml"/><Relationship Id="rId362" Type="http://schemas.openxmlformats.org/officeDocument/2006/relationships/tags" Target="../tags/tag773.xml"/><Relationship Id="rId383" Type="http://schemas.openxmlformats.org/officeDocument/2006/relationships/tags" Target="../tags/tag794.xml"/><Relationship Id="rId201" Type="http://schemas.openxmlformats.org/officeDocument/2006/relationships/tags" Target="../tags/tag612.xml"/><Relationship Id="rId222" Type="http://schemas.openxmlformats.org/officeDocument/2006/relationships/tags" Target="../tags/tag633.xml"/><Relationship Id="rId243" Type="http://schemas.openxmlformats.org/officeDocument/2006/relationships/tags" Target="../tags/tag654.xml"/><Relationship Id="rId264" Type="http://schemas.openxmlformats.org/officeDocument/2006/relationships/tags" Target="../tags/tag675.xml"/><Relationship Id="rId285" Type="http://schemas.openxmlformats.org/officeDocument/2006/relationships/tags" Target="../tags/tag696.xml"/><Relationship Id="rId17" Type="http://schemas.openxmlformats.org/officeDocument/2006/relationships/tags" Target="../tags/tag428.xml"/><Relationship Id="rId38" Type="http://schemas.openxmlformats.org/officeDocument/2006/relationships/tags" Target="../tags/tag449.xml"/><Relationship Id="rId59" Type="http://schemas.openxmlformats.org/officeDocument/2006/relationships/tags" Target="../tags/tag470.xml"/><Relationship Id="rId103" Type="http://schemas.openxmlformats.org/officeDocument/2006/relationships/tags" Target="../tags/tag514.xml"/><Relationship Id="rId124" Type="http://schemas.openxmlformats.org/officeDocument/2006/relationships/tags" Target="../tags/tag535.xml"/><Relationship Id="rId310" Type="http://schemas.openxmlformats.org/officeDocument/2006/relationships/tags" Target="../tags/tag721.xml"/><Relationship Id="rId70" Type="http://schemas.openxmlformats.org/officeDocument/2006/relationships/tags" Target="../tags/tag481.xml"/><Relationship Id="rId91" Type="http://schemas.openxmlformats.org/officeDocument/2006/relationships/tags" Target="../tags/tag502.xml"/><Relationship Id="rId145" Type="http://schemas.openxmlformats.org/officeDocument/2006/relationships/tags" Target="../tags/tag556.xml"/><Relationship Id="rId166" Type="http://schemas.openxmlformats.org/officeDocument/2006/relationships/tags" Target="../tags/tag577.xml"/><Relationship Id="rId187" Type="http://schemas.openxmlformats.org/officeDocument/2006/relationships/tags" Target="../tags/tag598.xml"/><Relationship Id="rId331" Type="http://schemas.openxmlformats.org/officeDocument/2006/relationships/tags" Target="../tags/tag742.xml"/><Relationship Id="rId352" Type="http://schemas.openxmlformats.org/officeDocument/2006/relationships/tags" Target="../tags/tag763.xml"/><Relationship Id="rId373" Type="http://schemas.openxmlformats.org/officeDocument/2006/relationships/tags" Target="../tags/tag784.xml"/><Relationship Id="rId394" Type="http://schemas.openxmlformats.org/officeDocument/2006/relationships/tags" Target="../tags/tag805.xml"/><Relationship Id="rId408" Type="http://schemas.openxmlformats.org/officeDocument/2006/relationships/tags" Target="../tags/tag819.xml"/><Relationship Id="rId1" Type="http://schemas.openxmlformats.org/officeDocument/2006/relationships/customXml" Target="../../customXml/item27.xml"/><Relationship Id="rId212" Type="http://schemas.openxmlformats.org/officeDocument/2006/relationships/tags" Target="../tags/tag623.xml"/><Relationship Id="rId233" Type="http://schemas.openxmlformats.org/officeDocument/2006/relationships/tags" Target="../tags/tag644.xml"/><Relationship Id="rId254" Type="http://schemas.openxmlformats.org/officeDocument/2006/relationships/tags" Target="../tags/tag665.xml"/><Relationship Id="rId28" Type="http://schemas.openxmlformats.org/officeDocument/2006/relationships/tags" Target="../tags/tag439.xml"/><Relationship Id="rId49" Type="http://schemas.openxmlformats.org/officeDocument/2006/relationships/tags" Target="../tags/tag460.xml"/><Relationship Id="rId114" Type="http://schemas.openxmlformats.org/officeDocument/2006/relationships/tags" Target="../tags/tag525.xml"/><Relationship Id="rId275" Type="http://schemas.openxmlformats.org/officeDocument/2006/relationships/tags" Target="../tags/tag686.xml"/><Relationship Id="rId296" Type="http://schemas.openxmlformats.org/officeDocument/2006/relationships/tags" Target="../tags/tag707.xml"/><Relationship Id="rId300" Type="http://schemas.openxmlformats.org/officeDocument/2006/relationships/tags" Target="../tags/tag711.xml"/><Relationship Id="rId60" Type="http://schemas.openxmlformats.org/officeDocument/2006/relationships/tags" Target="../tags/tag471.xml"/><Relationship Id="rId81" Type="http://schemas.openxmlformats.org/officeDocument/2006/relationships/tags" Target="../tags/tag492.xml"/><Relationship Id="rId135" Type="http://schemas.openxmlformats.org/officeDocument/2006/relationships/tags" Target="../tags/tag546.xml"/><Relationship Id="rId156" Type="http://schemas.openxmlformats.org/officeDocument/2006/relationships/tags" Target="../tags/tag567.xml"/><Relationship Id="rId177" Type="http://schemas.openxmlformats.org/officeDocument/2006/relationships/tags" Target="../tags/tag588.xml"/><Relationship Id="rId198" Type="http://schemas.openxmlformats.org/officeDocument/2006/relationships/tags" Target="../tags/tag609.xml"/><Relationship Id="rId321" Type="http://schemas.openxmlformats.org/officeDocument/2006/relationships/tags" Target="../tags/tag732.xml"/><Relationship Id="rId342" Type="http://schemas.openxmlformats.org/officeDocument/2006/relationships/tags" Target="../tags/tag753.xml"/><Relationship Id="rId363" Type="http://schemas.openxmlformats.org/officeDocument/2006/relationships/tags" Target="../tags/tag774.xml"/><Relationship Id="rId384" Type="http://schemas.openxmlformats.org/officeDocument/2006/relationships/tags" Target="../tags/tag795.xml"/><Relationship Id="rId202" Type="http://schemas.openxmlformats.org/officeDocument/2006/relationships/tags" Target="../tags/tag613.xml"/><Relationship Id="rId223" Type="http://schemas.openxmlformats.org/officeDocument/2006/relationships/tags" Target="../tags/tag634.xml"/><Relationship Id="rId244" Type="http://schemas.openxmlformats.org/officeDocument/2006/relationships/tags" Target="../tags/tag655.xml"/><Relationship Id="rId18" Type="http://schemas.openxmlformats.org/officeDocument/2006/relationships/tags" Target="../tags/tag429.xml"/><Relationship Id="rId39" Type="http://schemas.openxmlformats.org/officeDocument/2006/relationships/tags" Target="../tags/tag450.xml"/><Relationship Id="rId265" Type="http://schemas.openxmlformats.org/officeDocument/2006/relationships/tags" Target="../tags/tag676.xml"/><Relationship Id="rId286" Type="http://schemas.openxmlformats.org/officeDocument/2006/relationships/tags" Target="../tags/tag697.xml"/><Relationship Id="rId50" Type="http://schemas.openxmlformats.org/officeDocument/2006/relationships/tags" Target="../tags/tag461.xml"/><Relationship Id="rId104" Type="http://schemas.openxmlformats.org/officeDocument/2006/relationships/tags" Target="../tags/tag515.xml"/><Relationship Id="rId125" Type="http://schemas.openxmlformats.org/officeDocument/2006/relationships/tags" Target="../tags/tag536.xml"/><Relationship Id="rId146" Type="http://schemas.openxmlformats.org/officeDocument/2006/relationships/tags" Target="../tags/tag557.xml"/><Relationship Id="rId167" Type="http://schemas.openxmlformats.org/officeDocument/2006/relationships/tags" Target="../tags/tag578.xml"/><Relationship Id="rId188" Type="http://schemas.openxmlformats.org/officeDocument/2006/relationships/tags" Target="../tags/tag599.xml"/><Relationship Id="rId311" Type="http://schemas.openxmlformats.org/officeDocument/2006/relationships/tags" Target="../tags/tag722.xml"/><Relationship Id="rId332" Type="http://schemas.openxmlformats.org/officeDocument/2006/relationships/tags" Target="../tags/tag743.xml"/><Relationship Id="rId353" Type="http://schemas.openxmlformats.org/officeDocument/2006/relationships/tags" Target="../tags/tag764.xml"/><Relationship Id="rId374" Type="http://schemas.openxmlformats.org/officeDocument/2006/relationships/tags" Target="../tags/tag785.xml"/><Relationship Id="rId395" Type="http://schemas.openxmlformats.org/officeDocument/2006/relationships/tags" Target="../tags/tag806.xml"/><Relationship Id="rId409" Type="http://schemas.openxmlformats.org/officeDocument/2006/relationships/slideLayout" Target="../slideLayouts/slideLayout25.xml"/><Relationship Id="rId71" Type="http://schemas.openxmlformats.org/officeDocument/2006/relationships/tags" Target="../tags/tag482.xml"/><Relationship Id="rId92" Type="http://schemas.openxmlformats.org/officeDocument/2006/relationships/tags" Target="../tags/tag503.xml"/><Relationship Id="rId213" Type="http://schemas.openxmlformats.org/officeDocument/2006/relationships/tags" Target="../tags/tag624.xml"/><Relationship Id="rId234" Type="http://schemas.openxmlformats.org/officeDocument/2006/relationships/tags" Target="../tags/tag645.xml"/><Relationship Id="rId2" Type="http://schemas.openxmlformats.org/officeDocument/2006/relationships/customXml" Target="../../customXml/item28.xml"/><Relationship Id="rId29" Type="http://schemas.openxmlformats.org/officeDocument/2006/relationships/tags" Target="../tags/tag440.xml"/><Relationship Id="rId255" Type="http://schemas.openxmlformats.org/officeDocument/2006/relationships/tags" Target="../tags/tag666.xml"/><Relationship Id="rId276" Type="http://schemas.openxmlformats.org/officeDocument/2006/relationships/tags" Target="../tags/tag687.xml"/><Relationship Id="rId297" Type="http://schemas.openxmlformats.org/officeDocument/2006/relationships/tags" Target="../tags/tag708.xml"/><Relationship Id="rId40" Type="http://schemas.openxmlformats.org/officeDocument/2006/relationships/tags" Target="../tags/tag451.xml"/><Relationship Id="rId115" Type="http://schemas.openxmlformats.org/officeDocument/2006/relationships/tags" Target="../tags/tag526.xml"/><Relationship Id="rId136" Type="http://schemas.openxmlformats.org/officeDocument/2006/relationships/tags" Target="../tags/tag547.xml"/><Relationship Id="rId157" Type="http://schemas.openxmlformats.org/officeDocument/2006/relationships/tags" Target="../tags/tag568.xml"/><Relationship Id="rId178" Type="http://schemas.openxmlformats.org/officeDocument/2006/relationships/tags" Target="../tags/tag589.xml"/><Relationship Id="rId301" Type="http://schemas.openxmlformats.org/officeDocument/2006/relationships/tags" Target="../tags/tag712.xml"/><Relationship Id="rId322" Type="http://schemas.openxmlformats.org/officeDocument/2006/relationships/tags" Target="../tags/tag733.xml"/><Relationship Id="rId343" Type="http://schemas.openxmlformats.org/officeDocument/2006/relationships/tags" Target="../tags/tag754.xml"/><Relationship Id="rId364" Type="http://schemas.openxmlformats.org/officeDocument/2006/relationships/tags" Target="../tags/tag775.xml"/><Relationship Id="rId61" Type="http://schemas.openxmlformats.org/officeDocument/2006/relationships/tags" Target="../tags/tag472.xml"/><Relationship Id="rId82" Type="http://schemas.openxmlformats.org/officeDocument/2006/relationships/tags" Target="../tags/tag493.xml"/><Relationship Id="rId199" Type="http://schemas.openxmlformats.org/officeDocument/2006/relationships/tags" Target="../tags/tag610.xml"/><Relationship Id="rId203" Type="http://schemas.openxmlformats.org/officeDocument/2006/relationships/tags" Target="../tags/tag614.xml"/><Relationship Id="rId385" Type="http://schemas.openxmlformats.org/officeDocument/2006/relationships/tags" Target="../tags/tag796.xml"/><Relationship Id="rId19" Type="http://schemas.openxmlformats.org/officeDocument/2006/relationships/tags" Target="../tags/tag430.xml"/><Relationship Id="rId224" Type="http://schemas.openxmlformats.org/officeDocument/2006/relationships/tags" Target="../tags/tag635.xml"/><Relationship Id="rId245" Type="http://schemas.openxmlformats.org/officeDocument/2006/relationships/tags" Target="../tags/tag656.xml"/><Relationship Id="rId266" Type="http://schemas.openxmlformats.org/officeDocument/2006/relationships/tags" Target="../tags/tag677.xml"/><Relationship Id="rId287" Type="http://schemas.openxmlformats.org/officeDocument/2006/relationships/tags" Target="../tags/tag698.xml"/><Relationship Id="rId410" Type="http://schemas.openxmlformats.org/officeDocument/2006/relationships/notesSlide" Target="../notesSlides/notesSlide9.xml"/><Relationship Id="rId30" Type="http://schemas.openxmlformats.org/officeDocument/2006/relationships/tags" Target="../tags/tag441.xml"/><Relationship Id="rId105" Type="http://schemas.openxmlformats.org/officeDocument/2006/relationships/tags" Target="../tags/tag516.xml"/><Relationship Id="rId126" Type="http://schemas.openxmlformats.org/officeDocument/2006/relationships/tags" Target="../tags/tag537.xml"/><Relationship Id="rId147" Type="http://schemas.openxmlformats.org/officeDocument/2006/relationships/tags" Target="../tags/tag558.xml"/><Relationship Id="rId168" Type="http://schemas.openxmlformats.org/officeDocument/2006/relationships/tags" Target="../tags/tag579.xml"/><Relationship Id="rId312" Type="http://schemas.openxmlformats.org/officeDocument/2006/relationships/tags" Target="../tags/tag723.xml"/><Relationship Id="rId333" Type="http://schemas.openxmlformats.org/officeDocument/2006/relationships/tags" Target="../tags/tag744.xml"/><Relationship Id="rId354" Type="http://schemas.openxmlformats.org/officeDocument/2006/relationships/tags" Target="../tags/tag765.xml"/><Relationship Id="rId51" Type="http://schemas.openxmlformats.org/officeDocument/2006/relationships/tags" Target="../tags/tag462.xml"/><Relationship Id="rId72" Type="http://schemas.openxmlformats.org/officeDocument/2006/relationships/tags" Target="../tags/tag483.xml"/><Relationship Id="rId93" Type="http://schemas.openxmlformats.org/officeDocument/2006/relationships/tags" Target="../tags/tag504.xml"/><Relationship Id="rId189" Type="http://schemas.openxmlformats.org/officeDocument/2006/relationships/tags" Target="../tags/tag600.xml"/><Relationship Id="rId375" Type="http://schemas.openxmlformats.org/officeDocument/2006/relationships/tags" Target="../tags/tag786.xml"/><Relationship Id="rId396" Type="http://schemas.openxmlformats.org/officeDocument/2006/relationships/tags" Target="../tags/tag807.xml"/><Relationship Id="rId3" Type="http://schemas.openxmlformats.org/officeDocument/2006/relationships/tags" Target="../tags/tag414.xml"/><Relationship Id="rId214" Type="http://schemas.openxmlformats.org/officeDocument/2006/relationships/tags" Target="../tags/tag625.xml"/><Relationship Id="rId235" Type="http://schemas.openxmlformats.org/officeDocument/2006/relationships/tags" Target="../tags/tag646.xml"/><Relationship Id="rId256" Type="http://schemas.openxmlformats.org/officeDocument/2006/relationships/tags" Target="../tags/tag667.xml"/><Relationship Id="rId277" Type="http://schemas.openxmlformats.org/officeDocument/2006/relationships/tags" Target="../tags/tag688.xml"/><Relationship Id="rId298" Type="http://schemas.openxmlformats.org/officeDocument/2006/relationships/tags" Target="../tags/tag709.xml"/><Relationship Id="rId400" Type="http://schemas.openxmlformats.org/officeDocument/2006/relationships/tags" Target="../tags/tag811.xml"/><Relationship Id="rId116" Type="http://schemas.openxmlformats.org/officeDocument/2006/relationships/tags" Target="../tags/tag527.xml"/><Relationship Id="rId137" Type="http://schemas.openxmlformats.org/officeDocument/2006/relationships/tags" Target="../tags/tag548.xml"/><Relationship Id="rId158" Type="http://schemas.openxmlformats.org/officeDocument/2006/relationships/tags" Target="../tags/tag569.xml"/><Relationship Id="rId302" Type="http://schemas.openxmlformats.org/officeDocument/2006/relationships/tags" Target="../tags/tag713.xml"/><Relationship Id="rId323" Type="http://schemas.openxmlformats.org/officeDocument/2006/relationships/tags" Target="../tags/tag734.xml"/><Relationship Id="rId344" Type="http://schemas.openxmlformats.org/officeDocument/2006/relationships/tags" Target="../tags/tag755.xml"/><Relationship Id="rId20" Type="http://schemas.openxmlformats.org/officeDocument/2006/relationships/tags" Target="../tags/tag431.xml"/><Relationship Id="rId41" Type="http://schemas.openxmlformats.org/officeDocument/2006/relationships/tags" Target="../tags/tag452.xml"/><Relationship Id="rId62" Type="http://schemas.openxmlformats.org/officeDocument/2006/relationships/tags" Target="../tags/tag473.xml"/><Relationship Id="rId83" Type="http://schemas.openxmlformats.org/officeDocument/2006/relationships/tags" Target="../tags/tag494.xml"/><Relationship Id="rId179" Type="http://schemas.openxmlformats.org/officeDocument/2006/relationships/tags" Target="../tags/tag590.xml"/><Relationship Id="rId365" Type="http://schemas.openxmlformats.org/officeDocument/2006/relationships/tags" Target="../tags/tag776.xml"/><Relationship Id="rId386" Type="http://schemas.openxmlformats.org/officeDocument/2006/relationships/tags" Target="../tags/tag797.xml"/><Relationship Id="rId190" Type="http://schemas.openxmlformats.org/officeDocument/2006/relationships/tags" Target="../tags/tag601.xml"/><Relationship Id="rId204" Type="http://schemas.openxmlformats.org/officeDocument/2006/relationships/tags" Target="../tags/tag615.xml"/><Relationship Id="rId225" Type="http://schemas.openxmlformats.org/officeDocument/2006/relationships/tags" Target="../tags/tag636.xml"/><Relationship Id="rId246" Type="http://schemas.openxmlformats.org/officeDocument/2006/relationships/tags" Target="../tags/tag657.xml"/><Relationship Id="rId267" Type="http://schemas.openxmlformats.org/officeDocument/2006/relationships/tags" Target="../tags/tag678.xml"/><Relationship Id="rId288" Type="http://schemas.openxmlformats.org/officeDocument/2006/relationships/tags" Target="../tags/tag699.xml"/><Relationship Id="rId106" Type="http://schemas.openxmlformats.org/officeDocument/2006/relationships/tags" Target="../tags/tag517.xml"/><Relationship Id="rId127" Type="http://schemas.openxmlformats.org/officeDocument/2006/relationships/tags" Target="../tags/tag538.xml"/><Relationship Id="rId313" Type="http://schemas.openxmlformats.org/officeDocument/2006/relationships/tags" Target="../tags/tag724.xml"/><Relationship Id="rId10" Type="http://schemas.openxmlformats.org/officeDocument/2006/relationships/tags" Target="../tags/tag421.xml"/><Relationship Id="rId31" Type="http://schemas.openxmlformats.org/officeDocument/2006/relationships/tags" Target="../tags/tag442.xml"/><Relationship Id="rId52" Type="http://schemas.openxmlformats.org/officeDocument/2006/relationships/tags" Target="../tags/tag463.xml"/><Relationship Id="rId73" Type="http://schemas.openxmlformats.org/officeDocument/2006/relationships/tags" Target="../tags/tag484.xml"/><Relationship Id="rId94" Type="http://schemas.openxmlformats.org/officeDocument/2006/relationships/tags" Target="../tags/tag505.xml"/><Relationship Id="rId148" Type="http://schemas.openxmlformats.org/officeDocument/2006/relationships/tags" Target="../tags/tag559.xml"/><Relationship Id="rId169" Type="http://schemas.openxmlformats.org/officeDocument/2006/relationships/tags" Target="../tags/tag580.xml"/><Relationship Id="rId334" Type="http://schemas.openxmlformats.org/officeDocument/2006/relationships/tags" Target="../tags/tag745.xml"/><Relationship Id="rId355" Type="http://schemas.openxmlformats.org/officeDocument/2006/relationships/tags" Target="../tags/tag766.xml"/><Relationship Id="rId376" Type="http://schemas.openxmlformats.org/officeDocument/2006/relationships/tags" Target="../tags/tag787.xml"/><Relationship Id="rId397" Type="http://schemas.openxmlformats.org/officeDocument/2006/relationships/tags" Target="../tags/tag808.xml"/><Relationship Id="rId4" Type="http://schemas.openxmlformats.org/officeDocument/2006/relationships/tags" Target="../tags/tag415.xml"/><Relationship Id="rId180" Type="http://schemas.openxmlformats.org/officeDocument/2006/relationships/tags" Target="../tags/tag591.xml"/><Relationship Id="rId215" Type="http://schemas.openxmlformats.org/officeDocument/2006/relationships/tags" Target="../tags/tag626.xml"/><Relationship Id="rId236" Type="http://schemas.openxmlformats.org/officeDocument/2006/relationships/tags" Target="../tags/tag647.xml"/><Relationship Id="rId257" Type="http://schemas.openxmlformats.org/officeDocument/2006/relationships/tags" Target="../tags/tag668.xml"/><Relationship Id="rId278" Type="http://schemas.openxmlformats.org/officeDocument/2006/relationships/tags" Target="../tags/tag689.xml"/><Relationship Id="rId401" Type="http://schemas.openxmlformats.org/officeDocument/2006/relationships/tags" Target="../tags/tag812.xml"/><Relationship Id="rId303" Type="http://schemas.openxmlformats.org/officeDocument/2006/relationships/tags" Target="../tags/tag714.xml"/><Relationship Id="rId42" Type="http://schemas.openxmlformats.org/officeDocument/2006/relationships/tags" Target="../tags/tag453.xml"/><Relationship Id="rId84" Type="http://schemas.openxmlformats.org/officeDocument/2006/relationships/tags" Target="../tags/tag495.xml"/><Relationship Id="rId138" Type="http://schemas.openxmlformats.org/officeDocument/2006/relationships/tags" Target="../tags/tag549.xml"/><Relationship Id="rId345" Type="http://schemas.openxmlformats.org/officeDocument/2006/relationships/tags" Target="../tags/tag756.xml"/><Relationship Id="rId387" Type="http://schemas.openxmlformats.org/officeDocument/2006/relationships/tags" Target="../tags/tag798.xml"/><Relationship Id="rId191" Type="http://schemas.openxmlformats.org/officeDocument/2006/relationships/tags" Target="../tags/tag602.xml"/><Relationship Id="rId205" Type="http://schemas.openxmlformats.org/officeDocument/2006/relationships/tags" Target="../tags/tag616.xml"/><Relationship Id="rId247" Type="http://schemas.openxmlformats.org/officeDocument/2006/relationships/tags" Target="../tags/tag658.xml"/><Relationship Id="rId107" Type="http://schemas.openxmlformats.org/officeDocument/2006/relationships/tags" Target="../tags/tag518.xml"/><Relationship Id="rId289" Type="http://schemas.openxmlformats.org/officeDocument/2006/relationships/tags" Target="../tags/tag700.xml"/><Relationship Id="rId11" Type="http://schemas.openxmlformats.org/officeDocument/2006/relationships/tags" Target="../tags/tag422.xml"/><Relationship Id="rId53" Type="http://schemas.openxmlformats.org/officeDocument/2006/relationships/tags" Target="../tags/tag464.xml"/><Relationship Id="rId149" Type="http://schemas.openxmlformats.org/officeDocument/2006/relationships/tags" Target="../tags/tag560.xml"/><Relationship Id="rId314" Type="http://schemas.openxmlformats.org/officeDocument/2006/relationships/tags" Target="../tags/tag725.xml"/><Relationship Id="rId356" Type="http://schemas.openxmlformats.org/officeDocument/2006/relationships/tags" Target="../tags/tag767.xml"/><Relationship Id="rId398" Type="http://schemas.openxmlformats.org/officeDocument/2006/relationships/tags" Target="../tags/tag80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Maps</a:t>
            </a:r>
            <a:endParaRPr lang="en-GB" b="0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</a:t>
            </a:fld>
            <a:endParaRPr lang="en-GB" dirty="0"/>
          </a:p>
        </p:txBody>
      </p:sp>
      <p:pic>
        <p:nvPicPr>
          <p:cNvPr id="12" name="Logo1" descr="{&quot;templafy&quot;:{&quot;id&quot;:&quot;b101d6d4-7e3f-4670-96d0-92fb01648cbd&quot;}}">
            <a:extLst>
              <a:ext uri="{FF2B5EF4-FFF2-40B4-BE49-F238E27FC236}">
                <a16:creationId xmlns:a16="http://schemas.microsoft.com/office/drawing/2014/main" id="{493CA3C5-473A-4815-B504-C5C947186C5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93738" y="5933690"/>
            <a:ext cx="2565091" cy="6984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297237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878233">
            <a:off x="7627354" y="2101002"/>
            <a:ext cx="3678333" cy="3787477"/>
            <a:chOff x="2987" y="657"/>
            <a:chExt cx="1247" cy="1284"/>
          </a:xfrm>
          <a:solidFill>
            <a:srgbClr val="E1E0DC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4758621" y="4374019"/>
            <a:ext cx="1322353" cy="747724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rgbClr val="E1E0DC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7963894" y="5976693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10430208" y="3140764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9035922" y="4690272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8143515" y="4444794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5320765" y="4734408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84" name="Greenland"/>
          <p:cNvGrpSpPr>
            <a:grpSpLocks noChangeAspect="1"/>
          </p:cNvGrpSpPr>
          <p:nvPr/>
        </p:nvGrpSpPr>
        <p:grpSpPr bwMode="auto">
          <a:xfrm rot="1181657">
            <a:off x="2374868" y="499204"/>
            <a:ext cx="2916164" cy="5138535"/>
            <a:chOff x="3036" y="1082"/>
            <a:chExt cx="1303" cy="2296"/>
          </a:xfrm>
          <a:solidFill>
            <a:srgbClr val="E1E0DC"/>
          </a:solidFill>
        </p:grpSpPr>
        <p:sp>
          <p:nvSpPr>
            <p:cNvPr id="185" name="Freeform 5"/>
            <p:cNvSpPr>
              <a:spLocks/>
            </p:cNvSpPr>
            <p:nvPr/>
          </p:nvSpPr>
          <p:spPr bwMode="auto">
            <a:xfrm>
              <a:off x="3429" y="3262"/>
              <a:ext cx="31" cy="26"/>
            </a:xfrm>
            <a:custGeom>
              <a:avLst/>
              <a:gdLst>
                <a:gd name="T0" fmla="*/ 26 w 31"/>
                <a:gd name="T1" fmla="*/ 15 h 26"/>
                <a:gd name="T2" fmla="*/ 21 w 31"/>
                <a:gd name="T3" fmla="*/ 26 h 26"/>
                <a:gd name="T4" fmla="*/ 0 w 31"/>
                <a:gd name="T5" fmla="*/ 15 h 26"/>
                <a:gd name="T6" fmla="*/ 31 w 31"/>
                <a:gd name="T7" fmla="*/ 0 h 26"/>
                <a:gd name="T8" fmla="*/ 26 w 31"/>
                <a:gd name="T9" fmla="*/ 1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1" h="26">
                  <a:moveTo>
                    <a:pt x="26" y="15"/>
                  </a:moveTo>
                  <a:lnTo>
                    <a:pt x="21" y="26"/>
                  </a:lnTo>
                  <a:lnTo>
                    <a:pt x="0" y="15"/>
                  </a:lnTo>
                  <a:lnTo>
                    <a:pt x="31" y="0"/>
                  </a:lnTo>
                  <a:lnTo>
                    <a:pt x="26" y="1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6" name="Freeform 6"/>
            <p:cNvSpPr>
              <a:spLocks/>
            </p:cNvSpPr>
            <p:nvPr/>
          </p:nvSpPr>
          <p:spPr bwMode="auto">
            <a:xfrm>
              <a:off x="3854" y="2799"/>
              <a:ext cx="10" cy="21"/>
            </a:xfrm>
            <a:custGeom>
              <a:avLst/>
              <a:gdLst>
                <a:gd name="T0" fmla="*/ 5 w 10"/>
                <a:gd name="T1" fmla="*/ 21 h 21"/>
                <a:gd name="T2" fmla="*/ 0 w 10"/>
                <a:gd name="T3" fmla="*/ 21 h 21"/>
                <a:gd name="T4" fmla="*/ 5 w 10"/>
                <a:gd name="T5" fmla="*/ 0 h 21"/>
                <a:gd name="T6" fmla="*/ 10 w 10"/>
                <a:gd name="T7" fmla="*/ 5 h 21"/>
                <a:gd name="T8" fmla="*/ 5 w 10"/>
                <a:gd name="T9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1">
                  <a:moveTo>
                    <a:pt x="5" y="21"/>
                  </a:moveTo>
                  <a:lnTo>
                    <a:pt x="0" y="21"/>
                  </a:lnTo>
                  <a:lnTo>
                    <a:pt x="5" y="0"/>
                  </a:lnTo>
                  <a:lnTo>
                    <a:pt x="10" y="5"/>
                  </a:lnTo>
                  <a:lnTo>
                    <a:pt x="5" y="2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7" name="Freeform 7"/>
            <p:cNvSpPr>
              <a:spLocks/>
            </p:cNvSpPr>
            <p:nvPr/>
          </p:nvSpPr>
          <p:spPr bwMode="auto">
            <a:xfrm>
              <a:off x="3343" y="2377"/>
              <a:ext cx="25" cy="36"/>
            </a:xfrm>
            <a:custGeom>
              <a:avLst/>
              <a:gdLst>
                <a:gd name="T0" fmla="*/ 10 w 25"/>
                <a:gd name="T1" fmla="*/ 36 h 36"/>
                <a:gd name="T2" fmla="*/ 0 w 25"/>
                <a:gd name="T3" fmla="*/ 36 h 36"/>
                <a:gd name="T4" fmla="*/ 5 w 25"/>
                <a:gd name="T5" fmla="*/ 0 h 36"/>
                <a:gd name="T6" fmla="*/ 25 w 25"/>
                <a:gd name="T7" fmla="*/ 10 h 36"/>
                <a:gd name="T8" fmla="*/ 15 w 25"/>
                <a:gd name="T9" fmla="*/ 15 h 36"/>
                <a:gd name="T10" fmla="*/ 10 w 25"/>
                <a:gd name="T11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" h="36">
                  <a:moveTo>
                    <a:pt x="10" y="36"/>
                  </a:moveTo>
                  <a:lnTo>
                    <a:pt x="0" y="36"/>
                  </a:lnTo>
                  <a:lnTo>
                    <a:pt x="5" y="0"/>
                  </a:lnTo>
                  <a:lnTo>
                    <a:pt x="25" y="10"/>
                  </a:lnTo>
                  <a:lnTo>
                    <a:pt x="15" y="15"/>
                  </a:lnTo>
                  <a:lnTo>
                    <a:pt x="10" y="3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8" name="Freeform 8"/>
            <p:cNvSpPr>
              <a:spLocks/>
            </p:cNvSpPr>
            <p:nvPr/>
          </p:nvSpPr>
          <p:spPr bwMode="auto">
            <a:xfrm>
              <a:off x="3225" y="2321"/>
              <a:ext cx="97" cy="107"/>
            </a:xfrm>
            <a:custGeom>
              <a:avLst/>
              <a:gdLst>
                <a:gd name="T0" fmla="*/ 77 w 97"/>
                <a:gd name="T1" fmla="*/ 46 h 107"/>
                <a:gd name="T2" fmla="*/ 82 w 97"/>
                <a:gd name="T3" fmla="*/ 56 h 107"/>
                <a:gd name="T4" fmla="*/ 97 w 97"/>
                <a:gd name="T5" fmla="*/ 61 h 107"/>
                <a:gd name="T6" fmla="*/ 92 w 97"/>
                <a:gd name="T7" fmla="*/ 71 h 107"/>
                <a:gd name="T8" fmla="*/ 97 w 97"/>
                <a:gd name="T9" fmla="*/ 82 h 107"/>
                <a:gd name="T10" fmla="*/ 61 w 97"/>
                <a:gd name="T11" fmla="*/ 102 h 107"/>
                <a:gd name="T12" fmla="*/ 36 w 97"/>
                <a:gd name="T13" fmla="*/ 107 h 107"/>
                <a:gd name="T14" fmla="*/ 26 w 97"/>
                <a:gd name="T15" fmla="*/ 102 h 107"/>
                <a:gd name="T16" fmla="*/ 15 w 97"/>
                <a:gd name="T17" fmla="*/ 87 h 107"/>
                <a:gd name="T18" fmla="*/ 36 w 97"/>
                <a:gd name="T19" fmla="*/ 82 h 107"/>
                <a:gd name="T20" fmla="*/ 0 w 97"/>
                <a:gd name="T21" fmla="*/ 61 h 107"/>
                <a:gd name="T22" fmla="*/ 5 w 97"/>
                <a:gd name="T23" fmla="*/ 31 h 107"/>
                <a:gd name="T24" fmla="*/ 20 w 97"/>
                <a:gd name="T25" fmla="*/ 36 h 107"/>
                <a:gd name="T26" fmla="*/ 10 w 97"/>
                <a:gd name="T27" fmla="*/ 26 h 107"/>
                <a:gd name="T28" fmla="*/ 15 w 97"/>
                <a:gd name="T29" fmla="*/ 0 h 107"/>
                <a:gd name="T30" fmla="*/ 61 w 97"/>
                <a:gd name="T31" fmla="*/ 16 h 107"/>
                <a:gd name="T32" fmla="*/ 77 w 97"/>
                <a:gd name="T33" fmla="*/ 46 h 1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7" h="107">
                  <a:moveTo>
                    <a:pt x="77" y="46"/>
                  </a:moveTo>
                  <a:lnTo>
                    <a:pt x="82" y="56"/>
                  </a:lnTo>
                  <a:lnTo>
                    <a:pt x="97" y="61"/>
                  </a:lnTo>
                  <a:lnTo>
                    <a:pt x="92" y="71"/>
                  </a:lnTo>
                  <a:lnTo>
                    <a:pt x="97" y="82"/>
                  </a:lnTo>
                  <a:lnTo>
                    <a:pt x="61" y="102"/>
                  </a:lnTo>
                  <a:lnTo>
                    <a:pt x="36" y="107"/>
                  </a:lnTo>
                  <a:lnTo>
                    <a:pt x="26" y="102"/>
                  </a:lnTo>
                  <a:lnTo>
                    <a:pt x="15" y="87"/>
                  </a:lnTo>
                  <a:lnTo>
                    <a:pt x="36" y="82"/>
                  </a:lnTo>
                  <a:lnTo>
                    <a:pt x="0" y="61"/>
                  </a:lnTo>
                  <a:lnTo>
                    <a:pt x="5" y="31"/>
                  </a:lnTo>
                  <a:lnTo>
                    <a:pt x="20" y="36"/>
                  </a:lnTo>
                  <a:lnTo>
                    <a:pt x="10" y="26"/>
                  </a:lnTo>
                  <a:lnTo>
                    <a:pt x="15" y="0"/>
                  </a:lnTo>
                  <a:lnTo>
                    <a:pt x="61" y="16"/>
                  </a:lnTo>
                  <a:lnTo>
                    <a:pt x="77" y="4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9" name="Freeform 9"/>
            <p:cNvSpPr>
              <a:spLocks/>
            </p:cNvSpPr>
            <p:nvPr/>
          </p:nvSpPr>
          <p:spPr bwMode="auto">
            <a:xfrm>
              <a:off x="3332" y="2270"/>
              <a:ext cx="21" cy="16"/>
            </a:xfrm>
            <a:custGeom>
              <a:avLst/>
              <a:gdLst>
                <a:gd name="T0" fmla="*/ 16 w 21"/>
                <a:gd name="T1" fmla="*/ 16 h 16"/>
                <a:gd name="T2" fmla="*/ 0 w 21"/>
                <a:gd name="T3" fmla="*/ 6 h 16"/>
                <a:gd name="T4" fmla="*/ 11 w 21"/>
                <a:gd name="T5" fmla="*/ 0 h 16"/>
                <a:gd name="T6" fmla="*/ 21 w 21"/>
                <a:gd name="T7" fmla="*/ 11 h 16"/>
                <a:gd name="T8" fmla="*/ 16 w 21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" h="16">
                  <a:moveTo>
                    <a:pt x="16" y="16"/>
                  </a:moveTo>
                  <a:lnTo>
                    <a:pt x="0" y="6"/>
                  </a:lnTo>
                  <a:lnTo>
                    <a:pt x="11" y="0"/>
                  </a:lnTo>
                  <a:lnTo>
                    <a:pt x="21" y="11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0" name="Freeform 10"/>
            <p:cNvSpPr>
              <a:spLocks/>
            </p:cNvSpPr>
            <p:nvPr/>
          </p:nvSpPr>
          <p:spPr bwMode="auto">
            <a:xfrm>
              <a:off x="4109" y="2220"/>
              <a:ext cx="82" cy="71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1" name="Freeform 11"/>
            <p:cNvSpPr>
              <a:spLocks/>
            </p:cNvSpPr>
            <p:nvPr/>
          </p:nvSpPr>
          <p:spPr bwMode="auto">
            <a:xfrm>
              <a:off x="3281" y="2230"/>
              <a:ext cx="16" cy="25"/>
            </a:xfrm>
            <a:custGeom>
              <a:avLst/>
              <a:gdLst>
                <a:gd name="T0" fmla="*/ 10 w 16"/>
                <a:gd name="T1" fmla="*/ 25 h 25"/>
                <a:gd name="T2" fmla="*/ 0 w 16"/>
                <a:gd name="T3" fmla="*/ 20 h 25"/>
                <a:gd name="T4" fmla="*/ 0 w 16"/>
                <a:gd name="T5" fmla="*/ 10 h 25"/>
                <a:gd name="T6" fmla="*/ 16 w 16"/>
                <a:gd name="T7" fmla="*/ 0 h 25"/>
                <a:gd name="T8" fmla="*/ 10 w 16"/>
                <a:gd name="T9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25">
                  <a:moveTo>
                    <a:pt x="10" y="25"/>
                  </a:moveTo>
                  <a:lnTo>
                    <a:pt x="0" y="20"/>
                  </a:lnTo>
                  <a:lnTo>
                    <a:pt x="0" y="10"/>
                  </a:lnTo>
                  <a:lnTo>
                    <a:pt x="16" y="0"/>
                  </a:lnTo>
                  <a:lnTo>
                    <a:pt x="10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2" name="Freeform 12"/>
            <p:cNvSpPr>
              <a:spLocks/>
            </p:cNvSpPr>
            <p:nvPr/>
          </p:nvSpPr>
          <p:spPr bwMode="auto">
            <a:xfrm>
              <a:off x="3245" y="2072"/>
              <a:ext cx="36" cy="26"/>
            </a:xfrm>
            <a:custGeom>
              <a:avLst/>
              <a:gdLst>
                <a:gd name="T0" fmla="*/ 36 w 36"/>
                <a:gd name="T1" fmla="*/ 5 h 26"/>
                <a:gd name="T2" fmla="*/ 21 w 36"/>
                <a:gd name="T3" fmla="*/ 26 h 26"/>
                <a:gd name="T4" fmla="*/ 0 w 36"/>
                <a:gd name="T5" fmla="*/ 5 h 26"/>
                <a:gd name="T6" fmla="*/ 11 w 36"/>
                <a:gd name="T7" fmla="*/ 0 h 26"/>
                <a:gd name="T8" fmla="*/ 36 w 36"/>
                <a:gd name="T9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26">
                  <a:moveTo>
                    <a:pt x="36" y="5"/>
                  </a:moveTo>
                  <a:lnTo>
                    <a:pt x="21" y="26"/>
                  </a:lnTo>
                  <a:lnTo>
                    <a:pt x="0" y="5"/>
                  </a:lnTo>
                  <a:lnTo>
                    <a:pt x="11" y="0"/>
                  </a:lnTo>
                  <a:lnTo>
                    <a:pt x="36" y="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4217" y="1747"/>
              <a:ext cx="46" cy="40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160" y="1640"/>
              <a:ext cx="36" cy="56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5" name="Freeform 15"/>
            <p:cNvSpPr>
              <a:spLocks/>
            </p:cNvSpPr>
            <p:nvPr/>
          </p:nvSpPr>
          <p:spPr bwMode="auto">
            <a:xfrm>
              <a:off x="3036" y="1508"/>
              <a:ext cx="15" cy="20"/>
            </a:xfrm>
            <a:custGeom>
              <a:avLst/>
              <a:gdLst>
                <a:gd name="T0" fmla="*/ 10 w 15"/>
                <a:gd name="T1" fmla="*/ 20 h 20"/>
                <a:gd name="T2" fmla="*/ 0 w 15"/>
                <a:gd name="T3" fmla="*/ 0 h 20"/>
                <a:gd name="T4" fmla="*/ 10 w 15"/>
                <a:gd name="T5" fmla="*/ 0 h 20"/>
                <a:gd name="T6" fmla="*/ 15 w 15"/>
                <a:gd name="T7" fmla="*/ 10 h 20"/>
                <a:gd name="T8" fmla="*/ 10 w 1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0">
                  <a:moveTo>
                    <a:pt x="10" y="20"/>
                  </a:moveTo>
                  <a:lnTo>
                    <a:pt x="0" y="0"/>
                  </a:lnTo>
                  <a:lnTo>
                    <a:pt x="10" y="0"/>
                  </a:lnTo>
                  <a:lnTo>
                    <a:pt x="15" y="10"/>
                  </a:lnTo>
                  <a:lnTo>
                    <a:pt x="1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>
              <a:off x="4140" y="1523"/>
              <a:ext cx="10" cy="25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7" name="Freeform 17"/>
            <p:cNvSpPr>
              <a:spLocks/>
            </p:cNvSpPr>
            <p:nvPr/>
          </p:nvSpPr>
          <p:spPr bwMode="auto">
            <a:xfrm>
              <a:off x="4094" y="1482"/>
              <a:ext cx="20" cy="41"/>
            </a:xfrm>
            <a:custGeom>
              <a:avLst/>
              <a:gdLst>
                <a:gd name="T0" fmla="*/ 20 w 20"/>
                <a:gd name="T1" fmla="*/ 41 h 41"/>
                <a:gd name="T2" fmla="*/ 5 w 20"/>
                <a:gd name="T3" fmla="*/ 26 h 41"/>
                <a:gd name="T4" fmla="*/ 0 w 20"/>
                <a:gd name="T5" fmla="*/ 10 h 41"/>
                <a:gd name="T6" fmla="*/ 5 w 20"/>
                <a:gd name="T7" fmla="*/ 0 h 41"/>
                <a:gd name="T8" fmla="*/ 20 w 20"/>
                <a:gd name="T9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41">
                  <a:moveTo>
                    <a:pt x="20" y="41"/>
                  </a:moveTo>
                  <a:lnTo>
                    <a:pt x="5" y="26"/>
                  </a:lnTo>
                  <a:lnTo>
                    <a:pt x="0" y="10"/>
                  </a:lnTo>
                  <a:lnTo>
                    <a:pt x="5" y="0"/>
                  </a:lnTo>
                  <a:lnTo>
                    <a:pt x="20" y="4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8" name="Freeform 18"/>
            <p:cNvSpPr>
              <a:spLocks/>
            </p:cNvSpPr>
            <p:nvPr/>
          </p:nvSpPr>
          <p:spPr bwMode="auto">
            <a:xfrm>
              <a:off x="4038" y="1330"/>
              <a:ext cx="30" cy="35"/>
            </a:xfrm>
            <a:custGeom>
              <a:avLst/>
              <a:gdLst>
                <a:gd name="T0" fmla="*/ 30 w 30"/>
                <a:gd name="T1" fmla="*/ 20 h 35"/>
                <a:gd name="T2" fmla="*/ 25 w 30"/>
                <a:gd name="T3" fmla="*/ 35 h 35"/>
                <a:gd name="T4" fmla="*/ 10 w 30"/>
                <a:gd name="T5" fmla="*/ 35 h 35"/>
                <a:gd name="T6" fmla="*/ 0 w 30"/>
                <a:gd name="T7" fmla="*/ 20 h 35"/>
                <a:gd name="T8" fmla="*/ 20 w 30"/>
                <a:gd name="T9" fmla="*/ 0 h 35"/>
                <a:gd name="T10" fmla="*/ 30 w 30"/>
                <a:gd name="T11" fmla="*/ 2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0" h="35">
                  <a:moveTo>
                    <a:pt x="30" y="20"/>
                  </a:moveTo>
                  <a:lnTo>
                    <a:pt x="25" y="35"/>
                  </a:lnTo>
                  <a:lnTo>
                    <a:pt x="10" y="35"/>
                  </a:lnTo>
                  <a:lnTo>
                    <a:pt x="0" y="20"/>
                  </a:lnTo>
                  <a:lnTo>
                    <a:pt x="20" y="0"/>
                  </a:lnTo>
                  <a:lnTo>
                    <a:pt x="3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9" name="Freeform 19"/>
            <p:cNvSpPr>
              <a:spLocks/>
            </p:cNvSpPr>
            <p:nvPr/>
          </p:nvSpPr>
          <p:spPr bwMode="auto">
            <a:xfrm>
              <a:off x="3951" y="1157"/>
              <a:ext cx="20" cy="25"/>
            </a:xfrm>
            <a:custGeom>
              <a:avLst/>
              <a:gdLst>
                <a:gd name="T0" fmla="*/ 20 w 20"/>
                <a:gd name="T1" fmla="*/ 20 h 25"/>
                <a:gd name="T2" fmla="*/ 15 w 20"/>
                <a:gd name="T3" fmla="*/ 25 h 25"/>
                <a:gd name="T4" fmla="*/ 0 w 20"/>
                <a:gd name="T5" fmla="*/ 0 h 25"/>
                <a:gd name="T6" fmla="*/ 20 w 20"/>
                <a:gd name="T7" fmla="*/ 20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0" h="25">
                  <a:moveTo>
                    <a:pt x="20" y="20"/>
                  </a:moveTo>
                  <a:lnTo>
                    <a:pt x="15" y="25"/>
                  </a:lnTo>
                  <a:lnTo>
                    <a:pt x="0" y="0"/>
                  </a:lnTo>
                  <a:lnTo>
                    <a:pt x="2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0" name="Freeform 20"/>
            <p:cNvSpPr>
              <a:spLocks/>
            </p:cNvSpPr>
            <p:nvPr/>
          </p:nvSpPr>
          <p:spPr bwMode="auto">
            <a:xfrm>
              <a:off x="3588" y="1157"/>
              <a:ext cx="31" cy="61"/>
            </a:xfrm>
            <a:custGeom>
              <a:avLst/>
              <a:gdLst>
                <a:gd name="T0" fmla="*/ 31 w 31"/>
                <a:gd name="T1" fmla="*/ 61 h 61"/>
                <a:gd name="T2" fmla="*/ 5 w 31"/>
                <a:gd name="T3" fmla="*/ 30 h 61"/>
                <a:gd name="T4" fmla="*/ 0 w 31"/>
                <a:gd name="T5" fmla="*/ 5 h 61"/>
                <a:gd name="T6" fmla="*/ 10 w 31"/>
                <a:gd name="T7" fmla="*/ 0 h 61"/>
                <a:gd name="T8" fmla="*/ 31 w 31"/>
                <a:gd name="T9" fmla="*/ 20 h 61"/>
                <a:gd name="T10" fmla="*/ 31 w 31"/>
                <a:gd name="T11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61">
                  <a:moveTo>
                    <a:pt x="31" y="61"/>
                  </a:moveTo>
                  <a:lnTo>
                    <a:pt x="5" y="30"/>
                  </a:lnTo>
                  <a:lnTo>
                    <a:pt x="0" y="5"/>
                  </a:lnTo>
                  <a:lnTo>
                    <a:pt x="10" y="0"/>
                  </a:lnTo>
                  <a:lnTo>
                    <a:pt x="31" y="20"/>
                  </a:lnTo>
                  <a:lnTo>
                    <a:pt x="31" y="61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1" name="Freeform 21"/>
            <p:cNvSpPr>
              <a:spLocks/>
            </p:cNvSpPr>
            <p:nvPr/>
          </p:nvSpPr>
          <p:spPr bwMode="auto">
            <a:xfrm>
              <a:off x="3076" y="1082"/>
              <a:ext cx="1263" cy="2296"/>
            </a:xfrm>
            <a:custGeom>
              <a:avLst/>
              <a:gdLst>
                <a:gd name="T0" fmla="*/ 823 w 1273"/>
                <a:gd name="T1" fmla="*/ 51 h 2314"/>
                <a:gd name="T2" fmla="*/ 843 w 1273"/>
                <a:gd name="T3" fmla="*/ 132 h 2314"/>
                <a:gd name="T4" fmla="*/ 935 w 1273"/>
                <a:gd name="T5" fmla="*/ 148 h 2314"/>
                <a:gd name="T6" fmla="*/ 1027 w 1273"/>
                <a:gd name="T7" fmla="*/ 224 h 2314"/>
                <a:gd name="T8" fmla="*/ 1027 w 1273"/>
                <a:gd name="T9" fmla="*/ 366 h 2314"/>
                <a:gd name="T10" fmla="*/ 1068 w 1273"/>
                <a:gd name="T11" fmla="*/ 488 h 2314"/>
                <a:gd name="T12" fmla="*/ 1084 w 1273"/>
                <a:gd name="T13" fmla="*/ 570 h 2314"/>
                <a:gd name="T14" fmla="*/ 1125 w 1273"/>
                <a:gd name="T15" fmla="*/ 651 h 2314"/>
                <a:gd name="T16" fmla="*/ 1135 w 1273"/>
                <a:gd name="T17" fmla="*/ 743 h 2314"/>
                <a:gd name="T18" fmla="*/ 1140 w 1273"/>
                <a:gd name="T19" fmla="*/ 829 h 2314"/>
                <a:gd name="T20" fmla="*/ 1099 w 1273"/>
                <a:gd name="T21" fmla="*/ 890 h 2314"/>
                <a:gd name="T22" fmla="*/ 1033 w 1273"/>
                <a:gd name="T23" fmla="*/ 982 h 2314"/>
                <a:gd name="T24" fmla="*/ 1104 w 1273"/>
                <a:gd name="T25" fmla="*/ 961 h 2314"/>
                <a:gd name="T26" fmla="*/ 1201 w 1273"/>
                <a:gd name="T27" fmla="*/ 1048 h 2314"/>
                <a:gd name="T28" fmla="*/ 1232 w 1273"/>
                <a:gd name="T29" fmla="*/ 1144 h 2314"/>
                <a:gd name="T30" fmla="*/ 1073 w 1273"/>
                <a:gd name="T31" fmla="*/ 1124 h 2314"/>
                <a:gd name="T32" fmla="*/ 1114 w 1273"/>
                <a:gd name="T33" fmla="*/ 1221 h 2314"/>
                <a:gd name="T34" fmla="*/ 1268 w 1273"/>
                <a:gd name="T35" fmla="*/ 1216 h 2314"/>
                <a:gd name="T36" fmla="*/ 1165 w 1273"/>
                <a:gd name="T37" fmla="*/ 1388 h 2314"/>
                <a:gd name="T38" fmla="*/ 946 w 1273"/>
                <a:gd name="T39" fmla="*/ 1536 h 2314"/>
                <a:gd name="T40" fmla="*/ 849 w 1273"/>
                <a:gd name="T41" fmla="*/ 1724 h 2314"/>
                <a:gd name="T42" fmla="*/ 787 w 1273"/>
                <a:gd name="T43" fmla="*/ 1688 h 2314"/>
                <a:gd name="T44" fmla="*/ 700 w 1273"/>
                <a:gd name="T45" fmla="*/ 1805 h 2314"/>
                <a:gd name="T46" fmla="*/ 639 w 1273"/>
                <a:gd name="T47" fmla="*/ 1887 h 2314"/>
                <a:gd name="T48" fmla="*/ 659 w 1273"/>
                <a:gd name="T49" fmla="*/ 1983 h 2314"/>
                <a:gd name="T50" fmla="*/ 613 w 1273"/>
                <a:gd name="T51" fmla="*/ 2105 h 2314"/>
                <a:gd name="T52" fmla="*/ 562 w 1273"/>
                <a:gd name="T53" fmla="*/ 2263 h 2314"/>
                <a:gd name="T54" fmla="*/ 496 w 1273"/>
                <a:gd name="T55" fmla="*/ 2294 h 2314"/>
                <a:gd name="T56" fmla="*/ 434 w 1273"/>
                <a:gd name="T57" fmla="*/ 2197 h 2314"/>
                <a:gd name="T58" fmla="*/ 348 w 1273"/>
                <a:gd name="T59" fmla="*/ 2192 h 2314"/>
                <a:gd name="T60" fmla="*/ 296 w 1273"/>
                <a:gd name="T61" fmla="*/ 2080 h 2314"/>
                <a:gd name="T62" fmla="*/ 220 w 1273"/>
                <a:gd name="T63" fmla="*/ 1958 h 2314"/>
                <a:gd name="T64" fmla="*/ 230 w 1273"/>
                <a:gd name="T65" fmla="*/ 1831 h 2314"/>
                <a:gd name="T66" fmla="*/ 240 w 1273"/>
                <a:gd name="T67" fmla="*/ 1826 h 2314"/>
                <a:gd name="T68" fmla="*/ 256 w 1273"/>
                <a:gd name="T69" fmla="*/ 1714 h 2314"/>
                <a:gd name="T70" fmla="*/ 245 w 1273"/>
                <a:gd name="T71" fmla="*/ 1627 h 2314"/>
                <a:gd name="T72" fmla="*/ 179 w 1273"/>
                <a:gd name="T73" fmla="*/ 1541 h 2314"/>
                <a:gd name="T74" fmla="*/ 179 w 1273"/>
                <a:gd name="T75" fmla="*/ 1531 h 2314"/>
                <a:gd name="T76" fmla="*/ 240 w 1273"/>
                <a:gd name="T77" fmla="*/ 1424 h 2314"/>
                <a:gd name="T78" fmla="*/ 302 w 1273"/>
                <a:gd name="T79" fmla="*/ 1383 h 2314"/>
                <a:gd name="T80" fmla="*/ 276 w 1273"/>
                <a:gd name="T81" fmla="*/ 1297 h 2314"/>
                <a:gd name="T82" fmla="*/ 332 w 1273"/>
                <a:gd name="T83" fmla="*/ 1266 h 2314"/>
                <a:gd name="T84" fmla="*/ 286 w 1273"/>
                <a:gd name="T85" fmla="*/ 1154 h 2314"/>
                <a:gd name="T86" fmla="*/ 271 w 1273"/>
                <a:gd name="T87" fmla="*/ 1119 h 2314"/>
                <a:gd name="T88" fmla="*/ 210 w 1273"/>
                <a:gd name="T89" fmla="*/ 1068 h 2314"/>
                <a:gd name="T90" fmla="*/ 245 w 1273"/>
                <a:gd name="T91" fmla="*/ 971 h 2314"/>
                <a:gd name="T92" fmla="*/ 245 w 1273"/>
                <a:gd name="T93" fmla="*/ 849 h 2314"/>
                <a:gd name="T94" fmla="*/ 82 w 1273"/>
                <a:gd name="T95" fmla="*/ 631 h 2314"/>
                <a:gd name="T96" fmla="*/ 26 w 1273"/>
                <a:gd name="T97" fmla="*/ 514 h 2314"/>
                <a:gd name="T98" fmla="*/ 77 w 1273"/>
                <a:gd name="T99" fmla="*/ 493 h 2314"/>
                <a:gd name="T100" fmla="*/ 56 w 1273"/>
                <a:gd name="T101" fmla="*/ 437 h 2314"/>
                <a:gd name="T102" fmla="*/ 164 w 1273"/>
                <a:gd name="T103" fmla="*/ 346 h 2314"/>
                <a:gd name="T104" fmla="*/ 276 w 1273"/>
                <a:gd name="T105" fmla="*/ 198 h 2314"/>
                <a:gd name="T106" fmla="*/ 404 w 1273"/>
                <a:gd name="T107" fmla="*/ 204 h 2314"/>
                <a:gd name="T108" fmla="*/ 491 w 1273"/>
                <a:gd name="T109" fmla="*/ 153 h 2314"/>
                <a:gd name="T110" fmla="*/ 572 w 1273"/>
                <a:gd name="T111" fmla="*/ 92 h 2314"/>
                <a:gd name="T112" fmla="*/ 613 w 1273"/>
                <a:gd name="T113" fmla="*/ 46 h 2314"/>
                <a:gd name="T114" fmla="*/ 746 w 1273"/>
                <a:gd name="T115" fmla="*/ 0 h 2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1273" h="2314">
                  <a:moveTo>
                    <a:pt x="746" y="0"/>
                  </a:moveTo>
                  <a:lnTo>
                    <a:pt x="797" y="15"/>
                  </a:lnTo>
                  <a:lnTo>
                    <a:pt x="797" y="26"/>
                  </a:lnTo>
                  <a:lnTo>
                    <a:pt x="731" y="51"/>
                  </a:lnTo>
                  <a:lnTo>
                    <a:pt x="736" y="61"/>
                  </a:lnTo>
                  <a:lnTo>
                    <a:pt x="751" y="46"/>
                  </a:lnTo>
                  <a:lnTo>
                    <a:pt x="792" y="41"/>
                  </a:lnTo>
                  <a:lnTo>
                    <a:pt x="808" y="26"/>
                  </a:lnTo>
                  <a:lnTo>
                    <a:pt x="823" y="51"/>
                  </a:lnTo>
                  <a:lnTo>
                    <a:pt x="833" y="46"/>
                  </a:lnTo>
                  <a:lnTo>
                    <a:pt x="864" y="56"/>
                  </a:lnTo>
                  <a:lnTo>
                    <a:pt x="869" y="76"/>
                  </a:lnTo>
                  <a:lnTo>
                    <a:pt x="859" y="97"/>
                  </a:lnTo>
                  <a:lnTo>
                    <a:pt x="782" y="132"/>
                  </a:lnTo>
                  <a:lnTo>
                    <a:pt x="777" y="142"/>
                  </a:lnTo>
                  <a:lnTo>
                    <a:pt x="787" y="153"/>
                  </a:lnTo>
                  <a:lnTo>
                    <a:pt x="808" y="137"/>
                  </a:lnTo>
                  <a:lnTo>
                    <a:pt x="843" y="132"/>
                  </a:lnTo>
                  <a:lnTo>
                    <a:pt x="864" y="158"/>
                  </a:lnTo>
                  <a:lnTo>
                    <a:pt x="869" y="122"/>
                  </a:lnTo>
                  <a:lnTo>
                    <a:pt x="889" y="112"/>
                  </a:lnTo>
                  <a:lnTo>
                    <a:pt x="910" y="168"/>
                  </a:lnTo>
                  <a:lnTo>
                    <a:pt x="905" y="234"/>
                  </a:lnTo>
                  <a:lnTo>
                    <a:pt x="925" y="178"/>
                  </a:lnTo>
                  <a:lnTo>
                    <a:pt x="925" y="142"/>
                  </a:lnTo>
                  <a:lnTo>
                    <a:pt x="930" y="137"/>
                  </a:lnTo>
                  <a:lnTo>
                    <a:pt x="935" y="148"/>
                  </a:lnTo>
                  <a:lnTo>
                    <a:pt x="966" y="153"/>
                  </a:lnTo>
                  <a:lnTo>
                    <a:pt x="971" y="102"/>
                  </a:lnTo>
                  <a:lnTo>
                    <a:pt x="997" y="92"/>
                  </a:lnTo>
                  <a:lnTo>
                    <a:pt x="1038" y="102"/>
                  </a:lnTo>
                  <a:lnTo>
                    <a:pt x="1038" y="148"/>
                  </a:lnTo>
                  <a:lnTo>
                    <a:pt x="1022" y="163"/>
                  </a:lnTo>
                  <a:lnTo>
                    <a:pt x="1033" y="188"/>
                  </a:lnTo>
                  <a:lnTo>
                    <a:pt x="1007" y="219"/>
                  </a:lnTo>
                  <a:lnTo>
                    <a:pt x="1027" y="224"/>
                  </a:lnTo>
                  <a:lnTo>
                    <a:pt x="1027" y="244"/>
                  </a:lnTo>
                  <a:lnTo>
                    <a:pt x="1007" y="265"/>
                  </a:lnTo>
                  <a:lnTo>
                    <a:pt x="981" y="259"/>
                  </a:lnTo>
                  <a:lnTo>
                    <a:pt x="976" y="290"/>
                  </a:lnTo>
                  <a:lnTo>
                    <a:pt x="987" y="310"/>
                  </a:lnTo>
                  <a:lnTo>
                    <a:pt x="1002" y="310"/>
                  </a:lnTo>
                  <a:lnTo>
                    <a:pt x="1012" y="346"/>
                  </a:lnTo>
                  <a:lnTo>
                    <a:pt x="1027" y="351"/>
                  </a:lnTo>
                  <a:lnTo>
                    <a:pt x="1027" y="366"/>
                  </a:lnTo>
                  <a:lnTo>
                    <a:pt x="1017" y="376"/>
                  </a:lnTo>
                  <a:lnTo>
                    <a:pt x="1022" y="397"/>
                  </a:lnTo>
                  <a:lnTo>
                    <a:pt x="1012" y="402"/>
                  </a:lnTo>
                  <a:lnTo>
                    <a:pt x="1007" y="417"/>
                  </a:lnTo>
                  <a:lnTo>
                    <a:pt x="1017" y="422"/>
                  </a:lnTo>
                  <a:lnTo>
                    <a:pt x="1027" y="504"/>
                  </a:lnTo>
                  <a:lnTo>
                    <a:pt x="1038" y="514"/>
                  </a:lnTo>
                  <a:lnTo>
                    <a:pt x="1043" y="483"/>
                  </a:lnTo>
                  <a:lnTo>
                    <a:pt x="1068" y="488"/>
                  </a:lnTo>
                  <a:lnTo>
                    <a:pt x="1084" y="504"/>
                  </a:lnTo>
                  <a:lnTo>
                    <a:pt x="1063" y="498"/>
                  </a:lnTo>
                  <a:lnTo>
                    <a:pt x="1053" y="509"/>
                  </a:lnTo>
                  <a:lnTo>
                    <a:pt x="1063" y="524"/>
                  </a:lnTo>
                  <a:lnTo>
                    <a:pt x="1094" y="534"/>
                  </a:lnTo>
                  <a:lnTo>
                    <a:pt x="1109" y="524"/>
                  </a:lnTo>
                  <a:lnTo>
                    <a:pt x="1125" y="544"/>
                  </a:lnTo>
                  <a:lnTo>
                    <a:pt x="1130" y="570"/>
                  </a:lnTo>
                  <a:lnTo>
                    <a:pt x="1084" y="570"/>
                  </a:lnTo>
                  <a:lnTo>
                    <a:pt x="1068" y="600"/>
                  </a:lnTo>
                  <a:lnTo>
                    <a:pt x="1048" y="595"/>
                  </a:lnTo>
                  <a:lnTo>
                    <a:pt x="1043" y="605"/>
                  </a:lnTo>
                  <a:lnTo>
                    <a:pt x="1063" y="615"/>
                  </a:lnTo>
                  <a:lnTo>
                    <a:pt x="1084" y="641"/>
                  </a:lnTo>
                  <a:lnTo>
                    <a:pt x="1094" y="631"/>
                  </a:lnTo>
                  <a:lnTo>
                    <a:pt x="1104" y="636"/>
                  </a:lnTo>
                  <a:lnTo>
                    <a:pt x="1114" y="631"/>
                  </a:lnTo>
                  <a:lnTo>
                    <a:pt x="1125" y="651"/>
                  </a:lnTo>
                  <a:lnTo>
                    <a:pt x="1145" y="666"/>
                  </a:lnTo>
                  <a:lnTo>
                    <a:pt x="1165" y="707"/>
                  </a:lnTo>
                  <a:lnTo>
                    <a:pt x="1165" y="727"/>
                  </a:lnTo>
                  <a:lnTo>
                    <a:pt x="1140" y="717"/>
                  </a:lnTo>
                  <a:lnTo>
                    <a:pt x="1135" y="737"/>
                  </a:lnTo>
                  <a:lnTo>
                    <a:pt x="1119" y="753"/>
                  </a:lnTo>
                  <a:lnTo>
                    <a:pt x="1104" y="753"/>
                  </a:lnTo>
                  <a:lnTo>
                    <a:pt x="1125" y="758"/>
                  </a:lnTo>
                  <a:lnTo>
                    <a:pt x="1135" y="743"/>
                  </a:lnTo>
                  <a:lnTo>
                    <a:pt x="1155" y="783"/>
                  </a:lnTo>
                  <a:lnTo>
                    <a:pt x="1150" y="748"/>
                  </a:lnTo>
                  <a:lnTo>
                    <a:pt x="1160" y="743"/>
                  </a:lnTo>
                  <a:lnTo>
                    <a:pt x="1201" y="783"/>
                  </a:lnTo>
                  <a:lnTo>
                    <a:pt x="1201" y="804"/>
                  </a:lnTo>
                  <a:lnTo>
                    <a:pt x="1181" y="809"/>
                  </a:lnTo>
                  <a:lnTo>
                    <a:pt x="1186" y="819"/>
                  </a:lnTo>
                  <a:lnTo>
                    <a:pt x="1165" y="834"/>
                  </a:lnTo>
                  <a:lnTo>
                    <a:pt x="1140" y="829"/>
                  </a:lnTo>
                  <a:lnTo>
                    <a:pt x="1130" y="799"/>
                  </a:lnTo>
                  <a:lnTo>
                    <a:pt x="1135" y="849"/>
                  </a:lnTo>
                  <a:lnTo>
                    <a:pt x="1145" y="854"/>
                  </a:lnTo>
                  <a:lnTo>
                    <a:pt x="1191" y="849"/>
                  </a:lnTo>
                  <a:lnTo>
                    <a:pt x="1201" y="890"/>
                  </a:lnTo>
                  <a:lnTo>
                    <a:pt x="1181" y="895"/>
                  </a:lnTo>
                  <a:lnTo>
                    <a:pt x="1165" y="921"/>
                  </a:lnTo>
                  <a:lnTo>
                    <a:pt x="1114" y="910"/>
                  </a:lnTo>
                  <a:lnTo>
                    <a:pt x="1099" y="890"/>
                  </a:lnTo>
                  <a:lnTo>
                    <a:pt x="1094" y="910"/>
                  </a:lnTo>
                  <a:lnTo>
                    <a:pt x="1058" y="895"/>
                  </a:lnTo>
                  <a:lnTo>
                    <a:pt x="1089" y="921"/>
                  </a:lnTo>
                  <a:lnTo>
                    <a:pt x="1063" y="956"/>
                  </a:lnTo>
                  <a:lnTo>
                    <a:pt x="1022" y="946"/>
                  </a:lnTo>
                  <a:lnTo>
                    <a:pt x="1048" y="956"/>
                  </a:lnTo>
                  <a:lnTo>
                    <a:pt x="1048" y="966"/>
                  </a:lnTo>
                  <a:lnTo>
                    <a:pt x="1022" y="977"/>
                  </a:lnTo>
                  <a:lnTo>
                    <a:pt x="1033" y="982"/>
                  </a:lnTo>
                  <a:lnTo>
                    <a:pt x="1033" y="971"/>
                  </a:lnTo>
                  <a:lnTo>
                    <a:pt x="1063" y="961"/>
                  </a:lnTo>
                  <a:lnTo>
                    <a:pt x="1079" y="946"/>
                  </a:lnTo>
                  <a:lnTo>
                    <a:pt x="1079" y="936"/>
                  </a:lnTo>
                  <a:lnTo>
                    <a:pt x="1099" y="926"/>
                  </a:lnTo>
                  <a:lnTo>
                    <a:pt x="1181" y="951"/>
                  </a:lnTo>
                  <a:lnTo>
                    <a:pt x="1201" y="1027"/>
                  </a:lnTo>
                  <a:lnTo>
                    <a:pt x="1150" y="1017"/>
                  </a:lnTo>
                  <a:lnTo>
                    <a:pt x="1104" y="961"/>
                  </a:lnTo>
                  <a:lnTo>
                    <a:pt x="1058" y="1007"/>
                  </a:lnTo>
                  <a:lnTo>
                    <a:pt x="1068" y="1012"/>
                  </a:lnTo>
                  <a:lnTo>
                    <a:pt x="1104" y="977"/>
                  </a:lnTo>
                  <a:lnTo>
                    <a:pt x="1119" y="1007"/>
                  </a:lnTo>
                  <a:lnTo>
                    <a:pt x="1109" y="1027"/>
                  </a:lnTo>
                  <a:lnTo>
                    <a:pt x="1114" y="1032"/>
                  </a:lnTo>
                  <a:lnTo>
                    <a:pt x="1125" y="1017"/>
                  </a:lnTo>
                  <a:lnTo>
                    <a:pt x="1130" y="1027"/>
                  </a:lnTo>
                  <a:lnTo>
                    <a:pt x="1201" y="1048"/>
                  </a:lnTo>
                  <a:lnTo>
                    <a:pt x="1206" y="1063"/>
                  </a:lnTo>
                  <a:lnTo>
                    <a:pt x="1222" y="1058"/>
                  </a:lnTo>
                  <a:lnTo>
                    <a:pt x="1211" y="1088"/>
                  </a:lnTo>
                  <a:lnTo>
                    <a:pt x="1222" y="1109"/>
                  </a:lnTo>
                  <a:lnTo>
                    <a:pt x="1222" y="1088"/>
                  </a:lnTo>
                  <a:lnTo>
                    <a:pt x="1237" y="1083"/>
                  </a:lnTo>
                  <a:lnTo>
                    <a:pt x="1273" y="1175"/>
                  </a:lnTo>
                  <a:lnTo>
                    <a:pt x="1247" y="1180"/>
                  </a:lnTo>
                  <a:lnTo>
                    <a:pt x="1232" y="1144"/>
                  </a:lnTo>
                  <a:lnTo>
                    <a:pt x="1242" y="1185"/>
                  </a:lnTo>
                  <a:lnTo>
                    <a:pt x="1232" y="1190"/>
                  </a:lnTo>
                  <a:lnTo>
                    <a:pt x="1201" y="1185"/>
                  </a:lnTo>
                  <a:lnTo>
                    <a:pt x="1176" y="1160"/>
                  </a:lnTo>
                  <a:lnTo>
                    <a:pt x="1176" y="1144"/>
                  </a:lnTo>
                  <a:lnTo>
                    <a:pt x="1160" y="1134"/>
                  </a:lnTo>
                  <a:lnTo>
                    <a:pt x="1109" y="1109"/>
                  </a:lnTo>
                  <a:lnTo>
                    <a:pt x="1073" y="1114"/>
                  </a:lnTo>
                  <a:lnTo>
                    <a:pt x="1073" y="1124"/>
                  </a:lnTo>
                  <a:lnTo>
                    <a:pt x="1114" y="1119"/>
                  </a:lnTo>
                  <a:lnTo>
                    <a:pt x="1125" y="1144"/>
                  </a:lnTo>
                  <a:lnTo>
                    <a:pt x="1104" y="1175"/>
                  </a:lnTo>
                  <a:lnTo>
                    <a:pt x="1048" y="1185"/>
                  </a:lnTo>
                  <a:lnTo>
                    <a:pt x="1063" y="1190"/>
                  </a:lnTo>
                  <a:lnTo>
                    <a:pt x="1063" y="1216"/>
                  </a:lnTo>
                  <a:lnTo>
                    <a:pt x="1038" y="1241"/>
                  </a:lnTo>
                  <a:lnTo>
                    <a:pt x="1089" y="1236"/>
                  </a:lnTo>
                  <a:lnTo>
                    <a:pt x="1114" y="1221"/>
                  </a:lnTo>
                  <a:lnTo>
                    <a:pt x="1119" y="1231"/>
                  </a:lnTo>
                  <a:lnTo>
                    <a:pt x="1104" y="1241"/>
                  </a:lnTo>
                  <a:lnTo>
                    <a:pt x="1094" y="1271"/>
                  </a:lnTo>
                  <a:lnTo>
                    <a:pt x="1104" y="1271"/>
                  </a:lnTo>
                  <a:lnTo>
                    <a:pt x="1109" y="1251"/>
                  </a:lnTo>
                  <a:lnTo>
                    <a:pt x="1155" y="1221"/>
                  </a:lnTo>
                  <a:lnTo>
                    <a:pt x="1217" y="1226"/>
                  </a:lnTo>
                  <a:lnTo>
                    <a:pt x="1263" y="1210"/>
                  </a:lnTo>
                  <a:lnTo>
                    <a:pt x="1268" y="1216"/>
                  </a:lnTo>
                  <a:lnTo>
                    <a:pt x="1242" y="1241"/>
                  </a:lnTo>
                  <a:lnTo>
                    <a:pt x="1247" y="1251"/>
                  </a:lnTo>
                  <a:lnTo>
                    <a:pt x="1222" y="1266"/>
                  </a:lnTo>
                  <a:lnTo>
                    <a:pt x="1232" y="1277"/>
                  </a:lnTo>
                  <a:lnTo>
                    <a:pt x="1211" y="1282"/>
                  </a:lnTo>
                  <a:lnTo>
                    <a:pt x="1222" y="1292"/>
                  </a:lnTo>
                  <a:lnTo>
                    <a:pt x="1191" y="1322"/>
                  </a:lnTo>
                  <a:lnTo>
                    <a:pt x="1201" y="1332"/>
                  </a:lnTo>
                  <a:lnTo>
                    <a:pt x="1165" y="1388"/>
                  </a:lnTo>
                  <a:lnTo>
                    <a:pt x="1079" y="1449"/>
                  </a:lnTo>
                  <a:lnTo>
                    <a:pt x="1053" y="1449"/>
                  </a:lnTo>
                  <a:lnTo>
                    <a:pt x="1043" y="1465"/>
                  </a:lnTo>
                  <a:lnTo>
                    <a:pt x="1027" y="1465"/>
                  </a:lnTo>
                  <a:lnTo>
                    <a:pt x="1033" y="1475"/>
                  </a:lnTo>
                  <a:lnTo>
                    <a:pt x="1017" y="1485"/>
                  </a:lnTo>
                  <a:lnTo>
                    <a:pt x="966" y="1455"/>
                  </a:lnTo>
                  <a:lnTo>
                    <a:pt x="976" y="1505"/>
                  </a:lnTo>
                  <a:lnTo>
                    <a:pt x="946" y="1536"/>
                  </a:lnTo>
                  <a:lnTo>
                    <a:pt x="920" y="1643"/>
                  </a:lnTo>
                  <a:lnTo>
                    <a:pt x="915" y="1638"/>
                  </a:lnTo>
                  <a:lnTo>
                    <a:pt x="910" y="1643"/>
                  </a:lnTo>
                  <a:lnTo>
                    <a:pt x="910" y="1658"/>
                  </a:lnTo>
                  <a:lnTo>
                    <a:pt x="884" y="1683"/>
                  </a:lnTo>
                  <a:lnTo>
                    <a:pt x="859" y="1663"/>
                  </a:lnTo>
                  <a:lnTo>
                    <a:pt x="869" y="1699"/>
                  </a:lnTo>
                  <a:lnTo>
                    <a:pt x="854" y="1709"/>
                  </a:lnTo>
                  <a:lnTo>
                    <a:pt x="849" y="1724"/>
                  </a:lnTo>
                  <a:lnTo>
                    <a:pt x="838" y="1709"/>
                  </a:lnTo>
                  <a:lnTo>
                    <a:pt x="828" y="1734"/>
                  </a:lnTo>
                  <a:lnTo>
                    <a:pt x="818" y="1724"/>
                  </a:lnTo>
                  <a:lnTo>
                    <a:pt x="803" y="1750"/>
                  </a:lnTo>
                  <a:lnTo>
                    <a:pt x="792" y="1755"/>
                  </a:lnTo>
                  <a:lnTo>
                    <a:pt x="782" y="1750"/>
                  </a:lnTo>
                  <a:lnTo>
                    <a:pt x="803" y="1683"/>
                  </a:lnTo>
                  <a:lnTo>
                    <a:pt x="767" y="1678"/>
                  </a:lnTo>
                  <a:lnTo>
                    <a:pt x="787" y="1688"/>
                  </a:lnTo>
                  <a:lnTo>
                    <a:pt x="772" y="1724"/>
                  </a:lnTo>
                  <a:lnTo>
                    <a:pt x="757" y="1714"/>
                  </a:lnTo>
                  <a:lnTo>
                    <a:pt x="772" y="1729"/>
                  </a:lnTo>
                  <a:lnTo>
                    <a:pt x="772" y="1744"/>
                  </a:lnTo>
                  <a:lnTo>
                    <a:pt x="757" y="1755"/>
                  </a:lnTo>
                  <a:lnTo>
                    <a:pt x="690" y="1765"/>
                  </a:lnTo>
                  <a:lnTo>
                    <a:pt x="716" y="1780"/>
                  </a:lnTo>
                  <a:lnTo>
                    <a:pt x="716" y="1790"/>
                  </a:lnTo>
                  <a:lnTo>
                    <a:pt x="700" y="1805"/>
                  </a:lnTo>
                  <a:lnTo>
                    <a:pt x="690" y="1811"/>
                  </a:lnTo>
                  <a:lnTo>
                    <a:pt x="654" y="1805"/>
                  </a:lnTo>
                  <a:lnTo>
                    <a:pt x="659" y="1831"/>
                  </a:lnTo>
                  <a:lnTo>
                    <a:pt x="675" y="1826"/>
                  </a:lnTo>
                  <a:lnTo>
                    <a:pt x="695" y="1861"/>
                  </a:lnTo>
                  <a:lnTo>
                    <a:pt x="685" y="1882"/>
                  </a:lnTo>
                  <a:lnTo>
                    <a:pt x="675" y="1882"/>
                  </a:lnTo>
                  <a:lnTo>
                    <a:pt x="670" y="1892"/>
                  </a:lnTo>
                  <a:lnTo>
                    <a:pt x="639" y="1887"/>
                  </a:lnTo>
                  <a:lnTo>
                    <a:pt x="659" y="1902"/>
                  </a:lnTo>
                  <a:lnTo>
                    <a:pt x="665" y="1897"/>
                  </a:lnTo>
                  <a:lnTo>
                    <a:pt x="680" y="1902"/>
                  </a:lnTo>
                  <a:lnTo>
                    <a:pt x="675" y="1922"/>
                  </a:lnTo>
                  <a:lnTo>
                    <a:pt x="680" y="1943"/>
                  </a:lnTo>
                  <a:lnTo>
                    <a:pt x="675" y="1958"/>
                  </a:lnTo>
                  <a:lnTo>
                    <a:pt x="659" y="1963"/>
                  </a:lnTo>
                  <a:lnTo>
                    <a:pt x="654" y="1978"/>
                  </a:lnTo>
                  <a:lnTo>
                    <a:pt x="659" y="1983"/>
                  </a:lnTo>
                  <a:lnTo>
                    <a:pt x="644" y="2004"/>
                  </a:lnTo>
                  <a:lnTo>
                    <a:pt x="624" y="2004"/>
                  </a:lnTo>
                  <a:lnTo>
                    <a:pt x="613" y="1994"/>
                  </a:lnTo>
                  <a:lnTo>
                    <a:pt x="634" y="2014"/>
                  </a:lnTo>
                  <a:lnTo>
                    <a:pt x="624" y="2039"/>
                  </a:lnTo>
                  <a:lnTo>
                    <a:pt x="578" y="2039"/>
                  </a:lnTo>
                  <a:lnTo>
                    <a:pt x="613" y="2055"/>
                  </a:lnTo>
                  <a:lnTo>
                    <a:pt x="603" y="2095"/>
                  </a:lnTo>
                  <a:lnTo>
                    <a:pt x="613" y="2105"/>
                  </a:lnTo>
                  <a:lnTo>
                    <a:pt x="613" y="2121"/>
                  </a:lnTo>
                  <a:lnTo>
                    <a:pt x="608" y="2131"/>
                  </a:lnTo>
                  <a:lnTo>
                    <a:pt x="593" y="2131"/>
                  </a:lnTo>
                  <a:lnTo>
                    <a:pt x="603" y="2136"/>
                  </a:lnTo>
                  <a:lnTo>
                    <a:pt x="603" y="2146"/>
                  </a:lnTo>
                  <a:lnTo>
                    <a:pt x="583" y="2228"/>
                  </a:lnTo>
                  <a:lnTo>
                    <a:pt x="562" y="2253"/>
                  </a:lnTo>
                  <a:lnTo>
                    <a:pt x="526" y="2243"/>
                  </a:lnTo>
                  <a:lnTo>
                    <a:pt x="562" y="2263"/>
                  </a:lnTo>
                  <a:lnTo>
                    <a:pt x="562" y="2294"/>
                  </a:lnTo>
                  <a:lnTo>
                    <a:pt x="552" y="2304"/>
                  </a:lnTo>
                  <a:lnTo>
                    <a:pt x="521" y="2294"/>
                  </a:lnTo>
                  <a:lnTo>
                    <a:pt x="537" y="2314"/>
                  </a:lnTo>
                  <a:lnTo>
                    <a:pt x="516" y="2314"/>
                  </a:lnTo>
                  <a:lnTo>
                    <a:pt x="516" y="2304"/>
                  </a:lnTo>
                  <a:lnTo>
                    <a:pt x="501" y="2309"/>
                  </a:lnTo>
                  <a:lnTo>
                    <a:pt x="511" y="2273"/>
                  </a:lnTo>
                  <a:lnTo>
                    <a:pt x="496" y="2294"/>
                  </a:lnTo>
                  <a:lnTo>
                    <a:pt x="480" y="2294"/>
                  </a:lnTo>
                  <a:lnTo>
                    <a:pt x="455" y="2278"/>
                  </a:lnTo>
                  <a:lnTo>
                    <a:pt x="455" y="2258"/>
                  </a:lnTo>
                  <a:lnTo>
                    <a:pt x="470" y="2258"/>
                  </a:lnTo>
                  <a:lnTo>
                    <a:pt x="486" y="2233"/>
                  </a:lnTo>
                  <a:lnTo>
                    <a:pt x="460" y="2253"/>
                  </a:lnTo>
                  <a:lnTo>
                    <a:pt x="424" y="2233"/>
                  </a:lnTo>
                  <a:lnTo>
                    <a:pt x="419" y="2217"/>
                  </a:lnTo>
                  <a:lnTo>
                    <a:pt x="434" y="2197"/>
                  </a:lnTo>
                  <a:lnTo>
                    <a:pt x="440" y="2182"/>
                  </a:lnTo>
                  <a:lnTo>
                    <a:pt x="434" y="2177"/>
                  </a:lnTo>
                  <a:lnTo>
                    <a:pt x="388" y="2212"/>
                  </a:lnTo>
                  <a:lnTo>
                    <a:pt x="358" y="2207"/>
                  </a:lnTo>
                  <a:lnTo>
                    <a:pt x="342" y="2207"/>
                  </a:lnTo>
                  <a:lnTo>
                    <a:pt x="342" y="2217"/>
                  </a:lnTo>
                  <a:lnTo>
                    <a:pt x="322" y="2212"/>
                  </a:lnTo>
                  <a:lnTo>
                    <a:pt x="322" y="2202"/>
                  </a:lnTo>
                  <a:lnTo>
                    <a:pt x="348" y="2192"/>
                  </a:lnTo>
                  <a:lnTo>
                    <a:pt x="317" y="2187"/>
                  </a:lnTo>
                  <a:lnTo>
                    <a:pt x="317" y="2172"/>
                  </a:lnTo>
                  <a:lnTo>
                    <a:pt x="291" y="2161"/>
                  </a:lnTo>
                  <a:lnTo>
                    <a:pt x="291" y="2136"/>
                  </a:lnTo>
                  <a:lnTo>
                    <a:pt x="281" y="2131"/>
                  </a:lnTo>
                  <a:lnTo>
                    <a:pt x="286" y="2121"/>
                  </a:lnTo>
                  <a:lnTo>
                    <a:pt x="281" y="2095"/>
                  </a:lnTo>
                  <a:lnTo>
                    <a:pt x="307" y="2085"/>
                  </a:lnTo>
                  <a:lnTo>
                    <a:pt x="296" y="2080"/>
                  </a:lnTo>
                  <a:lnTo>
                    <a:pt x="266" y="2085"/>
                  </a:lnTo>
                  <a:lnTo>
                    <a:pt x="276" y="2065"/>
                  </a:lnTo>
                  <a:lnTo>
                    <a:pt x="256" y="2055"/>
                  </a:lnTo>
                  <a:lnTo>
                    <a:pt x="245" y="2039"/>
                  </a:lnTo>
                  <a:lnTo>
                    <a:pt x="250" y="2019"/>
                  </a:lnTo>
                  <a:lnTo>
                    <a:pt x="245" y="2014"/>
                  </a:lnTo>
                  <a:lnTo>
                    <a:pt x="271" y="1983"/>
                  </a:lnTo>
                  <a:lnTo>
                    <a:pt x="245" y="2004"/>
                  </a:lnTo>
                  <a:lnTo>
                    <a:pt x="220" y="1958"/>
                  </a:lnTo>
                  <a:lnTo>
                    <a:pt x="204" y="1907"/>
                  </a:lnTo>
                  <a:lnTo>
                    <a:pt x="215" y="1892"/>
                  </a:lnTo>
                  <a:lnTo>
                    <a:pt x="210" y="1882"/>
                  </a:lnTo>
                  <a:lnTo>
                    <a:pt x="266" y="1872"/>
                  </a:lnTo>
                  <a:lnTo>
                    <a:pt x="256" y="1872"/>
                  </a:lnTo>
                  <a:lnTo>
                    <a:pt x="261" y="1861"/>
                  </a:lnTo>
                  <a:lnTo>
                    <a:pt x="210" y="1877"/>
                  </a:lnTo>
                  <a:lnTo>
                    <a:pt x="204" y="1861"/>
                  </a:lnTo>
                  <a:lnTo>
                    <a:pt x="230" y="1831"/>
                  </a:lnTo>
                  <a:lnTo>
                    <a:pt x="245" y="1836"/>
                  </a:lnTo>
                  <a:lnTo>
                    <a:pt x="250" y="1826"/>
                  </a:lnTo>
                  <a:lnTo>
                    <a:pt x="271" y="1826"/>
                  </a:lnTo>
                  <a:lnTo>
                    <a:pt x="281" y="1851"/>
                  </a:lnTo>
                  <a:lnTo>
                    <a:pt x="281" y="1826"/>
                  </a:lnTo>
                  <a:lnTo>
                    <a:pt x="266" y="1816"/>
                  </a:lnTo>
                  <a:lnTo>
                    <a:pt x="250" y="1770"/>
                  </a:lnTo>
                  <a:lnTo>
                    <a:pt x="256" y="1811"/>
                  </a:lnTo>
                  <a:lnTo>
                    <a:pt x="240" y="1826"/>
                  </a:lnTo>
                  <a:lnTo>
                    <a:pt x="230" y="1826"/>
                  </a:lnTo>
                  <a:lnTo>
                    <a:pt x="235" y="1811"/>
                  </a:lnTo>
                  <a:lnTo>
                    <a:pt x="204" y="1856"/>
                  </a:lnTo>
                  <a:lnTo>
                    <a:pt x="199" y="1861"/>
                  </a:lnTo>
                  <a:lnTo>
                    <a:pt x="194" y="1856"/>
                  </a:lnTo>
                  <a:lnTo>
                    <a:pt x="199" y="1770"/>
                  </a:lnTo>
                  <a:lnTo>
                    <a:pt x="189" y="1750"/>
                  </a:lnTo>
                  <a:lnTo>
                    <a:pt x="230" y="1719"/>
                  </a:lnTo>
                  <a:lnTo>
                    <a:pt x="256" y="1714"/>
                  </a:lnTo>
                  <a:lnTo>
                    <a:pt x="225" y="1719"/>
                  </a:lnTo>
                  <a:lnTo>
                    <a:pt x="189" y="1739"/>
                  </a:lnTo>
                  <a:lnTo>
                    <a:pt x="184" y="1724"/>
                  </a:lnTo>
                  <a:lnTo>
                    <a:pt x="169" y="1724"/>
                  </a:lnTo>
                  <a:lnTo>
                    <a:pt x="179" y="1683"/>
                  </a:lnTo>
                  <a:lnTo>
                    <a:pt x="169" y="1683"/>
                  </a:lnTo>
                  <a:lnTo>
                    <a:pt x="169" y="1673"/>
                  </a:lnTo>
                  <a:lnTo>
                    <a:pt x="235" y="1627"/>
                  </a:lnTo>
                  <a:lnTo>
                    <a:pt x="245" y="1627"/>
                  </a:lnTo>
                  <a:lnTo>
                    <a:pt x="266" y="1607"/>
                  </a:lnTo>
                  <a:lnTo>
                    <a:pt x="184" y="1663"/>
                  </a:lnTo>
                  <a:lnTo>
                    <a:pt x="158" y="1663"/>
                  </a:lnTo>
                  <a:lnTo>
                    <a:pt x="174" y="1617"/>
                  </a:lnTo>
                  <a:lnTo>
                    <a:pt x="194" y="1602"/>
                  </a:lnTo>
                  <a:lnTo>
                    <a:pt x="220" y="1602"/>
                  </a:lnTo>
                  <a:lnTo>
                    <a:pt x="179" y="1592"/>
                  </a:lnTo>
                  <a:lnTo>
                    <a:pt x="169" y="1566"/>
                  </a:lnTo>
                  <a:lnTo>
                    <a:pt x="179" y="1541"/>
                  </a:lnTo>
                  <a:lnTo>
                    <a:pt x="225" y="1516"/>
                  </a:lnTo>
                  <a:lnTo>
                    <a:pt x="296" y="1551"/>
                  </a:lnTo>
                  <a:lnTo>
                    <a:pt x="276" y="1531"/>
                  </a:lnTo>
                  <a:lnTo>
                    <a:pt x="291" y="1526"/>
                  </a:lnTo>
                  <a:lnTo>
                    <a:pt x="286" y="1521"/>
                  </a:lnTo>
                  <a:lnTo>
                    <a:pt x="256" y="1526"/>
                  </a:lnTo>
                  <a:lnTo>
                    <a:pt x="235" y="1510"/>
                  </a:lnTo>
                  <a:lnTo>
                    <a:pt x="194" y="1531"/>
                  </a:lnTo>
                  <a:lnTo>
                    <a:pt x="179" y="1531"/>
                  </a:lnTo>
                  <a:lnTo>
                    <a:pt x="215" y="1470"/>
                  </a:lnTo>
                  <a:lnTo>
                    <a:pt x="261" y="1495"/>
                  </a:lnTo>
                  <a:lnTo>
                    <a:pt x="281" y="1480"/>
                  </a:lnTo>
                  <a:lnTo>
                    <a:pt x="286" y="1460"/>
                  </a:lnTo>
                  <a:lnTo>
                    <a:pt x="276" y="1460"/>
                  </a:lnTo>
                  <a:lnTo>
                    <a:pt x="271" y="1475"/>
                  </a:lnTo>
                  <a:lnTo>
                    <a:pt x="240" y="1475"/>
                  </a:lnTo>
                  <a:lnTo>
                    <a:pt x="210" y="1455"/>
                  </a:lnTo>
                  <a:lnTo>
                    <a:pt x="240" y="1424"/>
                  </a:lnTo>
                  <a:lnTo>
                    <a:pt x="276" y="1449"/>
                  </a:lnTo>
                  <a:lnTo>
                    <a:pt x="302" y="1439"/>
                  </a:lnTo>
                  <a:lnTo>
                    <a:pt x="307" y="1424"/>
                  </a:lnTo>
                  <a:lnTo>
                    <a:pt x="291" y="1429"/>
                  </a:lnTo>
                  <a:lnTo>
                    <a:pt x="302" y="1394"/>
                  </a:lnTo>
                  <a:lnTo>
                    <a:pt x="327" y="1394"/>
                  </a:lnTo>
                  <a:lnTo>
                    <a:pt x="322" y="1383"/>
                  </a:lnTo>
                  <a:lnTo>
                    <a:pt x="312" y="1388"/>
                  </a:lnTo>
                  <a:lnTo>
                    <a:pt x="302" y="1383"/>
                  </a:lnTo>
                  <a:lnTo>
                    <a:pt x="317" y="1343"/>
                  </a:lnTo>
                  <a:lnTo>
                    <a:pt x="337" y="1332"/>
                  </a:lnTo>
                  <a:lnTo>
                    <a:pt x="332" y="1317"/>
                  </a:lnTo>
                  <a:lnTo>
                    <a:pt x="342" y="1312"/>
                  </a:lnTo>
                  <a:lnTo>
                    <a:pt x="337" y="1307"/>
                  </a:lnTo>
                  <a:lnTo>
                    <a:pt x="322" y="1312"/>
                  </a:lnTo>
                  <a:lnTo>
                    <a:pt x="312" y="1302"/>
                  </a:lnTo>
                  <a:lnTo>
                    <a:pt x="296" y="1307"/>
                  </a:lnTo>
                  <a:lnTo>
                    <a:pt x="276" y="1297"/>
                  </a:lnTo>
                  <a:lnTo>
                    <a:pt x="245" y="1261"/>
                  </a:lnTo>
                  <a:lnTo>
                    <a:pt x="220" y="1246"/>
                  </a:lnTo>
                  <a:lnTo>
                    <a:pt x="215" y="1221"/>
                  </a:lnTo>
                  <a:lnTo>
                    <a:pt x="230" y="1210"/>
                  </a:lnTo>
                  <a:lnTo>
                    <a:pt x="250" y="1226"/>
                  </a:lnTo>
                  <a:lnTo>
                    <a:pt x="271" y="1226"/>
                  </a:lnTo>
                  <a:lnTo>
                    <a:pt x="307" y="1266"/>
                  </a:lnTo>
                  <a:lnTo>
                    <a:pt x="327" y="1277"/>
                  </a:lnTo>
                  <a:lnTo>
                    <a:pt x="332" y="1266"/>
                  </a:lnTo>
                  <a:lnTo>
                    <a:pt x="317" y="1256"/>
                  </a:lnTo>
                  <a:lnTo>
                    <a:pt x="322" y="1226"/>
                  </a:lnTo>
                  <a:lnTo>
                    <a:pt x="307" y="1210"/>
                  </a:lnTo>
                  <a:lnTo>
                    <a:pt x="322" y="1216"/>
                  </a:lnTo>
                  <a:lnTo>
                    <a:pt x="332" y="1210"/>
                  </a:lnTo>
                  <a:lnTo>
                    <a:pt x="286" y="1185"/>
                  </a:lnTo>
                  <a:lnTo>
                    <a:pt x="271" y="1185"/>
                  </a:lnTo>
                  <a:lnTo>
                    <a:pt x="271" y="1170"/>
                  </a:lnTo>
                  <a:lnTo>
                    <a:pt x="286" y="1154"/>
                  </a:lnTo>
                  <a:lnTo>
                    <a:pt x="317" y="1144"/>
                  </a:lnTo>
                  <a:lnTo>
                    <a:pt x="291" y="1139"/>
                  </a:lnTo>
                  <a:lnTo>
                    <a:pt x="271" y="1149"/>
                  </a:lnTo>
                  <a:lnTo>
                    <a:pt x="266" y="1144"/>
                  </a:lnTo>
                  <a:lnTo>
                    <a:pt x="276" y="1129"/>
                  </a:lnTo>
                  <a:lnTo>
                    <a:pt x="266" y="1088"/>
                  </a:lnTo>
                  <a:lnTo>
                    <a:pt x="271" y="1068"/>
                  </a:lnTo>
                  <a:lnTo>
                    <a:pt x="266" y="1068"/>
                  </a:lnTo>
                  <a:lnTo>
                    <a:pt x="271" y="1119"/>
                  </a:lnTo>
                  <a:lnTo>
                    <a:pt x="250" y="1134"/>
                  </a:lnTo>
                  <a:lnTo>
                    <a:pt x="250" y="1149"/>
                  </a:lnTo>
                  <a:lnTo>
                    <a:pt x="225" y="1160"/>
                  </a:lnTo>
                  <a:lnTo>
                    <a:pt x="199" y="1144"/>
                  </a:lnTo>
                  <a:lnTo>
                    <a:pt x="199" y="1114"/>
                  </a:lnTo>
                  <a:lnTo>
                    <a:pt x="240" y="1063"/>
                  </a:lnTo>
                  <a:lnTo>
                    <a:pt x="235" y="1058"/>
                  </a:lnTo>
                  <a:lnTo>
                    <a:pt x="220" y="1073"/>
                  </a:lnTo>
                  <a:lnTo>
                    <a:pt x="210" y="1068"/>
                  </a:lnTo>
                  <a:lnTo>
                    <a:pt x="225" y="1058"/>
                  </a:lnTo>
                  <a:lnTo>
                    <a:pt x="220" y="1048"/>
                  </a:lnTo>
                  <a:lnTo>
                    <a:pt x="225" y="1043"/>
                  </a:lnTo>
                  <a:lnTo>
                    <a:pt x="235" y="1048"/>
                  </a:lnTo>
                  <a:lnTo>
                    <a:pt x="250" y="1027"/>
                  </a:lnTo>
                  <a:lnTo>
                    <a:pt x="250" y="1002"/>
                  </a:lnTo>
                  <a:lnTo>
                    <a:pt x="230" y="997"/>
                  </a:lnTo>
                  <a:lnTo>
                    <a:pt x="230" y="987"/>
                  </a:lnTo>
                  <a:lnTo>
                    <a:pt x="245" y="971"/>
                  </a:lnTo>
                  <a:lnTo>
                    <a:pt x="245" y="951"/>
                  </a:lnTo>
                  <a:lnTo>
                    <a:pt x="235" y="956"/>
                  </a:lnTo>
                  <a:lnTo>
                    <a:pt x="230" y="941"/>
                  </a:lnTo>
                  <a:lnTo>
                    <a:pt x="240" y="921"/>
                  </a:lnTo>
                  <a:lnTo>
                    <a:pt x="240" y="885"/>
                  </a:lnTo>
                  <a:lnTo>
                    <a:pt x="215" y="880"/>
                  </a:lnTo>
                  <a:lnTo>
                    <a:pt x="230" y="875"/>
                  </a:lnTo>
                  <a:lnTo>
                    <a:pt x="235" y="849"/>
                  </a:lnTo>
                  <a:lnTo>
                    <a:pt x="245" y="849"/>
                  </a:lnTo>
                  <a:lnTo>
                    <a:pt x="210" y="753"/>
                  </a:lnTo>
                  <a:lnTo>
                    <a:pt x="225" y="743"/>
                  </a:lnTo>
                  <a:lnTo>
                    <a:pt x="220" y="717"/>
                  </a:lnTo>
                  <a:lnTo>
                    <a:pt x="210" y="712"/>
                  </a:lnTo>
                  <a:lnTo>
                    <a:pt x="194" y="682"/>
                  </a:lnTo>
                  <a:lnTo>
                    <a:pt x="133" y="626"/>
                  </a:lnTo>
                  <a:lnTo>
                    <a:pt x="118" y="636"/>
                  </a:lnTo>
                  <a:lnTo>
                    <a:pt x="112" y="621"/>
                  </a:lnTo>
                  <a:lnTo>
                    <a:pt x="82" y="631"/>
                  </a:lnTo>
                  <a:lnTo>
                    <a:pt x="77" y="615"/>
                  </a:lnTo>
                  <a:lnTo>
                    <a:pt x="56" y="621"/>
                  </a:lnTo>
                  <a:lnTo>
                    <a:pt x="46" y="610"/>
                  </a:lnTo>
                  <a:lnTo>
                    <a:pt x="46" y="631"/>
                  </a:lnTo>
                  <a:lnTo>
                    <a:pt x="20" y="610"/>
                  </a:lnTo>
                  <a:lnTo>
                    <a:pt x="5" y="570"/>
                  </a:lnTo>
                  <a:lnTo>
                    <a:pt x="46" y="559"/>
                  </a:lnTo>
                  <a:lnTo>
                    <a:pt x="15" y="534"/>
                  </a:lnTo>
                  <a:lnTo>
                    <a:pt x="26" y="514"/>
                  </a:lnTo>
                  <a:lnTo>
                    <a:pt x="5" y="524"/>
                  </a:lnTo>
                  <a:lnTo>
                    <a:pt x="0" y="519"/>
                  </a:lnTo>
                  <a:lnTo>
                    <a:pt x="5" y="509"/>
                  </a:lnTo>
                  <a:lnTo>
                    <a:pt x="0" y="498"/>
                  </a:lnTo>
                  <a:lnTo>
                    <a:pt x="5" y="488"/>
                  </a:lnTo>
                  <a:lnTo>
                    <a:pt x="41" y="493"/>
                  </a:lnTo>
                  <a:lnTo>
                    <a:pt x="51" y="504"/>
                  </a:lnTo>
                  <a:lnTo>
                    <a:pt x="61" y="493"/>
                  </a:lnTo>
                  <a:lnTo>
                    <a:pt x="77" y="493"/>
                  </a:lnTo>
                  <a:lnTo>
                    <a:pt x="97" y="504"/>
                  </a:lnTo>
                  <a:lnTo>
                    <a:pt x="107" y="519"/>
                  </a:lnTo>
                  <a:lnTo>
                    <a:pt x="118" y="498"/>
                  </a:lnTo>
                  <a:lnTo>
                    <a:pt x="112" y="478"/>
                  </a:lnTo>
                  <a:lnTo>
                    <a:pt x="82" y="483"/>
                  </a:lnTo>
                  <a:lnTo>
                    <a:pt x="77" y="468"/>
                  </a:lnTo>
                  <a:lnTo>
                    <a:pt x="56" y="478"/>
                  </a:lnTo>
                  <a:lnTo>
                    <a:pt x="41" y="443"/>
                  </a:lnTo>
                  <a:lnTo>
                    <a:pt x="56" y="437"/>
                  </a:lnTo>
                  <a:lnTo>
                    <a:pt x="51" y="432"/>
                  </a:lnTo>
                  <a:lnTo>
                    <a:pt x="46" y="437"/>
                  </a:lnTo>
                  <a:lnTo>
                    <a:pt x="26" y="412"/>
                  </a:lnTo>
                  <a:lnTo>
                    <a:pt x="26" y="381"/>
                  </a:lnTo>
                  <a:lnTo>
                    <a:pt x="46" y="356"/>
                  </a:lnTo>
                  <a:lnTo>
                    <a:pt x="82" y="361"/>
                  </a:lnTo>
                  <a:lnTo>
                    <a:pt x="123" y="356"/>
                  </a:lnTo>
                  <a:lnTo>
                    <a:pt x="128" y="346"/>
                  </a:lnTo>
                  <a:lnTo>
                    <a:pt x="164" y="346"/>
                  </a:lnTo>
                  <a:lnTo>
                    <a:pt x="189" y="356"/>
                  </a:lnTo>
                  <a:lnTo>
                    <a:pt x="210" y="336"/>
                  </a:lnTo>
                  <a:lnTo>
                    <a:pt x="235" y="285"/>
                  </a:lnTo>
                  <a:lnTo>
                    <a:pt x="250" y="280"/>
                  </a:lnTo>
                  <a:lnTo>
                    <a:pt x="245" y="275"/>
                  </a:lnTo>
                  <a:lnTo>
                    <a:pt x="220" y="280"/>
                  </a:lnTo>
                  <a:lnTo>
                    <a:pt x="204" y="265"/>
                  </a:lnTo>
                  <a:lnTo>
                    <a:pt x="210" y="244"/>
                  </a:lnTo>
                  <a:lnTo>
                    <a:pt x="276" y="198"/>
                  </a:lnTo>
                  <a:lnTo>
                    <a:pt x="291" y="198"/>
                  </a:lnTo>
                  <a:lnTo>
                    <a:pt x="296" y="219"/>
                  </a:lnTo>
                  <a:lnTo>
                    <a:pt x="307" y="188"/>
                  </a:lnTo>
                  <a:lnTo>
                    <a:pt x="327" y="204"/>
                  </a:lnTo>
                  <a:lnTo>
                    <a:pt x="358" y="137"/>
                  </a:lnTo>
                  <a:lnTo>
                    <a:pt x="368" y="132"/>
                  </a:lnTo>
                  <a:lnTo>
                    <a:pt x="383" y="148"/>
                  </a:lnTo>
                  <a:lnTo>
                    <a:pt x="383" y="163"/>
                  </a:lnTo>
                  <a:lnTo>
                    <a:pt x="404" y="204"/>
                  </a:lnTo>
                  <a:lnTo>
                    <a:pt x="383" y="132"/>
                  </a:lnTo>
                  <a:lnTo>
                    <a:pt x="409" y="122"/>
                  </a:lnTo>
                  <a:lnTo>
                    <a:pt x="440" y="122"/>
                  </a:lnTo>
                  <a:lnTo>
                    <a:pt x="450" y="112"/>
                  </a:lnTo>
                  <a:lnTo>
                    <a:pt x="460" y="122"/>
                  </a:lnTo>
                  <a:lnTo>
                    <a:pt x="450" y="183"/>
                  </a:lnTo>
                  <a:lnTo>
                    <a:pt x="465" y="163"/>
                  </a:lnTo>
                  <a:lnTo>
                    <a:pt x="470" y="122"/>
                  </a:lnTo>
                  <a:lnTo>
                    <a:pt x="491" y="153"/>
                  </a:lnTo>
                  <a:lnTo>
                    <a:pt x="491" y="168"/>
                  </a:lnTo>
                  <a:lnTo>
                    <a:pt x="511" y="168"/>
                  </a:lnTo>
                  <a:lnTo>
                    <a:pt x="501" y="148"/>
                  </a:lnTo>
                  <a:lnTo>
                    <a:pt x="501" y="112"/>
                  </a:lnTo>
                  <a:lnTo>
                    <a:pt x="511" y="112"/>
                  </a:lnTo>
                  <a:lnTo>
                    <a:pt x="578" y="183"/>
                  </a:lnTo>
                  <a:lnTo>
                    <a:pt x="578" y="153"/>
                  </a:lnTo>
                  <a:lnTo>
                    <a:pt x="588" y="127"/>
                  </a:lnTo>
                  <a:lnTo>
                    <a:pt x="572" y="92"/>
                  </a:lnTo>
                  <a:lnTo>
                    <a:pt x="578" y="87"/>
                  </a:lnTo>
                  <a:lnTo>
                    <a:pt x="608" y="92"/>
                  </a:lnTo>
                  <a:lnTo>
                    <a:pt x="619" y="102"/>
                  </a:lnTo>
                  <a:lnTo>
                    <a:pt x="624" y="92"/>
                  </a:lnTo>
                  <a:lnTo>
                    <a:pt x="562" y="81"/>
                  </a:lnTo>
                  <a:lnTo>
                    <a:pt x="567" y="61"/>
                  </a:lnTo>
                  <a:lnTo>
                    <a:pt x="572" y="66"/>
                  </a:lnTo>
                  <a:lnTo>
                    <a:pt x="603" y="46"/>
                  </a:lnTo>
                  <a:lnTo>
                    <a:pt x="613" y="46"/>
                  </a:lnTo>
                  <a:lnTo>
                    <a:pt x="624" y="61"/>
                  </a:lnTo>
                  <a:lnTo>
                    <a:pt x="634" y="36"/>
                  </a:lnTo>
                  <a:lnTo>
                    <a:pt x="659" y="66"/>
                  </a:lnTo>
                  <a:lnTo>
                    <a:pt x="665" y="51"/>
                  </a:lnTo>
                  <a:lnTo>
                    <a:pt x="654" y="46"/>
                  </a:lnTo>
                  <a:lnTo>
                    <a:pt x="649" y="31"/>
                  </a:lnTo>
                  <a:lnTo>
                    <a:pt x="659" y="31"/>
                  </a:lnTo>
                  <a:lnTo>
                    <a:pt x="659" y="20"/>
                  </a:lnTo>
                  <a:lnTo>
                    <a:pt x="746" y="0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3932404" y="2416629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6480389" y="5063749"/>
            <a:ext cx="219076" cy="322263"/>
            <a:chOff x="4167" y="3001"/>
            <a:chExt cx="138" cy="203"/>
          </a:xfrm>
          <a:solidFill>
            <a:srgbClr val="E1E0DC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6310916" y="5476178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F42941"/>
                </a:solidFill>
              </a:rPr>
              <a:t>Faroe </a:t>
            </a:r>
            <a:br>
              <a:rPr lang="en-GB" sz="900" b="1" dirty="0">
                <a:solidFill>
                  <a:srgbClr val="F42941"/>
                </a:solidFill>
              </a:rPr>
            </a:br>
            <a:r>
              <a:rPr lang="en-GB" sz="900" b="1" dirty="0">
                <a:solidFill>
                  <a:srgbClr val="F4294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9732683" y="466515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F4294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1076572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5869970" y="594201"/>
            <a:ext cx="5439342" cy="5600739"/>
            <a:chOff x="2987" y="657"/>
            <a:chExt cx="1247" cy="1284"/>
          </a:xfrm>
          <a:solidFill>
            <a:srgbClr val="E1E0DC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1565954" y="3938138"/>
            <a:ext cx="2076589" cy="117420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rgbClr val="E1E0DC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6951757" y="6300514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9395451" y="1490970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7923002" y="4135144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6835114" y="4395685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2541418" y="4563309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 cap="none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noFill/>
            </a:endParaRPr>
          </a:p>
        </p:txBody>
      </p:sp>
      <p:grpSp>
        <p:nvGrpSpPr>
          <p:cNvPr id="23" name="Greenland"/>
          <p:cNvGrpSpPr/>
          <p:nvPr/>
        </p:nvGrpSpPr>
        <p:grpSpPr>
          <a:xfrm>
            <a:off x="-585190" y="-350005"/>
            <a:ext cx="3236080" cy="4498713"/>
            <a:chOff x="-585190" y="-350005"/>
            <a:chExt cx="3236080" cy="4498713"/>
          </a:xfrm>
          <a:solidFill>
            <a:srgbClr val="E1E0DC"/>
          </a:solidFill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grpFill/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983302" y="2023002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4222342" y="5112343"/>
            <a:ext cx="453102" cy="666518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4501296" y="527313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F42941"/>
                </a:solidFill>
              </a:rPr>
              <a:t>Faroe </a:t>
            </a:r>
            <a:br>
              <a:rPr lang="en-GB" sz="900" b="1" dirty="0">
                <a:solidFill>
                  <a:srgbClr val="F42941"/>
                </a:solidFill>
              </a:rPr>
            </a:br>
            <a:r>
              <a:rPr lang="en-GB" sz="900" b="1" dirty="0">
                <a:solidFill>
                  <a:srgbClr val="F4294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8775837" y="388259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F4294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0468103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eece"/>
          <p:cNvGrpSpPr/>
          <p:nvPr/>
        </p:nvGrpSpPr>
        <p:grpSpPr>
          <a:xfrm>
            <a:off x="10557401" y="5599113"/>
            <a:ext cx="1063625" cy="1130300"/>
            <a:chOff x="10578421" y="5599113"/>
            <a:chExt cx="1063625" cy="1130300"/>
          </a:xfrm>
          <a:solidFill>
            <a:srgbClr val="E1E0DC"/>
          </a:solidFill>
        </p:grpSpPr>
        <p:sp>
          <p:nvSpPr>
            <p:cNvPr id="8" name="Freeform 54"/>
            <p:cNvSpPr>
              <a:spLocks/>
            </p:cNvSpPr>
            <p:nvPr/>
          </p:nvSpPr>
          <p:spPr bwMode="auto">
            <a:xfrm>
              <a:off x="10578421" y="5599113"/>
              <a:ext cx="1063625" cy="863600"/>
            </a:xfrm>
            <a:custGeom>
              <a:avLst/>
              <a:gdLst>
                <a:gd name="T0" fmla="*/ 348 w 371"/>
                <a:gd name="T1" fmla="*/ 82 h 301"/>
                <a:gd name="T2" fmla="*/ 328 w 371"/>
                <a:gd name="T3" fmla="*/ 66 h 301"/>
                <a:gd name="T4" fmla="*/ 287 w 371"/>
                <a:gd name="T5" fmla="*/ 66 h 301"/>
                <a:gd name="T6" fmla="*/ 246 w 371"/>
                <a:gd name="T7" fmla="*/ 74 h 301"/>
                <a:gd name="T8" fmla="*/ 214 w 371"/>
                <a:gd name="T9" fmla="*/ 94 h 301"/>
                <a:gd name="T10" fmla="*/ 221 w 371"/>
                <a:gd name="T11" fmla="*/ 122 h 301"/>
                <a:gd name="T12" fmla="*/ 209 w 371"/>
                <a:gd name="T13" fmla="*/ 133 h 301"/>
                <a:gd name="T14" fmla="*/ 188 w 371"/>
                <a:gd name="T15" fmla="*/ 138 h 301"/>
                <a:gd name="T16" fmla="*/ 158 w 371"/>
                <a:gd name="T17" fmla="*/ 122 h 301"/>
                <a:gd name="T18" fmla="*/ 146 w 371"/>
                <a:gd name="T19" fmla="*/ 122 h 301"/>
                <a:gd name="T20" fmla="*/ 146 w 371"/>
                <a:gd name="T21" fmla="*/ 149 h 301"/>
                <a:gd name="T22" fmla="*/ 178 w 371"/>
                <a:gd name="T23" fmla="*/ 193 h 301"/>
                <a:gd name="T24" fmla="*/ 225 w 371"/>
                <a:gd name="T25" fmla="*/ 214 h 301"/>
                <a:gd name="T26" fmla="*/ 259 w 371"/>
                <a:gd name="T27" fmla="*/ 224 h 301"/>
                <a:gd name="T28" fmla="*/ 271 w 371"/>
                <a:gd name="T29" fmla="*/ 245 h 301"/>
                <a:gd name="T30" fmla="*/ 295 w 371"/>
                <a:gd name="T31" fmla="*/ 261 h 301"/>
                <a:gd name="T32" fmla="*/ 263 w 371"/>
                <a:gd name="T33" fmla="*/ 249 h 301"/>
                <a:gd name="T34" fmla="*/ 234 w 371"/>
                <a:gd name="T35" fmla="*/ 243 h 301"/>
                <a:gd name="T36" fmla="*/ 197 w 371"/>
                <a:gd name="T37" fmla="*/ 219 h 301"/>
                <a:gd name="T38" fmla="*/ 187 w 371"/>
                <a:gd name="T39" fmla="*/ 239 h 301"/>
                <a:gd name="T40" fmla="*/ 209 w 371"/>
                <a:gd name="T41" fmla="*/ 238 h 301"/>
                <a:gd name="T42" fmla="*/ 226 w 371"/>
                <a:gd name="T43" fmla="*/ 249 h 301"/>
                <a:gd name="T44" fmla="*/ 256 w 371"/>
                <a:gd name="T45" fmla="*/ 258 h 301"/>
                <a:gd name="T46" fmla="*/ 267 w 371"/>
                <a:gd name="T47" fmla="*/ 291 h 301"/>
                <a:gd name="T48" fmla="*/ 237 w 371"/>
                <a:gd name="T49" fmla="*/ 283 h 301"/>
                <a:gd name="T50" fmla="*/ 209 w 371"/>
                <a:gd name="T51" fmla="*/ 289 h 301"/>
                <a:gd name="T52" fmla="*/ 201 w 371"/>
                <a:gd name="T53" fmla="*/ 294 h 301"/>
                <a:gd name="T54" fmla="*/ 208 w 371"/>
                <a:gd name="T55" fmla="*/ 278 h 301"/>
                <a:gd name="T56" fmla="*/ 184 w 371"/>
                <a:gd name="T57" fmla="*/ 271 h 301"/>
                <a:gd name="T58" fmla="*/ 160 w 371"/>
                <a:gd name="T59" fmla="*/ 269 h 301"/>
                <a:gd name="T60" fmla="*/ 115 w 371"/>
                <a:gd name="T61" fmla="*/ 275 h 301"/>
                <a:gd name="T62" fmla="*/ 83 w 371"/>
                <a:gd name="T63" fmla="*/ 280 h 301"/>
                <a:gd name="T64" fmla="*/ 63 w 371"/>
                <a:gd name="T65" fmla="*/ 252 h 301"/>
                <a:gd name="T66" fmla="*/ 55 w 371"/>
                <a:gd name="T67" fmla="*/ 237 h 301"/>
                <a:gd name="T68" fmla="*/ 18 w 371"/>
                <a:gd name="T69" fmla="*/ 201 h 301"/>
                <a:gd name="T70" fmla="*/ 6 w 371"/>
                <a:gd name="T71" fmla="*/ 195 h 301"/>
                <a:gd name="T72" fmla="*/ 14 w 371"/>
                <a:gd name="T73" fmla="*/ 171 h 301"/>
                <a:gd name="T74" fmla="*/ 35 w 371"/>
                <a:gd name="T75" fmla="*/ 122 h 301"/>
                <a:gd name="T76" fmla="*/ 56 w 371"/>
                <a:gd name="T77" fmla="*/ 105 h 301"/>
                <a:gd name="T78" fmla="*/ 92 w 371"/>
                <a:gd name="T79" fmla="*/ 81 h 301"/>
                <a:gd name="T80" fmla="*/ 119 w 371"/>
                <a:gd name="T81" fmla="*/ 66 h 301"/>
                <a:gd name="T82" fmla="*/ 241 w 371"/>
                <a:gd name="T83" fmla="*/ 32 h 301"/>
                <a:gd name="T84" fmla="*/ 269 w 371"/>
                <a:gd name="T85" fmla="*/ 37 h 301"/>
                <a:gd name="T86" fmla="*/ 333 w 371"/>
                <a:gd name="T87" fmla="*/ 32 h 301"/>
                <a:gd name="T88" fmla="*/ 339 w 371"/>
                <a:gd name="T89" fmla="*/ 0 h 301"/>
                <a:gd name="T90" fmla="*/ 350 w 371"/>
                <a:gd name="T91" fmla="*/ 32 h 301"/>
                <a:gd name="T92" fmla="*/ 366 w 371"/>
                <a:gd name="T93" fmla="*/ 76 h 3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71" h="301">
                  <a:moveTo>
                    <a:pt x="366" y="76"/>
                  </a:moveTo>
                  <a:cubicBezTo>
                    <a:pt x="348" y="82"/>
                    <a:pt x="348" y="82"/>
                    <a:pt x="348" y="82"/>
                  </a:cubicBezTo>
                  <a:cubicBezTo>
                    <a:pt x="339" y="72"/>
                    <a:pt x="339" y="72"/>
                    <a:pt x="339" y="72"/>
                  </a:cubicBezTo>
                  <a:cubicBezTo>
                    <a:pt x="328" y="66"/>
                    <a:pt x="328" y="66"/>
                    <a:pt x="328" y="66"/>
                  </a:cubicBezTo>
                  <a:cubicBezTo>
                    <a:pt x="309" y="72"/>
                    <a:pt x="309" y="72"/>
                    <a:pt x="309" y="72"/>
                  </a:cubicBezTo>
                  <a:cubicBezTo>
                    <a:pt x="287" y="66"/>
                    <a:pt x="287" y="66"/>
                    <a:pt x="287" y="66"/>
                  </a:cubicBezTo>
                  <a:cubicBezTo>
                    <a:pt x="263" y="82"/>
                    <a:pt x="263" y="82"/>
                    <a:pt x="263" y="82"/>
                  </a:cubicBezTo>
                  <a:cubicBezTo>
                    <a:pt x="246" y="74"/>
                    <a:pt x="246" y="74"/>
                    <a:pt x="246" y="74"/>
                  </a:cubicBezTo>
                  <a:cubicBezTo>
                    <a:pt x="232" y="91"/>
                    <a:pt x="232" y="91"/>
                    <a:pt x="232" y="91"/>
                  </a:cubicBezTo>
                  <a:cubicBezTo>
                    <a:pt x="214" y="94"/>
                    <a:pt x="214" y="94"/>
                    <a:pt x="214" y="94"/>
                  </a:cubicBezTo>
                  <a:cubicBezTo>
                    <a:pt x="214" y="109"/>
                    <a:pt x="214" y="109"/>
                    <a:pt x="214" y="109"/>
                  </a:cubicBezTo>
                  <a:cubicBezTo>
                    <a:pt x="221" y="122"/>
                    <a:pt x="221" y="122"/>
                    <a:pt x="221" y="122"/>
                  </a:cubicBezTo>
                  <a:cubicBezTo>
                    <a:pt x="212" y="122"/>
                    <a:pt x="212" y="122"/>
                    <a:pt x="212" y="122"/>
                  </a:cubicBezTo>
                  <a:cubicBezTo>
                    <a:pt x="209" y="133"/>
                    <a:pt x="209" y="133"/>
                    <a:pt x="209" y="133"/>
                  </a:cubicBezTo>
                  <a:cubicBezTo>
                    <a:pt x="199" y="133"/>
                    <a:pt x="199" y="133"/>
                    <a:pt x="199" y="133"/>
                  </a:cubicBezTo>
                  <a:cubicBezTo>
                    <a:pt x="188" y="138"/>
                    <a:pt x="188" y="138"/>
                    <a:pt x="188" y="138"/>
                  </a:cubicBezTo>
                  <a:cubicBezTo>
                    <a:pt x="167" y="128"/>
                    <a:pt x="167" y="128"/>
                    <a:pt x="167" y="128"/>
                  </a:cubicBezTo>
                  <a:cubicBezTo>
                    <a:pt x="158" y="122"/>
                    <a:pt x="158" y="122"/>
                    <a:pt x="158" y="122"/>
                  </a:cubicBezTo>
                  <a:cubicBezTo>
                    <a:pt x="162" y="112"/>
                    <a:pt x="162" y="112"/>
                    <a:pt x="162" y="112"/>
                  </a:cubicBezTo>
                  <a:cubicBezTo>
                    <a:pt x="146" y="122"/>
                    <a:pt x="146" y="122"/>
                    <a:pt x="146" y="122"/>
                  </a:cubicBezTo>
                  <a:cubicBezTo>
                    <a:pt x="152" y="140"/>
                    <a:pt x="152" y="140"/>
                    <a:pt x="152" y="140"/>
                  </a:cubicBezTo>
                  <a:cubicBezTo>
                    <a:pt x="146" y="149"/>
                    <a:pt x="146" y="149"/>
                    <a:pt x="146" y="149"/>
                  </a:cubicBezTo>
                  <a:cubicBezTo>
                    <a:pt x="173" y="176"/>
                    <a:pt x="173" y="176"/>
                    <a:pt x="173" y="176"/>
                  </a:cubicBezTo>
                  <a:cubicBezTo>
                    <a:pt x="178" y="193"/>
                    <a:pt x="178" y="193"/>
                    <a:pt x="178" y="193"/>
                  </a:cubicBezTo>
                  <a:cubicBezTo>
                    <a:pt x="201" y="204"/>
                    <a:pt x="201" y="204"/>
                    <a:pt x="201" y="204"/>
                  </a:cubicBezTo>
                  <a:cubicBezTo>
                    <a:pt x="225" y="214"/>
                    <a:pt x="225" y="214"/>
                    <a:pt x="225" y="214"/>
                  </a:cubicBezTo>
                  <a:cubicBezTo>
                    <a:pt x="242" y="224"/>
                    <a:pt x="242" y="224"/>
                    <a:pt x="242" y="224"/>
                  </a:cubicBezTo>
                  <a:cubicBezTo>
                    <a:pt x="259" y="224"/>
                    <a:pt x="259" y="224"/>
                    <a:pt x="259" y="224"/>
                  </a:cubicBezTo>
                  <a:cubicBezTo>
                    <a:pt x="269" y="226"/>
                    <a:pt x="269" y="226"/>
                    <a:pt x="269" y="226"/>
                  </a:cubicBezTo>
                  <a:cubicBezTo>
                    <a:pt x="271" y="245"/>
                    <a:pt x="271" y="245"/>
                    <a:pt x="271" y="245"/>
                  </a:cubicBezTo>
                  <a:cubicBezTo>
                    <a:pt x="294" y="250"/>
                    <a:pt x="294" y="250"/>
                    <a:pt x="294" y="250"/>
                  </a:cubicBezTo>
                  <a:cubicBezTo>
                    <a:pt x="295" y="261"/>
                    <a:pt x="295" y="261"/>
                    <a:pt x="295" y="261"/>
                  </a:cubicBezTo>
                  <a:cubicBezTo>
                    <a:pt x="278" y="266"/>
                    <a:pt x="278" y="266"/>
                    <a:pt x="278" y="266"/>
                  </a:cubicBezTo>
                  <a:cubicBezTo>
                    <a:pt x="263" y="249"/>
                    <a:pt x="263" y="249"/>
                    <a:pt x="263" y="249"/>
                  </a:cubicBezTo>
                  <a:cubicBezTo>
                    <a:pt x="259" y="240"/>
                    <a:pt x="259" y="240"/>
                    <a:pt x="259" y="240"/>
                  </a:cubicBezTo>
                  <a:cubicBezTo>
                    <a:pt x="234" y="243"/>
                    <a:pt x="234" y="243"/>
                    <a:pt x="234" y="243"/>
                  </a:cubicBezTo>
                  <a:cubicBezTo>
                    <a:pt x="225" y="231"/>
                    <a:pt x="225" y="231"/>
                    <a:pt x="225" y="231"/>
                  </a:cubicBezTo>
                  <a:cubicBezTo>
                    <a:pt x="197" y="219"/>
                    <a:pt x="197" y="219"/>
                    <a:pt x="197" y="219"/>
                  </a:cubicBezTo>
                  <a:cubicBezTo>
                    <a:pt x="171" y="230"/>
                    <a:pt x="171" y="230"/>
                    <a:pt x="171" y="230"/>
                  </a:cubicBezTo>
                  <a:cubicBezTo>
                    <a:pt x="187" y="239"/>
                    <a:pt x="187" y="239"/>
                    <a:pt x="187" y="239"/>
                  </a:cubicBezTo>
                  <a:cubicBezTo>
                    <a:pt x="203" y="245"/>
                    <a:pt x="203" y="245"/>
                    <a:pt x="203" y="245"/>
                  </a:cubicBezTo>
                  <a:cubicBezTo>
                    <a:pt x="203" y="245"/>
                    <a:pt x="208" y="237"/>
                    <a:pt x="209" y="238"/>
                  </a:cubicBezTo>
                  <a:cubicBezTo>
                    <a:pt x="210" y="240"/>
                    <a:pt x="217" y="247"/>
                    <a:pt x="217" y="247"/>
                  </a:cubicBezTo>
                  <a:cubicBezTo>
                    <a:pt x="226" y="249"/>
                    <a:pt x="226" y="249"/>
                    <a:pt x="226" y="249"/>
                  </a:cubicBezTo>
                  <a:cubicBezTo>
                    <a:pt x="229" y="256"/>
                    <a:pt x="229" y="256"/>
                    <a:pt x="229" y="256"/>
                  </a:cubicBezTo>
                  <a:cubicBezTo>
                    <a:pt x="256" y="258"/>
                    <a:pt x="256" y="258"/>
                    <a:pt x="256" y="258"/>
                  </a:cubicBezTo>
                  <a:cubicBezTo>
                    <a:pt x="256" y="271"/>
                    <a:pt x="256" y="271"/>
                    <a:pt x="256" y="271"/>
                  </a:cubicBezTo>
                  <a:cubicBezTo>
                    <a:pt x="267" y="291"/>
                    <a:pt x="267" y="291"/>
                    <a:pt x="267" y="291"/>
                  </a:cubicBezTo>
                  <a:cubicBezTo>
                    <a:pt x="260" y="301"/>
                    <a:pt x="260" y="301"/>
                    <a:pt x="260" y="301"/>
                  </a:cubicBezTo>
                  <a:cubicBezTo>
                    <a:pt x="237" y="283"/>
                    <a:pt x="237" y="283"/>
                    <a:pt x="237" y="283"/>
                  </a:cubicBezTo>
                  <a:cubicBezTo>
                    <a:pt x="227" y="278"/>
                    <a:pt x="227" y="278"/>
                    <a:pt x="227" y="278"/>
                  </a:cubicBezTo>
                  <a:cubicBezTo>
                    <a:pt x="209" y="289"/>
                    <a:pt x="209" y="289"/>
                    <a:pt x="209" y="289"/>
                  </a:cubicBezTo>
                  <a:cubicBezTo>
                    <a:pt x="201" y="288"/>
                    <a:pt x="201" y="288"/>
                    <a:pt x="201" y="288"/>
                  </a:cubicBezTo>
                  <a:cubicBezTo>
                    <a:pt x="201" y="294"/>
                    <a:pt x="201" y="294"/>
                    <a:pt x="201" y="294"/>
                  </a:cubicBezTo>
                  <a:cubicBezTo>
                    <a:pt x="194" y="279"/>
                    <a:pt x="194" y="279"/>
                    <a:pt x="194" y="279"/>
                  </a:cubicBezTo>
                  <a:cubicBezTo>
                    <a:pt x="208" y="278"/>
                    <a:pt x="208" y="278"/>
                    <a:pt x="208" y="278"/>
                  </a:cubicBezTo>
                  <a:cubicBezTo>
                    <a:pt x="209" y="269"/>
                    <a:pt x="209" y="269"/>
                    <a:pt x="209" y="269"/>
                  </a:cubicBezTo>
                  <a:cubicBezTo>
                    <a:pt x="184" y="271"/>
                    <a:pt x="184" y="271"/>
                    <a:pt x="184" y="271"/>
                  </a:cubicBezTo>
                  <a:cubicBezTo>
                    <a:pt x="173" y="260"/>
                    <a:pt x="173" y="260"/>
                    <a:pt x="173" y="260"/>
                  </a:cubicBezTo>
                  <a:cubicBezTo>
                    <a:pt x="160" y="269"/>
                    <a:pt x="160" y="269"/>
                    <a:pt x="160" y="269"/>
                  </a:cubicBezTo>
                  <a:cubicBezTo>
                    <a:pt x="128" y="266"/>
                    <a:pt x="128" y="266"/>
                    <a:pt x="128" y="266"/>
                  </a:cubicBezTo>
                  <a:cubicBezTo>
                    <a:pt x="115" y="275"/>
                    <a:pt x="115" y="275"/>
                    <a:pt x="115" y="275"/>
                  </a:cubicBezTo>
                  <a:cubicBezTo>
                    <a:pt x="94" y="273"/>
                    <a:pt x="94" y="273"/>
                    <a:pt x="94" y="273"/>
                  </a:cubicBezTo>
                  <a:cubicBezTo>
                    <a:pt x="83" y="280"/>
                    <a:pt x="83" y="280"/>
                    <a:pt x="83" y="280"/>
                  </a:cubicBezTo>
                  <a:cubicBezTo>
                    <a:pt x="76" y="264"/>
                    <a:pt x="76" y="264"/>
                    <a:pt x="76" y="264"/>
                  </a:cubicBezTo>
                  <a:cubicBezTo>
                    <a:pt x="63" y="252"/>
                    <a:pt x="63" y="252"/>
                    <a:pt x="63" y="252"/>
                  </a:cubicBezTo>
                  <a:cubicBezTo>
                    <a:pt x="55" y="247"/>
                    <a:pt x="55" y="247"/>
                    <a:pt x="55" y="247"/>
                  </a:cubicBezTo>
                  <a:cubicBezTo>
                    <a:pt x="55" y="237"/>
                    <a:pt x="55" y="237"/>
                    <a:pt x="55" y="237"/>
                  </a:cubicBezTo>
                  <a:cubicBezTo>
                    <a:pt x="18" y="212"/>
                    <a:pt x="18" y="212"/>
                    <a:pt x="18" y="212"/>
                  </a:cubicBezTo>
                  <a:cubicBezTo>
                    <a:pt x="18" y="201"/>
                    <a:pt x="18" y="201"/>
                    <a:pt x="18" y="201"/>
                  </a:cubicBezTo>
                  <a:cubicBezTo>
                    <a:pt x="0" y="203"/>
                    <a:pt x="0" y="203"/>
                    <a:pt x="0" y="203"/>
                  </a:cubicBezTo>
                  <a:cubicBezTo>
                    <a:pt x="6" y="195"/>
                    <a:pt x="6" y="195"/>
                    <a:pt x="6" y="195"/>
                  </a:cubicBezTo>
                  <a:cubicBezTo>
                    <a:pt x="21" y="187"/>
                    <a:pt x="21" y="187"/>
                    <a:pt x="21" y="187"/>
                  </a:cubicBezTo>
                  <a:cubicBezTo>
                    <a:pt x="14" y="171"/>
                    <a:pt x="14" y="171"/>
                    <a:pt x="14" y="171"/>
                  </a:cubicBezTo>
                  <a:cubicBezTo>
                    <a:pt x="37" y="163"/>
                    <a:pt x="37" y="163"/>
                    <a:pt x="37" y="163"/>
                  </a:cubicBezTo>
                  <a:cubicBezTo>
                    <a:pt x="35" y="122"/>
                    <a:pt x="35" y="122"/>
                    <a:pt x="35" y="122"/>
                  </a:cubicBezTo>
                  <a:cubicBezTo>
                    <a:pt x="45" y="112"/>
                    <a:pt x="45" y="112"/>
                    <a:pt x="45" y="112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92" y="90"/>
                    <a:pt x="92" y="90"/>
                    <a:pt x="92" y="90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108" y="77"/>
                    <a:pt x="108" y="77"/>
                    <a:pt x="108" y="77"/>
                  </a:cubicBezTo>
                  <a:cubicBezTo>
                    <a:pt x="119" y="66"/>
                    <a:pt x="119" y="66"/>
                    <a:pt x="119" y="66"/>
                  </a:cubicBezTo>
                  <a:cubicBezTo>
                    <a:pt x="143" y="66"/>
                    <a:pt x="143" y="66"/>
                    <a:pt x="143" y="66"/>
                  </a:cubicBezTo>
                  <a:cubicBezTo>
                    <a:pt x="241" y="32"/>
                    <a:pt x="241" y="32"/>
                    <a:pt x="241" y="32"/>
                  </a:cubicBezTo>
                  <a:cubicBezTo>
                    <a:pt x="251" y="42"/>
                    <a:pt x="251" y="42"/>
                    <a:pt x="251" y="42"/>
                  </a:cubicBezTo>
                  <a:cubicBezTo>
                    <a:pt x="269" y="37"/>
                    <a:pt x="269" y="37"/>
                    <a:pt x="269" y="37"/>
                  </a:cubicBezTo>
                  <a:cubicBezTo>
                    <a:pt x="287" y="47"/>
                    <a:pt x="287" y="47"/>
                    <a:pt x="287" y="47"/>
                  </a:cubicBezTo>
                  <a:cubicBezTo>
                    <a:pt x="333" y="32"/>
                    <a:pt x="333" y="32"/>
                    <a:pt x="333" y="32"/>
                  </a:cubicBezTo>
                  <a:cubicBezTo>
                    <a:pt x="327" y="10"/>
                    <a:pt x="327" y="10"/>
                    <a:pt x="327" y="10"/>
                  </a:cubicBezTo>
                  <a:cubicBezTo>
                    <a:pt x="339" y="0"/>
                    <a:pt x="339" y="0"/>
                    <a:pt x="339" y="0"/>
                  </a:cubicBezTo>
                  <a:cubicBezTo>
                    <a:pt x="371" y="16"/>
                    <a:pt x="371" y="16"/>
                    <a:pt x="371" y="16"/>
                  </a:cubicBezTo>
                  <a:cubicBezTo>
                    <a:pt x="350" y="32"/>
                    <a:pt x="350" y="32"/>
                    <a:pt x="350" y="32"/>
                  </a:cubicBezTo>
                  <a:cubicBezTo>
                    <a:pt x="342" y="66"/>
                    <a:pt x="342" y="66"/>
                    <a:pt x="342" y="66"/>
                  </a:cubicBezTo>
                  <a:lnTo>
                    <a:pt x="366" y="76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55"/>
            <p:cNvSpPr>
              <a:spLocks/>
            </p:cNvSpPr>
            <p:nvPr/>
          </p:nvSpPr>
          <p:spPr bwMode="auto">
            <a:xfrm>
              <a:off x="10837183" y="6388100"/>
              <a:ext cx="409575" cy="341313"/>
            </a:xfrm>
            <a:custGeom>
              <a:avLst/>
              <a:gdLst>
                <a:gd name="T0" fmla="*/ 103 w 143"/>
                <a:gd name="T1" fmla="*/ 21 h 119"/>
                <a:gd name="T2" fmla="*/ 113 w 143"/>
                <a:gd name="T3" fmla="*/ 21 h 119"/>
                <a:gd name="T4" fmla="*/ 120 w 143"/>
                <a:gd name="T5" fmla="*/ 21 h 119"/>
                <a:gd name="T6" fmla="*/ 126 w 143"/>
                <a:gd name="T7" fmla="*/ 36 h 119"/>
                <a:gd name="T8" fmla="*/ 143 w 143"/>
                <a:gd name="T9" fmla="*/ 36 h 119"/>
                <a:gd name="T10" fmla="*/ 143 w 143"/>
                <a:gd name="T11" fmla="*/ 52 h 119"/>
                <a:gd name="T12" fmla="*/ 123 w 143"/>
                <a:gd name="T13" fmla="*/ 48 h 119"/>
                <a:gd name="T14" fmla="*/ 109 w 143"/>
                <a:gd name="T15" fmla="*/ 42 h 119"/>
                <a:gd name="T16" fmla="*/ 95 w 143"/>
                <a:gd name="T17" fmla="*/ 43 h 119"/>
                <a:gd name="T18" fmla="*/ 104 w 143"/>
                <a:gd name="T19" fmla="*/ 55 h 119"/>
                <a:gd name="T20" fmla="*/ 127 w 143"/>
                <a:gd name="T21" fmla="*/ 80 h 119"/>
                <a:gd name="T22" fmla="*/ 131 w 143"/>
                <a:gd name="T23" fmla="*/ 102 h 119"/>
                <a:gd name="T24" fmla="*/ 116 w 143"/>
                <a:gd name="T25" fmla="*/ 99 h 119"/>
                <a:gd name="T26" fmla="*/ 101 w 143"/>
                <a:gd name="T27" fmla="*/ 93 h 119"/>
                <a:gd name="T28" fmla="*/ 99 w 143"/>
                <a:gd name="T29" fmla="*/ 106 h 119"/>
                <a:gd name="T30" fmla="*/ 100 w 143"/>
                <a:gd name="T31" fmla="*/ 119 h 119"/>
                <a:gd name="T32" fmla="*/ 86 w 143"/>
                <a:gd name="T33" fmla="*/ 119 h 119"/>
                <a:gd name="T34" fmla="*/ 86 w 143"/>
                <a:gd name="T35" fmla="*/ 103 h 119"/>
                <a:gd name="T36" fmla="*/ 73 w 143"/>
                <a:gd name="T37" fmla="*/ 83 h 119"/>
                <a:gd name="T38" fmla="*/ 62 w 143"/>
                <a:gd name="T39" fmla="*/ 84 h 119"/>
                <a:gd name="T40" fmla="*/ 62 w 143"/>
                <a:gd name="T41" fmla="*/ 106 h 119"/>
                <a:gd name="T42" fmla="*/ 48 w 143"/>
                <a:gd name="T43" fmla="*/ 109 h 119"/>
                <a:gd name="T44" fmla="*/ 41 w 143"/>
                <a:gd name="T45" fmla="*/ 93 h 119"/>
                <a:gd name="T46" fmla="*/ 29 w 143"/>
                <a:gd name="T47" fmla="*/ 80 h 119"/>
                <a:gd name="T48" fmla="*/ 38 w 143"/>
                <a:gd name="T49" fmla="*/ 67 h 119"/>
                <a:gd name="T50" fmla="*/ 19 w 143"/>
                <a:gd name="T51" fmla="*/ 46 h 119"/>
                <a:gd name="T52" fmla="*/ 0 w 143"/>
                <a:gd name="T53" fmla="*/ 33 h 119"/>
                <a:gd name="T54" fmla="*/ 12 w 143"/>
                <a:gd name="T55" fmla="*/ 15 h 119"/>
                <a:gd name="T56" fmla="*/ 29 w 143"/>
                <a:gd name="T57" fmla="*/ 8 h 119"/>
                <a:gd name="T58" fmla="*/ 39 w 143"/>
                <a:gd name="T59" fmla="*/ 0 h 119"/>
                <a:gd name="T60" fmla="*/ 74 w 143"/>
                <a:gd name="T61" fmla="*/ 5 h 119"/>
                <a:gd name="T62" fmla="*/ 89 w 143"/>
                <a:gd name="T63" fmla="*/ 6 h 119"/>
                <a:gd name="T64" fmla="*/ 101 w 143"/>
                <a:gd name="T65" fmla="*/ 16 h 119"/>
                <a:gd name="T66" fmla="*/ 103 w 143"/>
                <a:gd name="T67" fmla="*/ 21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43" h="119">
                  <a:moveTo>
                    <a:pt x="103" y="21"/>
                  </a:moveTo>
                  <a:cubicBezTo>
                    <a:pt x="113" y="21"/>
                    <a:pt x="113" y="21"/>
                    <a:pt x="113" y="21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43" y="36"/>
                    <a:pt x="143" y="36"/>
                    <a:pt x="143" y="36"/>
                  </a:cubicBezTo>
                  <a:cubicBezTo>
                    <a:pt x="143" y="52"/>
                    <a:pt x="143" y="52"/>
                    <a:pt x="143" y="52"/>
                  </a:cubicBezTo>
                  <a:cubicBezTo>
                    <a:pt x="123" y="48"/>
                    <a:pt x="123" y="48"/>
                    <a:pt x="123" y="48"/>
                  </a:cubicBezTo>
                  <a:cubicBezTo>
                    <a:pt x="109" y="42"/>
                    <a:pt x="109" y="42"/>
                    <a:pt x="109" y="42"/>
                  </a:cubicBezTo>
                  <a:cubicBezTo>
                    <a:pt x="95" y="43"/>
                    <a:pt x="95" y="43"/>
                    <a:pt x="95" y="43"/>
                  </a:cubicBezTo>
                  <a:cubicBezTo>
                    <a:pt x="104" y="55"/>
                    <a:pt x="104" y="55"/>
                    <a:pt x="104" y="55"/>
                  </a:cubicBezTo>
                  <a:cubicBezTo>
                    <a:pt x="127" y="80"/>
                    <a:pt x="127" y="80"/>
                    <a:pt x="127" y="80"/>
                  </a:cubicBezTo>
                  <a:cubicBezTo>
                    <a:pt x="131" y="102"/>
                    <a:pt x="131" y="102"/>
                    <a:pt x="131" y="102"/>
                  </a:cubicBezTo>
                  <a:cubicBezTo>
                    <a:pt x="116" y="99"/>
                    <a:pt x="116" y="99"/>
                    <a:pt x="116" y="99"/>
                  </a:cubicBezTo>
                  <a:cubicBezTo>
                    <a:pt x="101" y="93"/>
                    <a:pt x="101" y="93"/>
                    <a:pt x="101" y="93"/>
                  </a:cubicBezTo>
                  <a:cubicBezTo>
                    <a:pt x="99" y="106"/>
                    <a:pt x="99" y="106"/>
                    <a:pt x="99" y="106"/>
                  </a:cubicBezTo>
                  <a:cubicBezTo>
                    <a:pt x="99" y="106"/>
                    <a:pt x="102" y="119"/>
                    <a:pt x="100" y="119"/>
                  </a:cubicBezTo>
                  <a:cubicBezTo>
                    <a:pt x="98" y="119"/>
                    <a:pt x="86" y="119"/>
                    <a:pt x="86" y="119"/>
                  </a:cubicBezTo>
                  <a:cubicBezTo>
                    <a:pt x="86" y="103"/>
                    <a:pt x="86" y="103"/>
                    <a:pt x="86" y="103"/>
                  </a:cubicBezTo>
                  <a:cubicBezTo>
                    <a:pt x="73" y="83"/>
                    <a:pt x="73" y="83"/>
                    <a:pt x="73" y="83"/>
                  </a:cubicBezTo>
                  <a:cubicBezTo>
                    <a:pt x="62" y="84"/>
                    <a:pt x="62" y="84"/>
                    <a:pt x="62" y="84"/>
                  </a:cubicBezTo>
                  <a:cubicBezTo>
                    <a:pt x="62" y="106"/>
                    <a:pt x="62" y="106"/>
                    <a:pt x="62" y="106"/>
                  </a:cubicBezTo>
                  <a:cubicBezTo>
                    <a:pt x="62" y="106"/>
                    <a:pt x="49" y="112"/>
                    <a:pt x="48" y="109"/>
                  </a:cubicBezTo>
                  <a:cubicBezTo>
                    <a:pt x="47" y="106"/>
                    <a:pt x="41" y="93"/>
                    <a:pt x="41" y="93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29" y="80"/>
                    <a:pt x="38" y="68"/>
                    <a:pt x="38" y="67"/>
                  </a:cubicBezTo>
                  <a:cubicBezTo>
                    <a:pt x="37" y="65"/>
                    <a:pt x="19" y="46"/>
                    <a:pt x="19" y="4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74" y="5"/>
                    <a:pt x="74" y="5"/>
                    <a:pt x="74" y="5"/>
                  </a:cubicBezTo>
                  <a:cubicBezTo>
                    <a:pt x="89" y="6"/>
                    <a:pt x="89" y="6"/>
                    <a:pt x="89" y="6"/>
                  </a:cubicBezTo>
                  <a:cubicBezTo>
                    <a:pt x="101" y="16"/>
                    <a:pt x="101" y="16"/>
                    <a:pt x="101" y="16"/>
                  </a:cubicBezTo>
                  <a:lnTo>
                    <a:pt x="103" y="21"/>
                  </a:lnTo>
                  <a:close/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0" name="Bulgaria"/>
          <p:cNvSpPr>
            <a:spLocks/>
          </p:cNvSpPr>
          <p:nvPr/>
        </p:nvSpPr>
        <p:spPr bwMode="auto">
          <a:xfrm>
            <a:off x="10827276" y="5108575"/>
            <a:ext cx="971550" cy="679450"/>
          </a:xfrm>
          <a:custGeom>
            <a:avLst/>
            <a:gdLst>
              <a:gd name="T0" fmla="*/ 612 w 612"/>
              <a:gd name="T1" fmla="*/ 72 h 428"/>
              <a:gd name="T2" fmla="*/ 572 w 612"/>
              <a:gd name="T3" fmla="*/ 72 h 428"/>
              <a:gd name="T4" fmla="*/ 560 w 612"/>
              <a:gd name="T5" fmla="*/ 101 h 428"/>
              <a:gd name="T6" fmla="*/ 576 w 612"/>
              <a:gd name="T7" fmla="*/ 157 h 428"/>
              <a:gd name="T8" fmla="*/ 535 w 612"/>
              <a:gd name="T9" fmla="*/ 197 h 428"/>
              <a:gd name="T10" fmla="*/ 565 w 612"/>
              <a:gd name="T11" fmla="*/ 215 h 428"/>
              <a:gd name="T12" fmla="*/ 600 w 612"/>
              <a:gd name="T13" fmla="*/ 238 h 428"/>
              <a:gd name="T14" fmla="*/ 565 w 612"/>
              <a:gd name="T15" fmla="*/ 262 h 428"/>
              <a:gd name="T16" fmla="*/ 535 w 612"/>
              <a:gd name="T17" fmla="*/ 247 h 428"/>
              <a:gd name="T18" fmla="*/ 462 w 612"/>
              <a:gd name="T19" fmla="*/ 276 h 428"/>
              <a:gd name="T20" fmla="*/ 442 w 612"/>
              <a:gd name="T21" fmla="*/ 309 h 428"/>
              <a:gd name="T22" fmla="*/ 421 w 612"/>
              <a:gd name="T23" fmla="*/ 327 h 428"/>
              <a:gd name="T24" fmla="*/ 432 w 612"/>
              <a:gd name="T25" fmla="*/ 367 h 428"/>
              <a:gd name="T26" fmla="*/ 374 w 612"/>
              <a:gd name="T27" fmla="*/ 385 h 428"/>
              <a:gd name="T28" fmla="*/ 348 w 612"/>
              <a:gd name="T29" fmla="*/ 394 h 428"/>
              <a:gd name="T30" fmla="*/ 316 w 612"/>
              <a:gd name="T31" fmla="*/ 376 h 428"/>
              <a:gd name="T32" fmla="*/ 283 w 612"/>
              <a:gd name="T33" fmla="*/ 385 h 428"/>
              <a:gd name="T34" fmla="*/ 265 w 612"/>
              <a:gd name="T35" fmla="*/ 367 h 428"/>
              <a:gd name="T36" fmla="*/ 164 w 612"/>
              <a:gd name="T37" fmla="*/ 406 h 428"/>
              <a:gd name="T38" fmla="*/ 88 w 612"/>
              <a:gd name="T39" fmla="*/ 428 h 428"/>
              <a:gd name="T40" fmla="*/ 105 w 612"/>
              <a:gd name="T41" fmla="*/ 383 h 428"/>
              <a:gd name="T42" fmla="*/ 88 w 612"/>
              <a:gd name="T43" fmla="*/ 339 h 428"/>
              <a:gd name="T44" fmla="*/ 23 w 612"/>
              <a:gd name="T45" fmla="*/ 316 h 428"/>
              <a:gd name="T46" fmla="*/ 41 w 612"/>
              <a:gd name="T47" fmla="*/ 287 h 428"/>
              <a:gd name="T48" fmla="*/ 23 w 612"/>
              <a:gd name="T49" fmla="*/ 251 h 428"/>
              <a:gd name="T50" fmla="*/ 74 w 612"/>
              <a:gd name="T51" fmla="*/ 195 h 428"/>
              <a:gd name="T52" fmla="*/ 0 w 612"/>
              <a:gd name="T53" fmla="*/ 153 h 428"/>
              <a:gd name="T54" fmla="*/ 0 w 612"/>
              <a:gd name="T55" fmla="*/ 106 h 428"/>
              <a:gd name="T56" fmla="*/ 36 w 612"/>
              <a:gd name="T57" fmla="*/ 85 h 428"/>
              <a:gd name="T58" fmla="*/ 40 w 612"/>
              <a:gd name="T59" fmla="*/ 112 h 428"/>
              <a:gd name="T60" fmla="*/ 72 w 612"/>
              <a:gd name="T61" fmla="*/ 123 h 428"/>
              <a:gd name="T62" fmla="*/ 108 w 612"/>
              <a:gd name="T63" fmla="*/ 103 h 428"/>
              <a:gd name="T64" fmla="*/ 188 w 612"/>
              <a:gd name="T65" fmla="*/ 115 h 428"/>
              <a:gd name="T66" fmla="*/ 206 w 612"/>
              <a:gd name="T67" fmla="*/ 99 h 428"/>
              <a:gd name="T68" fmla="*/ 309 w 612"/>
              <a:gd name="T69" fmla="*/ 99 h 428"/>
              <a:gd name="T70" fmla="*/ 354 w 612"/>
              <a:gd name="T71" fmla="*/ 41 h 428"/>
              <a:gd name="T72" fmla="*/ 451 w 612"/>
              <a:gd name="T73" fmla="*/ 0 h 428"/>
              <a:gd name="T74" fmla="*/ 489 w 612"/>
              <a:gd name="T75" fmla="*/ 5 h 428"/>
              <a:gd name="T76" fmla="*/ 520 w 612"/>
              <a:gd name="T77" fmla="*/ 14 h 428"/>
              <a:gd name="T78" fmla="*/ 531 w 612"/>
              <a:gd name="T79" fmla="*/ 5 h 428"/>
              <a:gd name="T80" fmla="*/ 556 w 612"/>
              <a:gd name="T81" fmla="*/ 20 h 428"/>
              <a:gd name="T82" fmla="*/ 607 w 612"/>
              <a:gd name="T83" fmla="*/ 20 h 428"/>
              <a:gd name="T84" fmla="*/ 612 w 612"/>
              <a:gd name="T85" fmla="*/ 72 h 4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612" h="428">
                <a:moveTo>
                  <a:pt x="612" y="72"/>
                </a:moveTo>
                <a:lnTo>
                  <a:pt x="572" y="72"/>
                </a:lnTo>
                <a:lnTo>
                  <a:pt x="560" y="101"/>
                </a:lnTo>
                <a:lnTo>
                  <a:pt x="576" y="157"/>
                </a:lnTo>
                <a:lnTo>
                  <a:pt x="535" y="197"/>
                </a:lnTo>
                <a:lnTo>
                  <a:pt x="565" y="215"/>
                </a:lnTo>
                <a:lnTo>
                  <a:pt x="600" y="238"/>
                </a:lnTo>
                <a:lnTo>
                  <a:pt x="565" y="262"/>
                </a:lnTo>
                <a:lnTo>
                  <a:pt x="535" y="247"/>
                </a:lnTo>
                <a:lnTo>
                  <a:pt x="462" y="276"/>
                </a:lnTo>
                <a:lnTo>
                  <a:pt x="442" y="309"/>
                </a:lnTo>
                <a:lnTo>
                  <a:pt x="421" y="327"/>
                </a:lnTo>
                <a:lnTo>
                  <a:pt x="432" y="367"/>
                </a:lnTo>
                <a:lnTo>
                  <a:pt x="374" y="385"/>
                </a:lnTo>
                <a:lnTo>
                  <a:pt x="348" y="394"/>
                </a:lnTo>
                <a:lnTo>
                  <a:pt x="316" y="376"/>
                </a:lnTo>
                <a:lnTo>
                  <a:pt x="283" y="385"/>
                </a:lnTo>
                <a:lnTo>
                  <a:pt x="265" y="367"/>
                </a:lnTo>
                <a:lnTo>
                  <a:pt x="164" y="406"/>
                </a:lnTo>
                <a:lnTo>
                  <a:pt x="88" y="428"/>
                </a:lnTo>
                <a:lnTo>
                  <a:pt x="105" y="383"/>
                </a:lnTo>
                <a:lnTo>
                  <a:pt x="88" y="339"/>
                </a:lnTo>
                <a:lnTo>
                  <a:pt x="23" y="316"/>
                </a:lnTo>
                <a:lnTo>
                  <a:pt x="41" y="287"/>
                </a:lnTo>
                <a:lnTo>
                  <a:pt x="23" y="251"/>
                </a:lnTo>
                <a:lnTo>
                  <a:pt x="74" y="195"/>
                </a:lnTo>
                <a:lnTo>
                  <a:pt x="0" y="153"/>
                </a:lnTo>
                <a:lnTo>
                  <a:pt x="0" y="106"/>
                </a:lnTo>
                <a:lnTo>
                  <a:pt x="36" y="85"/>
                </a:lnTo>
                <a:lnTo>
                  <a:pt x="40" y="112"/>
                </a:lnTo>
                <a:lnTo>
                  <a:pt x="72" y="123"/>
                </a:lnTo>
                <a:lnTo>
                  <a:pt x="108" y="103"/>
                </a:lnTo>
                <a:lnTo>
                  <a:pt x="188" y="115"/>
                </a:lnTo>
                <a:lnTo>
                  <a:pt x="206" y="99"/>
                </a:lnTo>
                <a:lnTo>
                  <a:pt x="309" y="99"/>
                </a:lnTo>
                <a:lnTo>
                  <a:pt x="354" y="41"/>
                </a:lnTo>
                <a:lnTo>
                  <a:pt x="451" y="0"/>
                </a:lnTo>
                <a:lnTo>
                  <a:pt x="489" y="5"/>
                </a:lnTo>
                <a:lnTo>
                  <a:pt x="520" y="14"/>
                </a:lnTo>
                <a:lnTo>
                  <a:pt x="531" y="5"/>
                </a:lnTo>
                <a:lnTo>
                  <a:pt x="556" y="20"/>
                </a:lnTo>
                <a:lnTo>
                  <a:pt x="607" y="20"/>
                </a:lnTo>
                <a:lnTo>
                  <a:pt x="612" y="7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1" name="Macedonia"/>
          <p:cNvSpPr>
            <a:spLocks/>
          </p:cNvSpPr>
          <p:nvPr/>
        </p:nvSpPr>
        <p:spPr bwMode="auto">
          <a:xfrm>
            <a:off x="10574863" y="5589588"/>
            <a:ext cx="419100" cy="330200"/>
          </a:xfrm>
          <a:custGeom>
            <a:avLst/>
            <a:gdLst>
              <a:gd name="T0" fmla="*/ 159 w 264"/>
              <a:gd name="T1" fmla="*/ 0 h 208"/>
              <a:gd name="T2" fmla="*/ 182 w 264"/>
              <a:gd name="T3" fmla="*/ 13 h 208"/>
              <a:gd name="T4" fmla="*/ 247 w 264"/>
              <a:gd name="T5" fmla="*/ 36 h 208"/>
              <a:gd name="T6" fmla="*/ 264 w 264"/>
              <a:gd name="T7" fmla="*/ 80 h 208"/>
              <a:gd name="T8" fmla="*/ 247 w 264"/>
              <a:gd name="T9" fmla="*/ 125 h 208"/>
              <a:gd name="T10" fmla="*/ 204 w 264"/>
              <a:gd name="T11" fmla="*/ 125 h 208"/>
              <a:gd name="T12" fmla="*/ 184 w 264"/>
              <a:gd name="T13" fmla="*/ 145 h 208"/>
              <a:gd name="T14" fmla="*/ 155 w 264"/>
              <a:gd name="T15" fmla="*/ 152 h 208"/>
              <a:gd name="T16" fmla="*/ 155 w 264"/>
              <a:gd name="T17" fmla="*/ 172 h 208"/>
              <a:gd name="T18" fmla="*/ 90 w 264"/>
              <a:gd name="T19" fmla="*/ 195 h 208"/>
              <a:gd name="T20" fmla="*/ 70 w 264"/>
              <a:gd name="T21" fmla="*/ 208 h 208"/>
              <a:gd name="T22" fmla="*/ 63 w 264"/>
              <a:gd name="T23" fmla="*/ 192 h 208"/>
              <a:gd name="T24" fmla="*/ 43 w 264"/>
              <a:gd name="T25" fmla="*/ 195 h 208"/>
              <a:gd name="T26" fmla="*/ 12 w 264"/>
              <a:gd name="T27" fmla="*/ 154 h 208"/>
              <a:gd name="T28" fmla="*/ 12 w 264"/>
              <a:gd name="T29" fmla="*/ 129 h 208"/>
              <a:gd name="T30" fmla="*/ 0 w 264"/>
              <a:gd name="T31" fmla="*/ 96 h 208"/>
              <a:gd name="T32" fmla="*/ 0 w 264"/>
              <a:gd name="T33" fmla="*/ 36 h 208"/>
              <a:gd name="T34" fmla="*/ 63 w 264"/>
              <a:gd name="T35" fmla="*/ 42 h 208"/>
              <a:gd name="T36" fmla="*/ 97 w 264"/>
              <a:gd name="T37" fmla="*/ 20 h 208"/>
              <a:gd name="T38" fmla="*/ 132 w 264"/>
              <a:gd name="T39" fmla="*/ 17 h 208"/>
              <a:gd name="T40" fmla="*/ 159 w 264"/>
              <a:gd name="T41" fmla="*/ 0 h 20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264" h="208">
                <a:moveTo>
                  <a:pt x="159" y="0"/>
                </a:moveTo>
                <a:lnTo>
                  <a:pt x="182" y="13"/>
                </a:lnTo>
                <a:lnTo>
                  <a:pt x="247" y="36"/>
                </a:lnTo>
                <a:lnTo>
                  <a:pt x="264" y="80"/>
                </a:lnTo>
                <a:lnTo>
                  <a:pt x="247" y="125"/>
                </a:lnTo>
                <a:lnTo>
                  <a:pt x="204" y="125"/>
                </a:lnTo>
                <a:lnTo>
                  <a:pt x="184" y="145"/>
                </a:lnTo>
                <a:lnTo>
                  <a:pt x="155" y="152"/>
                </a:lnTo>
                <a:lnTo>
                  <a:pt x="155" y="172"/>
                </a:lnTo>
                <a:lnTo>
                  <a:pt x="90" y="195"/>
                </a:lnTo>
                <a:lnTo>
                  <a:pt x="70" y="208"/>
                </a:lnTo>
                <a:lnTo>
                  <a:pt x="63" y="192"/>
                </a:lnTo>
                <a:lnTo>
                  <a:pt x="43" y="195"/>
                </a:lnTo>
                <a:lnTo>
                  <a:pt x="12" y="154"/>
                </a:lnTo>
                <a:lnTo>
                  <a:pt x="12" y="129"/>
                </a:lnTo>
                <a:lnTo>
                  <a:pt x="0" y="96"/>
                </a:lnTo>
                <a:lnTo>
                  <a:pt x="0" y="36"/>
                </a:lnTo>
                <a:lnTo>
                  <a:pt x="63" y="42"/>
                </a:lnTo>
                <a:lnTo>
                  <a:pt x="97" y="20"/>
                </a:lnTo>
                <a:lnTo>
                  <a:pt x="132" y="17"/>
                </a:lnTo>
                <a:lnTo>
                  <a:pt x="159" y="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2" name="Albania"/>
          <p:cNvSpPr>
            <a:spLocks/>
          </p:cNvSpPr>
          <p:nvPr/>
        </p:nvSpPr>
        <p:spPr bwMode="auto">
          <a:xfrm>
            <a:off x="10376426" y="5602288"/>
            <a:ext cx="309563" cy="561975"/>
          </a:xfrm>
          <a:custGeom>
            <a:avLst/>
            <a:gdLst>
              <a:gd name="T0" fmla="*/ 2 w 195"/>
              <a:gd name="T1" fmla="*/ 85 h 354"/>
              <a:gd name="T2" fmla="*/ 11 w 195"/>
              <a:gd name="T3" fmla="*/ 85 h 354"/>
              <a:gd name="T4" fmla="*/ 29 w 195"/>
              <a:gd name="T5" fmla="*/ 59 h 354"/>
              <a:gd name="T6" fmla="*/ 33 w 195"/>
              <a:gd name="T7" fmla="*/ 25 h 354"/>
              <a:gd name="T8" fmla="*/ 47 w 195"/>
              <a:gd name="T9" fmla="*/ 0 h 354"/>
              <a:gd name="T10" fmla="*/ 65 w 195"/>
              <a:gd name="T11" fmla="*/ 14 h 354"/>
              <a:gd name="T12" fmla="*/ 78 w 195"/>
              <a:gd name="T13" fmla="*/ 1 h 354"/>
              <a:gd name="T14" fmla="*/ 114 w 195"/>
              <a:gd name="T15" fmla="*/ 27 h 354"/>
              <a:gd name="T16" fmla="*/ 125 w 195"/>
              <a:gd name="T17" fmla="*/ 28 h 354"/>
              <a:gd name="T18" fmla="*/ 125 w 195"/>
              <a:gd name="T19" fmla="*/ 88 h 354"/>
              <a:gd name="T20" fmla="*/ 137 w 195"/>
              <a:gd name="T21" fmla="*/ 121 h 354"/>
              <a:gd name="T22" fmla="*/ 137 w 195"/>
              <a:gd name="T23" fmla="*/ 146 h 354"/>
              <a:gd name="T24" fmla="*/ 168 w 195"/>
              <a:gd name="T25" fmla="*/ 187 h 354"/>
              <a:gd name="T26" fmla="*/ 188 w 195"/>
              <a:gd name="T27" fmla="*/ 184 h 354"/>
              <a:gd name="T28" fmla="*/ 195 w 195"/>
              <a:gd name="T29" fmla="*/ 200 h 354"/>
              <a:gd name="T30" fmla="*/ 177 w 195"/>
              <a:gd name="T31" fmla="*/ 218 h 354"/>
              <a:gd name="T32" fmla="*/ 181 w 195"/>
              <a:gd name="T33" fmla="*/ 292 h 354"/>
              <a:gd name="T34" fmla="*/ 139 w 195"/>
              <a:gd name="T35" fmla="*/ 307 h 354"/>
              <a:gd name="T36" fmla="*/ 152 w 195"/>
              <a:gd name="T37" fmla="*/ 336 h 354"/>
              <a:gd name="T38" fmla="*/ 121 w 195"/>
              <a:gd name="T39" fmla="*/ 354 h 354"/>
              <a:gd name="T40" fmla="*/ 105 w 195"/>
              <a:gd name="T41" fmla="*/ 325 h 354"/>
              <a:gd name="T42" fmla="*/ 89 w 195"/>
              <a:gd name="T43" fmla="*/ 301 h 354"/>
              <a:gd name="T44" fmla="*/ 29 w 195"/>
              <a:gd name="T45" fmla="*/ 283 h 354"/>
              <a:gd name="T46" fmla="*/ 36 w 195"/>
              <a:gd name="T47" fmla="*/ 249 h 354"/>
              <a:gd name="T48" fmla="*/ 42 w 195"/>
              <a:gd name="T49" fmla="*/ 200 h 354"/>
              <a:gd name="T50" fmla="*/ 33 w 195"/>
              <a:gd name="T51" fmla="*/ 177 h 354"/>
              <a:gd name="T52" fmla="*/ 40 w 195"/>
              <a:gd name="T53" fmla="*/ 171 h 354"/>
              <a:gd name="T54" fmla="*/ 22 w 195"/>
              <a:gd name="T55" fmla="*/ 144 h 354"/>
              <a:gd name="T56" fmla="*/ 42 w 195"/>
              <a:gd name="T57" fmla="*/ 117 h 354"/>
              <a:gd name="T58" fmla="*/ 34 w 195"/>
              <a:gd name="T59" fmla="*/ 95 h 354"/>
              <a:gd name="T60" fmla="*/ 18 w 195"/>
              <a:gd name="T61" fmla="*/ 95 h 354"/>
              <a:gd name="T62" fmla="*/ 0 w 195"/>
              <a:gd name="T63" fmla="*/ 95 h 354"/>
              <a:gd name="T64" fmla="*/ 2 w 195"/>
              <a:gd name="T65" fmla="*/ 85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195" h="354">
                <a:moveTo>
                  <a:pt x="2" y="85"/>
                </a:moveTo>
                <a:lnTo>
                  <a:pt x="11" y="85"/>
                </a:lnTo>
                <a:lnTo>
                  <a:pt x="29" y="59"/>
                </a:lnTo>
                <a:lnTo>
                  <a:pt x="33" y="25"/>
                </a:lnTo>
                <a:lnTo>
                  <a:pt x="47" y="0"/>
                </a:lnTo>
                <a:lnTo>
                  <a:pt x="65" y="14"/>
                </a:lnTo>
                <a:lnTo>
                  <a:pt x="78" y="1"/>
                </a:lnTo>
                <a:lnTo>
                  <a:pt x="114" y="27"/>
                </a:lnTo>
                <a:lnTo>
                  <a:pt x="125" y="28"/>
                </a:lnTo>
                <a:lnTo>
                  <a:pt x="125" y="88"/>
                </a:lnTo>
                <a:lnTo>
                  <a:pt x="137" y="121"/>
                </a:lnTo>
                <a:lnTo>
                  <a:pt x="137" y="146"/>
                </a:lnTo>
                <a:lnTo>
                  <a:pt x="168" y="187"/>
                </a:lnTo>
                <a:lnTo>
                  <a:pt x="188" y="184"/>
                </a:lnTo>
                <a:lnTo>
                  <a:pt x="195" y="200"/>
                </a:lnTo>
                <a:lnTo>
                  <a:pt x="177" y="218"/>
                </a:lnTo>
                <a:lnTo>
                  <a:pt x="181" y="292"/>
                </a:lnTo>
                <a:lnTo>
                  <a:pt x="139" y="307"/>
                </a:lnTo>
                <a:lnTo>
                  <a:pt x="152" y="336"/>
                </a:lnTo>
                <a:lnTo>
                  <a:pt x="121" y="354"/>
                </a:lnTo>
                <a:lnTo>
                  <a:pt x="105" y="325"/>
                </a:lnTo>
                <a:lnTo>
                  <a:pt x="89" y="301"/>
                </a:lnTo>
                <a:lnTo>
                  <a:pt x="29" y="283"/>
                </a:lnTo>
                <a:lnTo>
                  <a:pt x="36" y="249"/>
                </a:lnTo>
                <a:lnTo>
                  <a:pt x="42" y="200"/>
                </a:lnTo>
                <a:lnTo>
                  <a:pt x="33" y="177"/>
                </a:lnTo>
                <a:lnTo>
                  <a:pt x="40" y="171"/>
                </a:lnTo>
                <a:lnTo>
                  <a:pt x="22" y="144"/>
                </a:lnTo>
                <a:lnTo>
                  <a:pt x="42" y="117"/>
                </a:lnTo>
                <a:lnTo>
                  <a:pt x="34" y="95"/>
                </a:lnTo>
                <a:lnTo>
                  <a:pt x="18" y="95"/>
                </a:lnTo>
                <a:lnTo>
                  <a:pt x="0" y="95"/>
                </a:lnTo>
                <a:lnTo>
                  <a:pt x="2" y="8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3" name="Romania"/>
          <p:cNvSpPr>
            <a:spLocks/>
          </p:cNvSpPr>
          <p:nvPr/>
        </p:nvSpPr>
        <p:spPr bwMode="auto">
          <a:xfrm>
            <a:off x="10428813" y="4348163"/>
            <a:ext cx="1450975" cy="955675"/>
          </a:xfrm>
          <a:custGeom>
            <a:avLst/>
            <a:gdLst>
              <a:gd name="T0" fmla="*/ 335 w 506"/>
              <a:gd name="T1" fmla="*/ 34 h 333"/>
              <a:gd name="T2" fmla="*/ 404 w 506"/>
              <a:gd name="T3" fmla="*/ 136 h 333"/>
              <a:gd name="T4" fmla="*/ 440 w 506"/>
              <a:gd name="T5" fmla="*/ 170 h 333"/>
              <a:gd name="T6" fmla="*/ 473 w 506"/>
              <a:gd name="T7" fmla="*/ 156 h 333"/>
              <a:gd name="T8" fmla="*/ 506 w 506"/>
              <a:gd name="T9" fmla="*/ 163 h 333"/>
              <a:gd name="T10" fmla="*/ 482 w 506"/>
              <a:gd name="T11" fmla="*/ 204 h 333"/>
              <a:gd name="T12" fmla="*/ 467 w 506"/>
              <a:gd name="T13" fmla="*/ 200 h 333"/>
              <a:gd name="T14" fmla="*/ 473 w 506"/>
              <a:gd name="T15" fmla="*/ 220 h 333"/>
              <a:gd name="T16" fmla="*/ 471 w 506"/>
              <a:gd name="T17" fmla="*/ 264 h 333"/>
              <a:gd name="T18" fmla="*/ 447 w 506"/>
              <a:gd name="T19" fmla="*/ 276 h 333"/>
              <a:gd name="T20" fmla="*/ 427 w 506"/>
              <a:gd name="T21" fmla="*/ 273 h 333"/>
              <a:gd name="T22" fmla="*/ 389 w 506"/>
              <a:gd name="T23" fmla="*/ 265 h 333"/>
              <a:gd name="T24" fmla="*/ 310 w 506"/>
              <a:gd name="T25" fmla="*/ 320 h 333"/>
              <a:gd name="T26" fmla="*/ 243 w 506"/>
              <a:gd name="T27" fmla="*/ 329 h 333"/>
              <a:gd name="T28" fmla="*/ 179 w 506"/>
              <a:gd name="T29" fmla="*/ 333 h 333"/>
              <a:gd name="T30" fmla="*/ 157 w 506"/>
              <a:gd name="T31" fmla="*/ 300 h 333"/>
              <a:gd name="T32" fmla="*/ 153 w 506"/>
              <a:gd name="T33" fmla="*/ 284 h 333"/>
              <a:gd name="T34" fmla="*/ 139 w 506"/>
              <a:gd name="T35" fmla="*/ 288 h 333"/>
              <a:gd name="T36" fmla="*/ 105 w 506"/>
              <a:gd name="T37" fmla="*/ 283 h 333"/>
              <a:gd name="T38" fmla="*/ 75 w 506"/>
              <a:gd name="T39" fmla="*/ 254 h 333"/>
              <a:gd name="T40" fmla="*/ 37 w 506"/>
              <a:gd name="T41" fmla="*/ 220 h 333"/>
              <a:gd name="T42" fmla="*/ 18 w 506"/>
              <a:gd name="T43" fmla="*/ 187 h 333"/>
              <a:gd name="T44" fmla="*/ 52 w 506"/>
              <a:gd name="T45" fmla="*/ 152 h 333"/>
              <a:gd name="T46" fmla="*/ 67 w 506"/>
              <a:gd name="T47" fmla="*/ 111 h 333"/>
              <a:gd name="T48" fmla="*/ 83 w 506"/>
              <a:gd name="T49" fmla="*/ 76 h 333"/>
              <a:gd name="T50" fmla="*/ 108 w 506"/>
              <a:gd name="T51" fmla="*/ 62 h 333"/>
              <a:gd name="T52" fmla="*/ 108 w 506"/>
              <a:gd name="T53" fmla="*/ 48 h 333"/>
              <a:gd name="T54" fmla="*/ 129 w 506"/>
              <a:gd name="T55" fmla="*/ 43 h 333"/>
              <a:gd name="T56" fmla="*/ 205 w 506"/>
              <a:gd name="T57" fmla="*/ 40 h 333"/>
              <a:gd name="T58" fmla="*/ 234 w 506"/>
              <a:gd name="T59" fmla="*/ 36 h 333"/>
              <a:gd name="T60" fmla="*/ 281 w 506"/>
              <a:gd name="T61" fmla="*/ 13 h 333"/>
              <a:gd name="T62" fmla="*/ 312 w 506"/>
              <a:gd name="T63" fmla="*/ 1 h 3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506" h="333">
                <a:moveTo>
                  <a:pt x="315" y="0"/>
                </a:moveTo>
                <a:cubicBezTo>
                  <a:pt x="335" y="34"/>
                  <a:pt x="335" y="34"/>
                  <a:pt x="335" y="34"/>
                </a:cubicBezTo>
                <a:cubicBezTo>
                  <a:pt x="406" y="93"/>
                  <a:pt x="406" y="93"/>
                  <a:pt x="406" y="93"/>
                </a:cubicBezTo>
                <a:cubicBezTo>
                  <a:pt x="404" y="136"/>
                  <a:pt x="404" y="136"/>
                  <a:pt x="404" y="136"/>
                </a:cubicBezTo>
                <a:cubicBezTo>
                  <a:pt x="425" y="163"/>
                  <a:pt x="425" y="163"/>
                  <a:pt x="425" y="163"/>
                </a:cubicBezTo>
                <a:cubicBezTo>
                  <a:pt x="440" y="170"/>
                  <a:pt x="440" y="170"/>
                  <a:pt x="440" y="170"/>
                </a:cubicBezTo>
                <a:cubicBezTo>
                  <a:pt x="458" y="165"/>
                  <a:pt x="458" y="165"/>
                  <a:pt x="458" y="165"/>
                </a:cubicBezTo>
                <a:cubicBezTo>
                  <a:pt x="473" y="156"/>
                  <a:pt x="473" y="156"/>
                  <a:pt x="473" y="156"/>
                </a:cubicBezTo>
                <a:cubicBezTo>
                  <a:pt x="485" y="152"/>
                  <a:pt x="485" y="152"/>
                  <a:pt x="485" y="152"/>
                </a:cubicBezTo>
                <a:cubicBezTo>
                  <a:pt x="506" y="163"/>
                  <a:pt x="506" y="163"/>
                  <a:pt x="506" y="163"/>
                </a:cubicBezTo>
                <a:cubicBezTo>
                  <a:pt x="506" y="187"/>
                  <a:pt x="506" y="187"/>
                  <a:pt x="506" y="187"/>
                </a:cubicBezTo>
                <a:cubicBezTo>
                  <a:pt x="482" y="204"/>
                  <a:pt x="482" y="204"/>
                  <a:pt x="482" y="204"/>
                </a:cubicBezTo>
                <a:cubicBezTo>
                  <a:pt x="475" y="192"/>
                  <a:pt x="475" y="192"/>
                  <a:pt x="475" y="192"/>
                </a:cubicBezTo>
                <a:cubicBezTo>
                  <a:pt x="467" y="200"/>
                  <a:pt x="467" y="200"/>
                  <a:pt x="467" y="200"/>
                </a:cubicBezTo>
                <a:cubicBezTo>
                  <a:pt x="471" y="204"/>
                  <a:pt x="471" y="204"/>
                  <a:pt x="471" y="204"/>
                </a:cubicBezTo>
                <a:cubicBezTo>
                  <a:pt x="473" y="220"/>
                  <a:pt x="473" y="220"/>
                  <a:pt x="473" y="220"/>
                </a:cubicBezTo>
                <a:cubicBezTo>
                  <a:pt x="464" y="236"/>
                  <a:pt x="464" y="236"/>
                  <a:pt x="464" y="236"/>
                </a:cubicBezTo>
                <a:cubicBezTo>
                  <a:pt x="471" y="264"/>
                  <a:pt x="471" y="264"/>
                  <a:pt x="471" y="264"/>
                </a:cubicBezTo>
                <a:cubicBezTo>
                  <a:pt x="475" y="276"/>
                  <a:pt x="475" y="276"/>
                  <a:pt x="475" y="276"/>
                </a:cubicBezTo>
                <a:cubicBezTo>
                  <a:pt x="447" y="276"/>
                  <a:pt x="447" y="276"/>
                  <a:pt x="447" y="276"/>
                </a:cubicBezTo>
                <a:cubicBezTo>
                  <a:pt x="433" y="268"/>
                  <a:pt x="433" y="268"/>
                  <a:pt x="433" y="268"/>
                </a:cubicBezTo>
                <a:cubicBezTo>
                  <a:pt x="427" y="273"/>
                  <a:pt x="427" y="273"/>
                  <a:pt x="427" y="273"/>
                </a:cubicBezTo>
                <a:cubicBezTo>
                  <a:pt x="410" y="268"/>
                  <a:pt x="410" y="268"/>
                  <a:pt x="410" y="268"/>
                </a:cubicBezTo>
                <a:cubicBezTo>
                  <a:pt x="389" y="265"/>
                  <a:pt x="389" y="265"/>
                  <a:pt x="389" y="265"/>
                </a:cubicBezTo>
                <a:cubicBezTo>
                  <a:pt x="335" y="288"/>
                  <a:pt x="335" y="288"/>
                  <a:pt x="335" y="288"/>
                </a:cubicBezTo>
                <a:cubicBezTo>
                  <a:pt x="310" y="320"/>
                  <a:pt x="310" y="320"/>
                  <a:pt x="310" y="320"/>
                </a:cubicBezTo>
                <a:cubicBezTo>
                  <a:pt x="253" y="320"/>
                  <a:pt x="253" y="320"/>
                  <a:pt x="253" y="320"/>
                </a:cubicBezTo>
                <a:cubicBezTo>
                  <a:pt x="243" y="329"/>
                  <a:pt x="243" y="329"/>
                  <a:pt x="243" y="329"/>
                </a:cubicBezTo>
                <a:cubicBezTo>
                  <a:pt x="199" y="322"/>
                  <a:pt x="199" y="322"/>
                  <a:pt x="199" y="322"/>
                </a:cubicBezTo>
                <a:cubicBezTo>
                  <a:pt x="179" y="333"/>
                  <a:pt x="179" y="333"/>
                  <a:pt x="179" y="333"/>
                </a:cubicBezTo>
                <a:cubicBezTo>
                  <a:pt x="179" y="333"/>
                  <a:pt x="161" y="330"/>
                  <a:pt x="161" y="327"/>
                </a:cubicBezTo>
                <a:cubicBezTo>
                  <a:pt x="162" y="324"/>
                  <a:pt x="157" y="300"/>
                  <a:pt x="157" y="300"/>
                </a:cubicBezTo>
                <a:cubicBezTo>
                  <a:pt x="149" y="294"/>
                  <a:pt x="149" y="294"/>
                  <a:pt x="149" y="294"/>
                </a:cubicBezTo>
                <a:cubicBezTo>
                  <a:pt x="153" y="284"/>
                  <a:pt x="153" y="284"/>
                  <a:pt x="153" y="284"/>
                </a:cubicBezTo>
                <a:cubicBezTo>
                  <a:pt x="139" y="275"/>
                  <a:pt x="139" y="275"/>
                  <a:pt x="139" y="275"/>
                </a:cubicBezTo>
                <a:cubicBezTo>
                  <a:pt x="139" y="288"/>
                  <a:pt x="139" y="288"/>
                  <a:pt x="139" y="288"/>
                </a:cubicBezTo>
                <a:cubicBezTo>
                  <a:pt x="127" y="298"/>
                  <a:pt x="127" y="298"/>
                  <a:pt x="127" y="298"/>
                </a:cubicBezTo>
                <a:cubicBezTo>
                  <a:pt x="105" y="283"/>
                  <a:pt x="105" y="283"/>
                  <a:pt x="105" y="283"/>
                </a:cubicBezTo>
                <a:cubicBezTo>
                  <a:pt x="87" y="281"/>
                  <a:pt x="87" y="281"/>
                  <a:pt x="87" y="281"/>
                </a:cubicBezTo>
                <a:cubicBezTo>
                  <a:pt x="75" y="254"/>
                  <a:pt x="75" y="254"/>
                  <a:pt x="75" y="254"/>
                </a:cubicBezTo>
                <a:cubicBezTo>
                  <a:pt x="37" y="244"/>
                  <a:pt x="37" y="244"/>
                  <a:pt x="37" y="244"/>
                </a:cubicBezTo>
                <a:cubicBezTo>
                  <a:pt x="37" y="220"/>
                  <a:pt x="37" y="220"/>
                  <a:pt x="37" y="220"/>
                </a:cubicBezTo>
                <a:cubicBezTo>
                  <a:pt x="0" y="199"/>
                  <a:pt x="0" y="199"/>
                  <a:pt x="0" y="199"/>
                </a:cubicBezTo>
                <a:cubicBezTo>
                  <a:pt x="18" y="187"/>
                  <a:pt x="18" y="187"/>
                  <a:pt x="18" y="187"/>
                </a:cubicBezTo>
                <a:cubicBezTo>
                  <a:pt x="38" y="182"/>
                  <a:pt x="38" y="182"/>
                  <a:pt x="38" y="182"/>
                </a:cubicBezTo>
                <a:cubicBezTo>
                  <a:pt x="52" y="152"/>
                  <a:pt x="52" y="152"/>
                  <a:pt x="52" y="152"/>
                </a:cubicBezTo>
                <a:cubicBezTo>
                  <a:pt x="54" y="135"/>
                  <a:pt x="54" y="135"/>
                  <a:pt x="54" y="135"/>
                </a:cubicBezTo>
                <a:cubicBezTo>
                  <a:pt x="67" y="111"/>
                  <a:pt x="67" y="111"/>
                  <a:pt x="67" y="111"/>
                </a:cubicBezTo>
                <a:cubicBezTo>
                  <a:pt x="69" y="92"/>
                  <a:pt x="69" y="92"/>
                  <a:pt x="69" y="92"/>
                </a:cubicBezTo>
                <a:cubicBezTo>
                  <a:pt x="83" y="76"/>
                  <a:pt x="83" y="76"/>
                  <a:pt x="83" y="76"/>
                </a:cubicBezTo>
                <a:cubicBezTo>
                  <a:pt x="103" y="74"/>
                  <a:pt x="103" y="74"/>
                  <a:pt x="103" y="74"/>
                </a:cubicBezTo>
                <a:cubicBezTo>
                  <a:pt x="108" y="62"/>
                  <a:pt x="108" y="62"/>
                  <a:pt x="108" y="62"/>
                </a:cubicBezTo>
                <a:cubicBezTo>
                  <a:pt x="105" y="54"/>
                  <a:pt x="105" y="54"/>
                  <a:pt x="105" y="54"/>
                </a:cubicBezTo>
                <a:cubicBezTo>
                  <a:pt x="108" y="48"/>
                  <a:pt x="108" y="48"/>
                  <a:pt x="108" y="48"/>
                </a:cubicBezTo>
                <a:cubicBezTo>
                  <a:pt x="115" y="56"/>
                  <a:pt x="115" y="56"/>
                  <a:pt x="115" y="56"/>
                </a:cubicBezTo>
                <a:cubicBezTo>
                  <a:pt x="129" y="43"/>
                  <a:pt x="129" y="43"/>
                  <a:pt x="129" y="43"/>
                </a:cubicBezTo>
                <a:cubicBezTo>
                  <a:pt x="175" y="46"/>
                  <a:pt x="175" y="46"/>
                  <a:pt x="175" y="46"/>
                </a:cubicBezTo>
                <a:cubicBezTo>
                  <a:pt x="205" y="40"/>
                  <a:pt x="205" y="40"/>
                  <a:pt x="205" y="40"/>
                </a:cubicBezTo>
                <a:cubicBezTo>
                  <a:pt x="225" y="54"/>
                  <a:pt x="225" y="54"/>
                  <a:pt x="225" y="54"/>
                </a:cubicBezTo>
                <a:cubicBezTo>
                  <a:pt x="234" y="36"/>
                  <a:pt x="234" y="36"/>
                  <a:pt x="234" y="36"/>
                </a:cubicBezTo>
                <a:cubicBezTo>
                  <a:pt x="273" y="27"/>
                  <a:pt x="273" y="27"/>
                  <a:pt x="273" y="27"/>
                </a:cubicBezTo>
                <a:cubicBezTo>
                  <a:pt x="281" y="13"/>
                  <a:pt x="281" y="13"/>
                  <a:pt x="281" y="13"/>
                </a:cubicBezTo>
                <a:cubicBezTo>
                  <a:pt x="286" y="7"/>
                  <a:pt x="286" y="7"/>
                  <a:pt x="286" y="7"/>
                </a:cubicBezTo>
                <a:cubicBezTo>
                  <a:pt x="312" y="1"/>
                  <a:pt x="312" y="1"/>
                  <a:pt x="312" y="1"/>
                </a:cubicBezTo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4" name="Serbia"/>
          <p:cNvSpPr>
            <a:spLocks/>
          </p:cNvSpPr>
          <p:nvPr/>
        </p:nvSpPr>
        <p:spPr bwMode="auto">
          <a:xfrm>
            <a:off x="10208151" y="4919663"/>
            <a:ext cx="736600" cy="739775"/>
          </a:xfrm>
          <a:custGeom>
            <a:avLst/>
            <a:gdLst>
              <a:gd name="T0" fmla="*/ 413 w 464"/>
              <a:gd name="T1" fmla="*/ 435 h 466"/>
              <a:gd name="T2" fmla="*/ 390 w 464"/>
              <a:gd name="T3" fmla="*/ 422 h 466"/>
              <a:gd name="T4" fmla="*/ 359 w 464"/>
              <a:gd name="T5" fmla="*/ 440 h 466"/>
              <a:gd name="T6" fmla="*/ 328 w 464"/>
              <a:gd name="T7" fmla="*/ 440 h 466"/>
              <a:gd name="T8" fmla="*/ 294 w 464"/>
              <a:gd name="T9" fmla="*/ 466 h 466"/>
              <a:gd name="T10" fmla="*/ 222 w 464"/>
              <a:gd name="T11" fmla="*/ 457 h 466"/>
              <a:gd name="T12" fmla="*/ 184 w 464"/>
              <a:gd name="T13" fmla="*/ 430 h 466"/>
              <a:gd name="T14" fmla="*/ 184 w 464"/>
              <a:gd name="T15" fmla="*/ 406 h 466"/>
              <a:gd name="T16" fmla="*/ 200 w 464"/>
              <a:gd name="T17" fmla="*/ 393 h 466"/>
              <a:gd name="T18" fmla="*/ 191 w 464"/>
              <a:gd name="T19" fmla="*/ 366 h 466"/>
              <a:gd name="T20" fmla="*/ 162 w 464"/>
              <a:gd name="T21" fmla="*/ 357 h 466"/>
              <a:gd name="T22" fmla="*/ 150 w 464"/>
              <a:gd name="T23" fmla="*/ 325 h 466"/>
              <a:gd name="T24" fmla="*/ 106 w 464"/>
              <a:gd name="T25" fmla="*/ 312 h 466"/>
              <a:gd name="T26" fmla="*/ 77 w 464"/>
              <a:gd name="T27" fmla="*/ 271 h 466"/>
              <a:gd name="T28" fmla="*/ 108 w 464"/>
              <a:gd name="T29" fmla="*/ 271 h 466"/>
              <a:gd name="T30" fmla="*/ 94 w 464"/>
              <a:gd name="T31" fmla="*/ 245 h 466"/>
              <a:gd name="T32" fmla="*/ 57 w 464"/>
              <a:gd name="T33" fmla="*/ 231 h 466"/>
              <a:gd name="T34" fmla="*/ 74 w 464"/>
              <a:gd name="T35" fmla="*/ 162 h 466"/>
              <a:gd name="T36" fmla="*/ 66 w 464"/>
              <a:gd name="T37" fmla="*/ 150 h 466"/>
              <a:gd name="T38" fmla="*/ 25 w 464"/>
              <a:gd name="T39" fmla="*/ 166 h 466"/>
              <a:gd name="T40" fmla="*/ 10 w 464"/>
              <a:gd name="T41" fmla="*/ 159 h 466"/>
              <a:gd name="T42" fmla="*/ 45 w 464"/>
              <a:gd name="T43" fmla="*/ 141 h 466"/>
              <a:gd name="T44" fmla="*/ 45 w 464"/>
              <a:gd name="T45" fmla="*/ 99 h 466"/>
              <a:gd name="T46" fmla="*/ 12 w 464"/>
              <a:gd name="T47" fmla="*/ 75 h 466"/>
              <a:gd name="T48" fmla="*/ 12 w 464"/>
              <a:gd name="T49" fmla="*/ 52 h 466"/>
              <a:gd name="T50" fmla="*/ 0 w 464"/>
              <a:gd name="T51" fmla="*/ 41 h 466"/>
              <a:gd name="T52" fmla="*/ 28 w 464"/>
              <a:gd name="T53" fmla="*/ 36 h 466"/>
              <a:gd name="T54" fmla="*/ 75 w 464"/>
              <a:gd name="T55" fmla="*/ 0 h 466"/>
              <a:gd name="T56" fmla="*/ 139 w 464"/>
              <a:gd name="T57" fmla="*/ 0 h 466"/>
              <a:gd name="T58" fmla="*/ 206 w 464"/>
              <a:gd name="T59" fmla="*/ 38 h 466"/>
              <a:gd name="T60" fmla="*/ 206 w 464"/>
              <a:gd name="T61" fmla="*/ 81 h 466"/>
              <a:gd name="T62" fmla="*/ 274 w 464"/>
              <a:gd name="T63" fmla="*/ 99 h 466"/>
              <a:gd name="T64" fmla="*/ 296 w 464"/>
              <a:gd name="T65" fmla="*/ 148 h 466"/>
              <a:gd name="T66" fmla="*/ 328 w 464"/>
              <a:gd name="T67" fmla="*/ 151 h 466"/>
              <a:gd name="T68" fmla="*/ 368 w 464"/>
              <a:gd name="T69" fmla="*/ 177 h 466"/>
              <a:gd name="T70" fmla="*/ 390 w 464"/>
              <a:gd name="T71" fmla="*/ 160 h 466"/>
              <a:gd name="T72" fmla="*/ 390 w 464"/>
              <a:gd name="T73" fmla="*/ 137 h 466"/>
              <a:gd name="T74" fmla="*/ 415 w 464"/>
              <a:gd name="T75" fmla="*/ 153 h 466"/>
              <a:gd name="T76" fmla="*/ 408 w 464"/>
              <a:gd name="T77" fmla="*/ 169 h 466"/>
              <a:gd name="T78" fmla="*/ 422 w 464"/>
              <a:gd name="T79" fmla="*/ 180 h 466"/>
              <a:gd name="T80" fmla="*/ 426 w 464"/>
              <a:gd name="T81" fmla="*/ 202 h 466"/>
              <a:gd name="T82" fmla="*/ 390 w 464"/>
              <a:gd name="T83" fmla="*/ 225 h 466"/>
              <a:gd name="T84" fmla="*/ 390 w 464"/>
              <a:gd name="T85" fmla="*/ 272 h 466"/>
              <a:gd name="T86" fmla="*/ 464 w 464"/>
              <a:gd name="T87" fmla="*/ 314 h 466"/>
              <a:gd name="T88" fmla="*/ 413 w 464"/>
              <a:gd name="T89" fmla="*/ 368 h 466"/>
              <a:gd name="T90" fmla="*/ 431 w 464"/>
              <a:gd name="T91" fmla="*/ 406 h 466"/>
              <a:gd name="T92" fmla="*/ 413 w 464"/>
              <a:gd name="T93" fmla="*/ 435 h 4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464" h="466">
                <a:moveTo>
                  <a:pt x="413" y="435"/>
                </a:moveTo>
                <a:lnTo>
                  <a:pt x="390" y="422"/>
                </a:lnTo>
                <a:lnTo>
                  <a:pt x="359" y="440"/>
                </a:lnTo>
                <a:lnTo>
                  <a:pt x="328" y="440"/>
                </a:lnTo>
                <a:lnTo>
                  <a:pt x="294" y="466"/>
                </a:lnTo>
                <a:lnTo>
                  <a:pt x="222" y="457"/>
                </a:lnTo>
                <a:lnTo>
                  <a:pt x="184" y="430"/>
                </a:lnTo>
                <a:lnTo>
                  <a:pt x="184" y="406"/>
                </a:lnTo>
                <a:lnTo>
                  <a:pt x="200" y="393"/>
                </a:lnTo>
                <a:lnTo>
                  <a:pt x="191" y="366"/>
                </a:lnTo>
                <a:lnTo>
                  <a:pt x="162" y="357"/>
                </a:lnTo>
                <a:lnTo>
                  <a:pt x="150" y="325"/>
                </a:lnTo>
                <a:lnTo>
                  <a:pt x="106" y="312"/>
                </a:lnTo>
                <a:lnTo>
                  <a:pt x="77" y="271"/>
                </a:lnTo>
                <a:lnTo>
                  <a:pt x="108" y="271"/>
                </a:lnTo>
                <a:lnTo>
                  <a:pt x="94" y="245"/>
                </a:lnTo>
                <a:lnTo>
                  <a:pt x="57" y="231"/>
                </a:lnTo>
                <a:lnTo>
                  <a:pt x="74" y="162"/>
                </a:lnTo>
                <a:lnTo>
                  <a:pt x="66" y="150"/>
                </a:lnTo>
                <a:lnTo>
                  <a:pt x="25" y="166"/>
                </a:lnTo>
                <a:lnTo>
                  <a:pt x="10" y="159"/>
                </a:lnTo>
                <a:lnTo>
                  <a:pt x="45" y="141"/>
                </a:lnTo>
                <a:lnTo>
                  <a:pt x="45" y="99"/>
                </a:lnTo>
                <a:lnTo>
                  <a:pt x="12" y="75"/>
                </a:lnTo>
                <a:lnTo>
                  <a:pt x="12" y="52"/>
                </a:lnTo>
                <a:lnTo>
                  <a:pt x="0" y="41"/>
                </a:lnTo>
                <a:lnTo>
                  <a:pt x="28" y="36"/>
                </a:lnTo>
                <a:lnTo>
                  <a:pt x="75" y="0"/>
                </a:lnTo>
                <a:lnTo>
                  <a:pt x="139" y="0"/>
                </a:lnTo>
                <a:lnTo>
                  <a:pt x="206" y="38"/>
                </a:lnTo>
                <a:lnTo>
                  <a:pt x="206" y="81"/>
                </a:lnTo>
                <a:lnTo>
                  <a:pt x="274" y="99"/>
                </a:lnTo>
                <a:lnTo>
                  <a:pt x="296" y="148"/>
                </a:lnTo>
                <a:lnTo>
                  <a:pt x="328" y="151"/>
                </a:lnTo>
                <a:lnTo>
                  <a:pt x="368" y="177"/>
                </a:lnTo>
                <a:lnTo>
                  <a:pt x="390" y="160"/>
                </a:lnTo>
                <a:lnTo>
                  <a:pt x="390" y="137"/>
                </a:lnTo>
                <a:lnTo>
                  <a:pt x="415" y="153"/>
                </a:lnTo>
                <a:lnTo>
                  <a:pt x="408" y="169"/>
                </a:lnTo>
                <a:lnTo>
                  <a:pt x="422" y="180"/>
                </a:lnTo>
                <a:lnTo>
                  <a:pt x="426" y="202"/>
                </a:lnTo>
                <a:lnTo>
                  <a:pt x="390" y="225"/>
                </a:lnTo>
                <a:lnTo>
                  <a:pt x="390" y="272"/>
                </a:lnTo>
                <a:lnTo>
                  <a:pt x="464" y="314"/>
                </a:lnTo>
                <a:lnTo>
                  <a:pt x="413" y="368"/>
                </a:lnTo>
                <a:lnTo>
                  <a:pt x="431" y="406"/>
                </a:lnTo>
                <a:lnTo>
                  <a:pt x="413" y="43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5" name="Bosnia &amp; Herzegovina"/>
          <p:cNvSpPr>
            <a:spLocks/>
          </p:cNvSpPr>
          <p:nvPr/>
        </p:nvSpPr>
        <p:spPr bwMode="auto">
          <a:xfrm>
            <a:off x="9754126" y="5127625"/>
            <a:ext cx="628650" cy="519113"/>
          </a:xfrm>
          <a:custGeom>
            <a:avLst/>
            <a:gdLst>
              <a:gd name="T0" fmla="*/ 396 w 396"/>
              <a:gd name="T1" fmla="*/ 140 h 327"/>
              <a:gd name="T2" fmla="*/ 381 w 396"/>
              <a:gd name="T3" fmla="*/ 116 h 327"/>
              <a:gd name="T4" fmla="*/ 345 w 396"/>
              <a:gd name="T5" fmla="*/ 100 h 327"/>
              <a:gd name="T6" fmla="*/ 361 w 396"/>
              <a:gd name="T7" fmla="*/ 31 h 327"/>
              <a:gd name="T8" fmla="*/ 352 w 396"/>
              <a:gd name="T9" fmla="*/ 20 h 327"/>
              <a:gd name="T10" fmla="*/ 313 w 396"/>
              <a:gd name="T11" fmla="*/ 35 h 327"/>
              <a:gd name="T12" fmla="*/ 298 w 396"/>
              <a:gd name="T13" fmla="*/ 28 h 327"/>
              <a:gd name="T14" fmla="*/ 282 w 396"/>
              <a:gd name="T15" fmla="*/ 10 h 327"/>
              <a:gd name="T16" fmla="*/ 248 w 396"/>
              <a:gd name="T17" fmla="*/ 0 h 327"/>
              <a:gd name="T18" fmla="*/ 224 w 396"/>
              <a:gd name="T19" fmla="*/ 10 h 327"/>
              <a:gd name="T20" fmla="*/ 202 w 396"/>
              <a:gd name="T21" fmla="*/ 29 h 327"/>
              <a:gd name="T22" fmla="*/ 179 w 396"/>
              <a:gd name="T23" fmla="*/ 10 h 327"/>
              <a:gd name="T24" fmla="*/ 161 w 396"/>
              <a:gd name="T25" fmla="*/ 10 h 327"/>
              <a:gd name="T26" fmla="*/ 145 w 396"/>
              <a:gd name="T27" fmla="*/ 19 h 327"/>
              <a:gd name="T28" fmla="*/ 118 w 396"/>
              <a:gd name="T29" fmla="*/ 0 h 327"/>
              <a:gd name="T30" fmla="*/ 109 w 396"/>
              <a:gd name="T31" fmla="*/ 17 h 327"/>
              <a:gd name="T32" fmla="*/ 81 w 396"/>
              <a:gd name="T33" fmla="*/ 10 h 327"/>
              <a:gd name="T34" fmla="*/ 51 w 396"/>
              <a:gd name="T35" fmla="*/ 40 h 327"/>
              <a:gd name="T36" fmla="*/ 24 w 396"/>
              <a:gd name="T37" fmla="*/ 20 h 327"/>
              <a:gd name="T38" fmla="*/ 11 w 396"/>
              <a:gd name="T39" fmla="*/ 33 h 327"/>
              <a:gd name="T40" fmla="*/ 13 w 396"/>
              <a:gd name="T41" fmla="*/ 66 h 327"/>
              <a:gd name="T42" fmla="*/ 11 w 396"/>
              <a:gd name="T43" fmla="*/ 75 h 327"/>
              <a:gd name="T44" fmla="*/ 11 w 396"/>
              <a:gd name="T45" fmla="*/ 75 h 327"/>
              <a:gd name="T46" fmla="*/ 11 w 396"/>
              <a:gd name="T47" fmla="*/ 75 h 327"/>
              <a:gd name="T48" fmla="*/ 0 w 396"/>
              <a:gd name="T49" fmla="*/ 141 h 327"/>
              <a:gd name="T50" fmla="*/ 0 w 396"/>
              <a:gd name="T51" fmla="*/ 143 h 327"/>
              <a:gd name="T52" fmla="*/ 49 w 396"/>
              <a:gd name="T53" fmla="*/ 167 h 327"/>
              <a:gd name="T54" fmla="*/ 213 w 396"/>
              <a:gd name="T55" fmla="*/ 266 h 327"/>
              <a:gd name="T56" fmla="*/ 215 w 396"/>
              <a:gd name="T57" fmla="*/ 268 h 327"/>
              <a:gd name="T58" fmla="*/ 224 w 396"/>
              <a:gd name="T59" fmla="*/ 288 h 327"/>
              <a:gd name="T60" fmla="*/ 255 w 396"/>
              <a:gd name="T61" fmla="*/ 297 h 327"/>
              <a:gd name="T62" fmla="*/ 302 w 396"/>
              <a:gd name="T63" fmla="*/ 327 h 327"/>
              <a:gd name="T64" fmla="*/ 307 w 396"/>
              <a:gd name="T65" fmla="*/ 304 h 327"/>
              <a:gd name="T66" fmla="*/ 300 w 396"/>
              <a:gd name="T67" fmla="*/ 281 h 327"/>
              <a:gd name="T68" fmla="*/ 322 w 396"/>
              <a:gd name="T69" fmla="*/ 262 h 327"/>
              <a:gd name="T70" fmla="*/ 316 w 396"/>
              <a:gd name="T71" fmla="*/ 239 h 327"/>
              <a:gd name="T72" fmla="*/ 333 w 396"/>
              <a:gd name="T73" fmla="*/ 215 h 327"/>
              <a:gd name="T74" fmla="*/ 385 w 396"/>
              <a:gd name="T75" fmla="*/ 212 h 327"/>
              <a:gd name="T76" fmla="*/ 394 w 396"/>
              <a:gd name="T77" fmla="*/ 181 h 327"/>
              <a:gd name="T78" fmla="*/ 365 w 396"/>
              <a:gd name="T79" fmla="*/ 140 h 327"/>
              <a:gd name="T80" fmla="*/ 396 w 396"/>
              <a:gd name="T81" fmla="*/ 140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396" h="327">
                <a:moveTo>
                  <a:pt x="396" y="140"/>
                </a:moveTo>
                <a:lnTo>
                  <a:pt x="381" y="116"/>
                </a:lnTo>
                <a:lnTo>
                  <a:pt x="345" y="100"/>
                </a:lnTo>
                <a:lnTo>
                  <a:pt x="361" y="31"/>
                </a:lnTo>
                <a:lnTo>
                  <a:pt x="352" y="20"/>
                </a:lnTo>
                <a:lnTo>
                  <a:pt x="313" y="35"/>
                </a:lnTo>
                <a:lnTo>
                  <a:pt x="298" y="28"/>
                </a:lnTo>
                <a:lnTo>
                  <a:pt x="282" y="10"/>
                </a:lnTo>
                <a:lnTo>
                  <a:pt x="248" y="0"/>
                </a:lnTo>
                <a:lnTo>
                  <a:pt x="224" y="10"/>
                </a:lnTo>
                <a:lnTo>
                  <a:pt x="202" y="29"/>
                </a:lnTo>
                <a:lnTo>
                  <a:pt x="179" y="10"/>
                </a:lnTo>
                <a:lnTo>
                  <a:pt x="161" y="10"/>
                </a:lnTo>
                <a:lnTo>
                  <a:pt x="145" y="19"/>
                </a:lnTo>
                <a:lnTo>
                  <a:pt x="118" y="0"/>
                </a:lnTo>
                <a:lnTo>
                  <a:pt x="109" y="17"/>
                </a:lnTo>
                <a:lnTo>
                  <a:pt x="81" y="10"/>
                </a:lnTo>
                <a:lnTo>
                  <a:pt x="51" y="40"/>
                </a:lnTo>
                <a:lnTo>
                  <a:pt x="24" y="20"/>
                </a:lnTo>
                <a:lnTo>
                  <a:pt x="11" y="33"/>
                </a:lnTo>
                <a:lnTo>
                  <a:pt x="13" y="66"/>
                </a:lnTo>
                <a:lnTo>
                  <a:pt x="11" y="75"/>
                </a:lnTo>
                <a:lnTo>
                  <a:pt x="11" y="75"/>
                </a:lnTo>
                <a:lnTo>
                  <a:pt x="11" y="75"/>
                </a:lnTo>
                <a:lnTo>
                  <a:pt x="0" y="141"/>
                </a:lnTo>
                <a:lnTo>
                  <a:pt x="0" y="143"/>
                </a:lnTo>
                <a:lnTo>
                  <a:pt x="49" y="167"/>
                </a:lnTo>
                <a:lnTo>
                  <a:pt x="213" y="266"/>
                </a:lnTo>
                <a:lnTo>
                  <a:pt x="215" y="268"/>
                </a:lnTo>
                <a:lnTo>
                  <a:pt x="224" y="288"/>
                </a:lnTo>
                <a:lnTo>
                  <a:pt x="255" y="297"/>
                </a:lnTo>
                <a:lnTo>
                  <a:pt x="302" y="327"/>
                </a:lnTo>
                <a:lnTo>
                  <a:pt x="307" y="304"/>
                </a:lnTo>
                <a:lnTo>
                  <a:pt x="300" y="281"/>
                </a:lnTo>
                <a:lnTo>
                  <a:pt x="322" y="262"/>
                </a:lnTo>
                <a:lnTo>
                  <a:pt x="316" y="239"/>
                </a:lnTo>
                <a:lnTo>
                  <a:pt x="333" y="215"/>
                </a:lnTo>
                <a:lnTo>
                  <a:pt x="385" y="212"/>
                </a:lnTo>
                <a:lnTo>
                  <a:pt x="394" y="181"/>
                </a:lnTo>
                <a:lnTo>
                  <a:pt x="365" y="140"/>
                </a:lnTo>
                <a:lnTo>
                  <a:pt x="396" y="14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6" name="Turkey"/>
          <p:cNvSpPr>
            <a:spLocks/>
          </p:cNvSpPr>
          <p:nvPr/>
        </p:nvSpPr>
        <p:spPr bwMode="auto">
          <a:xfrm>
            <a:off x="11528951" y="5486400"/>
            <a:ext cx="671513" cy="923925"/>
          </a:xfrm>
          <a:custGeom>
            <a:avLst/>
            <a:gdLst>
              <a:gd name="T0" fmla="*/ 234 w 234"/>
              <a:gd name="T1" fmla="*/ 3 h 322"/>
              <a:gd name="T2" fmla="*/ 234 w 234"/>
              <a:gd name="T3" fmla="*/ 311 h 322"/>
              <a:gd name="T4" fmla="*/ 223 w 234"/>
              <a:gd name="T5" fmla="*/ 311 h 322"/>
              <a:gd name="T6" fmla="*/ 209 w 234"/>
              <a:gd name="T7" fmla="*/ 322 h 322"/>
              <a:gd name="T8" fmla="*/ 201 w 234"/>
              <a:gd name="T9" fmla="*/ 307 h 322"/>
              <a:gd name="T10" fmla="*/ 189 w 234"/>
              <a:gd name="T11" fmla="*/ 322 h 322"/>
              <a:gd name="T12" fmla="*/ 173 w 234"/>
              <a:gd name="T13" fmla="*/ 322 h 322"/>
              <a:gd name="T14" fmla="*/ 181 w 234"/>
              <a:gd name="T15" fmla="*/ 298 h 322"/>
              <a:gd name="T16" fmla="*/ 133 w 234"/>
              <a:gd name="T17" fmla="*/ 317 h 322"/>
              <a:gd name="T18" fmla="*/ 122 w 234"/>
              <a:gd name="T19" fmla="*/ 310 h 322"/>
              <a:gd name="T20" fmla="*/ 141 w 234"/>
              <a:gd name="T21" fmla="*/ 303 h 322"/>
              <a:gd name="T22" fmla="*/ 130 w 234"/>
              <a:gd name="T23" fmla="*/ 288 h 322"/>
              <a:gd name="T24" fmla="*/ 115 w 234"/>
              <a:gd name="T25" fmla="*/ 293 h 322"/>
              <a:gd name="T26" fmla="*/ 108 w 234"/>
              <a:gd name="T27" fmla="*/ 253 h 322"/>
              <a:gd name="T28" fmla="*/ 87 w 234"/>
              <a:gd name="T29" fmla="*/ 251 h 322"/>
              <a:gd name="T30" fmla="*/ 49 w 234"/>
              <a:gd name="T31" fmla="*/ 250 h 322"/>
              <a:gd name="T32" fmla="*/ 43 w 234"/>
              <a:gd name="T33" fmla="*/ 218 h 322"/>
              <a:gd name="T34" fmla="*/ 65 w 234"/>
              <a:gd name="T35" fmla="*/ 240 h 322"/>
              <a:gd name="T36" fmla="*/ 87 w 234"/>
              <a:gd name="T37" fmla="*/ 223 h 322"/>
              <a:gd name="T38" fmla="*/ 68 w 234"/>
              <a:gd name="T39" fmla="*/ 212 h 322"/>
              <a:gd name="T40" fmla="*/ 87 w 234"/>
              <a:gd name="T41" fmla="*/ 197 h 322"/>
              <a:gd name="T42" fmla="*/ 54 w 234"/>
              <a:gd name="T43" fmla="*/ 176 h 322"/>
              <a:gd name="T44" fmla="*/ 66 w 234"/>
              <a:gd name="T45" fmla="*/ 156 h 322"/>
              <a:gd name="T46" fmla="*/ 22 w 234"/>
              <a:gd name="T47" fmla="*/ 174 h 322"/>
              <a:gd name="T48" fmla="*/ 22 w 234"/>
              <a:gd name="T49" fmla="*/ 138 h 322"/>
              <a:gd name="T50" fmla="*/ 32 w 234"/>
              <a:gd name="T51" fmla="*/ 117 h 322"/>
              <a:gd name="T52" fmla="*/ 3 w 234"/>
              <a:gd name="T53" fmla="*/ 105 h 322"/>
              <a:gd name="T54" fmla="*/ 11 w 234"/>
              <a:gd name="T55" fmla="*/ 71 h 322"/>
              <a:gd name="T56" fmla="*/ 32 w 234"/>
              <a:gd name="T57" fmla="*/ 55 h 322"/>
              <a:gd name="T58" fmla="*/ 0 w 234"/>
              <a:gd name="T59" fmla="*/ 39 h 322"/>
              <a:gd name="T60" fmla="*/ 11 w 234"/>
              <a:gd name="T61" fmla="*/ 21 h 322"/>
              <a:gd name="T62" fmla="*/ 51 w 234"/>
              <a:gd name="T63" fmla="*/ 5 h 322"/>
              <a:gd name="T64" fmla="*/ 68 w 234"/>
              <a:gd name="T65" fmla="*/ 13 h 322"/>
              <a:gd name="T66" fmla="*/ 87 w 234"/>
              <a:gd name="T67" fmla="*/ 0 h 322"/>
              <a:gd name="T68" fmla="*/ 102 w 234"/>
              <a:gd name="T69" fmla="*/ 17 h 322"/>
              <a:gd name="T70" fmla="*/ 94 w 234"/>
              <a:gd name="T71" fmla="*/ 30 h 322"/>
              <a:gd name="T72" fmla="*/ 150 w 234"/>
              <a:gd name="T73" fmla="*/ 40 h 322"/>
              <a:gd name="T74" fmla="*/ 160 w 234"/>
              <a:gd name="T75" fmla="*/ 50 h 322"/>
              <a:gd name="T76" fmla="*/ 151 w 234"/>
              <a:gd name="T77" fmla="*/ 62 h 322"/>
              <a:gd name="T78" fmla="*/ 136 w 234"/>
              <a:gd name="T79" fmla="*/ 61 h 322"/>
              <a:gd name="T80" fmla="*/ 111 w 234"/>
              <a:gd name="T81" fmla="*/ 71 h 322"/>
              <a:gd name="T82" fmla="*/ 87 w 234"/>
              <a:gd name="T83" fmla="*/ 71 h 322"/>
              <a:gd name="T84" fmla="*/ 78 w 234"/>
              <a:gd name="T85" fmla="*/ 90 h 322"/>
              <a:gd name="T86" fmla="*/ 82 w 234"/>
              <a:gd name="T87" fmla="*/ 105 h 322"/>
              <a:gd name="T88" fmla="*/ 94 w 234"/>
              <a:gd name="T89" fmla="*/ 96 h 322"/>
              <a:gd name="T90" fmla="*/ 106 w 234"/>
              <a:gd name="T91" fmla="*/ 90 h 322"/>
              <a:gd name="T92" fmla="*/ 117 w 234"/>
              <a:gd name="T93" fmla="*/ 90 h 322"/>
              <a:gd name="T94" fmla="*/ 156 w 234"/>
              <a:gd name="T95" fmla="*/ 80 h 322"/>
              <a:gd name="T96" fmla="*/ 185 w 234"/>
              <a:gd name="T97" fmla="*/ 77 h 322"/>
              <a:gd name="T98" fmla="*/ 171 w 234"/>
              <a:gd name="T99" fmla="*/ 71 h 322"/>
              <a:gd name="T100" fmla="*/ 156 w 234"/>
              <a:gd name="T101" fmla="*/ 71 h 322"/>
              <a:gd name="T102" fmla="*/ 172 w 234"/>
              <a:gd name="T103" fmla="*/ 54 h 322"/>
              <a:gd name="T104" fmla="*/ 196 w 234"/>
              <a:gd name="T105" fmla="*/ 46 h 322"/>
              <a:gd name="T106" fmla="*/ 184 w 234"/>
              <a:gd name="T107" fmla="*/ 40 h 322"/>
              <a:gd name="T108" fmla="*/ 161 w 234"/>
              <a:gd name="T109" fmla="*/ 33 h 322"/>
              <a:gd name="T110" fmla="*/ 169 w 234"/>
              <a:gd name="T111" fmla="*/ 17 h 322"/>
              <a:gd name="T112" fmla="*/ 212 w 234"/>
              <a:gd name="T113" fmla="*/ 10 h 322"/>
              <a:gd name="T114" fmla="*/ 234 w 234"/>
              <a:gd name="T115" fmla="*/ 3 h 3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234" h="322">
                <a:moveTo>
                  <a:pt x="234" y="3"/>
                </a:moveTo>
                <a:cubicBezTo>
                  <a:pt x="234" y="311"/>
                  <a:pt x="234" y="311"/>
                  <a:pt x="234" y="311"/>
                </a:cubicBezTo>
                <a:cubicBezTo>
                  <a:pt x="223" y="311"/>
                  <a:pt x="223" y="311"/>
                  <a:pt x="223" y="311"/>
                </a:cubicBezTo>
                <a:cubicBezTo>
                  <a:pt x="209" y="322"/>
                  <a:pt x="209" y="322"/>
                  <a:pt x="209" y="322"/>
                </a:cubicBezTo>
                <a:cubicBezTo>
                  <a:pt x="201" y="307"/>
                  <a:pt x="201" y="307"/>
                  <a:pt x="201" y="307"/>
                </a:cubicBezTo>
                <a:cubicBezTo>
                  <a:pt x="189" y="322"/>
                  <a:pt x="189" y="322"/>
                  <a:pt x="189" y="322"/>
                </a:cubicBezTo>
                <a:cubicBezTo>
                  <a:pt x="173" y="322"/>
                  <a:pt x="173" y="322"/>
                  <a:pt x="173" y="322"/>
                </a:cubicBezTo>
                <a:cubicBezTo>
                  <a:pt x="181" y="298"/>
                  <a:pt x="181" y="298"/>
                  <a:pt x="181" y="298"/>
                </a:cubicBezTo>
                <a:cubicBezTo>
                  <a:pt x="133" y="317"/>
                  <a:pt x="133" y="317"/>
                  <a:pt x="133" y="317"/>
                </a:cubicBezTo>
                <a:cubicBezTo>
                  <a:pt x="122" y="310"/>
                  <a:pt x="122" y="310"/>
                  <a:pt x="122" y="310"/>
                </a:cubicBezTo>
                <a:cubicBezTo>
                  <a:pt x="141" y="303"/>
                  <a:pt x="141" y="303"/>
                  <a:pt x="141" y="303"/>
                </a:cubicBezTo>
                <a:cubicBezTo>
                  <a:pt x="130" y="288"/>
                  <a:pt x="130" y="288"/>
                  <a:pt x="130" y="288"/>
                </a:cubicBezTo>
                <a:cubicBezTo>
                  <a:pt x="115" y="293"/>
                  <a:pt x="115" y="293"/>
                  <a:pt x="115" y="293"/>
                </a:cubicBezTo>
                <a:cubicBezTo>
                  <a:pt x="108" y="253"/>
                  <a:pt x="108" y="253"/>
                  <a:pt x="108" y="253"/>
                </a:cubicBezTo>
                <a:cubicBezTo>
                  <a:pt x="87" y="251"/>
                  <a:pt x="87" y="251"/>
                  <a:pt x="87" y="251"/>
                </a:cubicBezTo>
                <a:cubicBezTo>
                  <a:pt x="49" y="250"/>
                  <a:pt x="49" y="250"/>
                  <a:pt x="49" y="250"/>
                </a:cubicBezTo>
                <a:cubicBezTo>
                  <a:pt x="43" y="218"/>
                  <a:pt x="43" y="218"/>
                  <a:pt x="43" y="218"/>
                </a:cubicBezTo>
                <a:cubicBezTo>
                  <a:pt x="65" y="240"/>
                  <a:pt x="65" y="240"/>
                  <a:pt x="65" y="240"/>
                </a:cubicBezTo>
                <a:cubicBezTo>
                  <a:pt x="87" y="223"/>
                  <a:pt x="87" y="223"/>
                  <a:pt x="87" y="223"/>
                </a:cubicBezTo>
                <a:cubicBezTo>
                  <a:pt x="87" y="223"/>
                  <a:pt x="67" y="217"/>
                  <a:pt x="68" y="212"/>
                </a:cubicBezTo>
                <a:cubicBezTo>
                  <a:pt x="69" y="207"/>
                  <a:pt x="90" y="201"/>
                  <a:pt x="87" y="197"/>
                </a:cubicBezTo>
                <a:cubicBezTo>
                  <a:pt x="84" y="193"/>
                  <a:pt x="54" y="180"/>
                  <a:pt x="54" y="176"/>
                </a:cubicBezTo>
                <a:cubicBezTo>
                  <a:pt x="54" y="172"/>
                  <a:pt x="66" y="156"/>
                  <a:pt x="66" y="156"/>
                </a:cubicBezTo>
                <a:cubicBezTo>
                  <a:pt x="22" y="174"/>
                  <a:pt x="22" y="174"/>
                  <a:pt x="22" y="174"/>
                </a:cubicBezTo>
                <a:cubicBezTo>
                  <a:pt x="22" y="138"/>
                  <a:pt x="22" y="138"/>
                  <a:pt x="22" y="138"/>
                </a:cubicBezTo>
                <a:cubicBezTo>
                  <a:pt x="32" y="117"/>
                  <a:pt x="32" y="117"/>
                  <a:pt x="32" y="117"/>
                </a:cubicBezTo>
                <a:cubicBezTo>
                  <a:pt x="3" y="105"/>
                  <a:pt x="3" y="105"/>
                  <a:pt x="3" y="105"/>
                </a:cubicBezTo>
                <a:cubicBezTo>
                  <a:pt x="11" y="71"/>
                  <a:pt x="11" y="71"/>
                  <a:pt x="11" y="71"/>
                </a:cubicBezTo>
                <a:cubicBezTo>
                  <a:pt x="32" y="55"/>
                  <a:pt x="32" y="55"/>
                  <a:pt x="32" y="55"/>
                </a:cubicBezTo>
                <a:cubicBezTo>
                  <a:pt x="0" y="39"/>
                  <a:pt x="0" y="39"/>
                  <a:pt x="0" y="39"/>
                </a:cubicBezTo>
                <a:cubicBezTo>
                  <a:pt x="11" y="21"/>
                  <a:pt x="11" y="21"/>
                  <a:pt x="11" y="21"/>
                </a:cubicBezTo>
                <a:cubicBezTo>
                  <a:pt x="51" y="5"/>
                  <a:pt x="51" y="5"/>
                  <a:pt x="51" y="5"/>
                </a:cubicBezTo>
                <a:cubicBezTo>
                  <a:pt x="68" y="13"/>
                  <a:pt x="68" y="13"/>
                  <a:pt x="68" y="13"/>
                </a:cubicBezTo>
                <a:cubicBezTo>
                  <a:pt x="87" y="0"/>
                  <a:pt x="87" y="0"/>
                  <a:pt x="87" y="0"/>
                </a:cubicBezTo>
                <a:cubicBezTo>
                  <a:pt x="102" y="17"/>
                  <a:pt x="102" y="17"/>
                  <a:pt x="102" y="17"/>
                </a:cubicBezTo>
                <a:cubicBezTo>
                  <a:pt x="94" y="30"/>
                  <a:pt x="94" y="30"/>
                  <a:pt x="94" y="30"/>
                </a:cubicBezTo>
                <a:cubicBezTo>
                  <a:pt x="150" y="40"/>
                  <a:pt x="150" y="40"/>
                  <a:pt x="150" y="40"/>
                </a:cubicBezTo>
                <a:cubicBezTo>
                  <a:pt x="160" y="50"/>
                  <a:pt x="160" y="50"/>
                  <a:pt x="160" y="50"/>
                </a:cubicBezTo>
                <a:cubicBezTo>
                  <a:pt x="151" y="62"/>
                  <a:pt x="151" y="62"/>
                  <a:pt x="151" y="62"/>
                </a:cubicBezTo>
                <a:cubicBezTo>
                  <a:pt x="136" y="61"/>
                  <a:pt x="136" y="61"/>
                  <a:pt x="136" y="61"/>
                </a:cubicBezTo>
                <a:cubicBezTo>
                  <a:pt x="111" y="71"/>
                  <a:pt x="111" y="71"/>
                  <a:pt x="111" y="71"/>
                </a:cubicBezTo>
                <a:cubicBezTo>
                  <a:pt x="87" y="71"/>
                  <a:pt x="87" y="71"/>
                  <a:pt x="87" y="71"/>
                </a:cubicBezTo>
                <a:cubicBezTo>
                  <a:pt x="78" y="90"/>
                  <a:pt x="78" y="90"/>
                  <a:pt x="78" y="90"/>
                </a:cubicBezTo>
                <a:cubicBezTo>
                  <a:pt x="82" y="105"/>
                  <a:pt x="82" y="105"/>
                  <a:pt x="82" y="105"/>
                </a:cubicBezTo>
                <a:cubicBezTo>
                  <a:pt x="94" y="96"/>
                  <a:pt x="94" y="96"/>
                  <a:pt x="94" y="96"/>
                </a:cubicBezTo>
                <a:cubicBezTo>
                  <a:pt x="106" y="90"/>
                  <a:pt x="106" y="90"/>
                  <a:pt x="106" y="90"/>
                </a:cubicBezTo>
                <a:cubicBezTo>
                  <a:pt x="117" y="90"/>
                  <a:pt x="117" y="90"/>
                  <a:pt x="117" y="90"/>
                </a:cubicBezTo>
                <a:cubicBezTo>
                  <a:pt x="156" y="80"/>
                  <a:pt x="156" y="80"/>
                  <a:pt x="156" y="80"/>
                </a:cubicBezTo>
                <a:cubicBezTo>
                  <a:pt x="185" y="77"/>
                  <a:pt x="185" y="77"/>
                  <a:pt x="185" y="77"/>
                </a:cubicBezTo>
                <a:cubicBezTo>
                  <a:pt x="171" y="71"/>
                  <a:pt x="171" y="71"/>
                  <a:pt x="171" y="71"/>
                </a:cubicBezTo>
                <a:cubicBezTo>
                  <a:pt x="156" y="71"/>
                  <a:pt x="156" y="71"/>
                  <a:pt x="156" y="71"/>
                </a:cubicBezTo>
                <a:cubicBezTo>
                  <a:pt x="172" y="54"/>
                  <a:pt x="172" y="54"/>
                  <a:pt x="172" y="54"/>
                </a:cubicBezTo>
                <a:cubicBezTo>
                  <a:pt x="196" y="46"/>
                  <a:pt x="196" y="46"/>
                  <a:pt x="196" y="46"/>
                </a:cubicBezTo>
                <a:cubicBezTo>
                  <a:pt x="184" y="40"/>
                  <a:pt x="184" y="40"/>
                  <a:pt x="184" y="40"/>
                </a:cubicBezTo>
                <a:cubicBezTo>
                  <a:pt x="161" y="33"/>
                  <a:pt x="161" y="33"/>
                  <a:pt x="161" y="33"/>
                </a:cubicBezTo>
                <a:cubicBezTo>
                  <a:pt x="169" y="17"/>
                  <a:pt x="169" y="17"/>
                  <a:pt x="169" y="17"/>
                </a:cubicBezTo>
                <a:cubicBezTo>
                  <a:pt x="212" y="10"/>
                  <a:pt x="212" y="10"/>
                  <a:pt x="212" y="10"/>
                </a:cubicBezTo>
                <a:lnTo>
                  <a:pt x="234" y="3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Czech Republic"/>
          <p:cNvSpPr>
            <a:spLocks/>
          </p:cNvSpPr>
          <p:nvPr/>
        </p:nvSpPr>
        <p:spPr bwMode="auto">
          <a:xfrm>
            <a:off x="9171513" y="4046538"/>
            <a:ext cx="963613" cy="479425"/>
          </a:xfrm>
          <a:custGeom>
            <a:avLst/>
            <a:gdLst>
              <a:gd name="T0" fmla="*/ 190 w 607"/>
              <a:gd name="T1" fmla="*/ 6 h 302"/>
              <a:gd name="T2" fmla="*/ 208 w 607"/>
              <a:gd name="T3" fmla="*/ 0 h 302"/>
              <a:gd name="T4" fmla="*/ 230 w 607"/>
              <a:gd name="T5" fmla="*/ 24 h 302"/>
              <a:gd name="T6" fmla="*/ 255 w 607"/>
              <a:gd name="T7" fmla="*/ 24 h 302"/>
              <a:gd name="T8" fmla="*/ 255 w 607"/>
              <a:gd name="T9" fmla="*/ 6 h 302"/>
              <a:gd name="T10" fmla="*/ 284 w 607"/>
              <a:gd name="T11" fmla="*/ 22 h 302"/>
              <a:gd name="T12" fmla="*/ 317 w 607"/>
              <a:gd name="T13" fmla="*/ 33 h 302"/>
              <a:gd name="T14" fmla="*/ 344 w 607"/>
              <a:gd name="T15" fmla="*/ 42 h 302"/>
              <a:gd name="T16" fmla="*/ 380 w 607"/>
              <a:gd name="T17" fmla="*/ 49 h 302"/>
              <a:gd name="T18" fmla="*/ 358 w 607"/>
              <a:gd name="T19" fmla="*/ 64 h 302"/>
              <a:gd name="T20" fmla="*/ 383 w 607"/>
              <a:gd name="T21" fmla="*/ 78 h 302"/>
              <a:gd name="T22" fmla="*/ 400 w 607"/>
              <a:gd name="T23" fmla="*/ 103 h 302"/>
              <a:gd name="T24" fmla="*/ 412 w 607"/>
              <a:gd name="T25" fmla="*/ 102 h 302"/>
              <a:gd name="T26" fmla="*/ 432 w 607"/>
              <a:gd name="T27" fmla="*/ 80 h 302"/>
              <a:gd name="T28" fmla="*/ 418 w 607"/>
              <a:gd name="T29" fmla="*/ 60 h 302"/>
              <a:gd name="T30" fmla="*/ 461 w 607"/>
              <a:gd name="T31" fmla="*/ 71 h 302"/>
              <a:gd name="T32" fmla="*/ 501 w 607"/>
              <a:gd name="T33" fmla="*/ 71 h 302"/>
              <a:gd name="T34" fmla="*/ 490 w 607"/>
              <a:gd name="T35" fmla="*/ 89 h 302"/>
              <a:gd name="T36" fmla="*/ 510 w 607"/>
              <a:gd name="T37" fmla="*/ 109 h 302"/>
              <a:gd name="T38" fmla="*/ 579 w 607"/>
              <a:gd name="T39" fmla="*/ 109 h 302"/>
              <a:gd name="T40" fmla="*/ 580 w 607"/>
              <a:gd name="T41" fmla="*/ 134 h 302"/>
              <a:gd name="T42" fmla="*/ 606 w 607"/>
              <a:gd name="T43" fmla="*/ 136 h 302"/>
              <a:gd name="T44" fmla="*/ 607 w 607"/>
              <a:gd name="T45" fmla="*/ 156 h 302"/>
              <a:gd name="T46" fmla="*/ 571 w 607"/>
              <a:gd name="T47" fmla="*/ 174 h 302"/>
              <a:gd name="T48" fmla="*/ 533 w 607"/>
              <a:gd name="T49" fmla="*/ 226 h 302"/>
              <a:gd name="T50" fmla="*/ 499 w 607"/>
              <a:gd name="T51" fmla="*/ 253 h 302"/>
              <a:gd name="T52" fmla="*/ 445 w 607"/>
              <a:gd name="T53" fmla="*/ 270 h 302"/>
              <a:gd name="T54" fmla="*/ 420 w 607"/>
              <a:gd name="T55" fmla="*/ 257 h 302"/>
              <a:gd name="T56" fmla="*/ 362 w 607"/>
              <a:gd name="T57" fmla="*/ 270 h 302"/>
              <a:gd name="T58" fmla="*/ 315 w 607"/>
              <a:gd name="T59" fmla="*/ 251 h 302"/>
              <a:gd name="T60" fmla="*/ 293 w 607"/>
              <a:gd name="T61" fmla="*/ 255 h 302"/>
              <a:gd name="T62" fmla="*/ 275 w 607"/>
              <a:gd name="T63" fmla="*/ 239 h 302"/>
              <a:gd name="T64" fmla="*/ 246 w 607"/>
              <a:gd name="T65" fmla="*/ 302 h 302"/>
              <a:gd name="T66" fmla="*/ 241 w 607"/>
              <a:gd name="T67" fmla="*/ 302 h 302"/>
              <a:gd name="T68" fmla="*/ 188 w 607"/>
              <a:gd name="T69" fmla="*/ 302 h 302"/>
              <a:gd name="T70" fmla="*/ 167 w 607"/>
              <a:gd name="T71" fmla="*/ 284 h 302"/>
              <a:gd name="T72" fmla="*/ 140 w 607"/>
              <a:gd name="T73" fmla="*/ 257 h 302"/>
              <a:gd name="T74" fmla="*/ 100 w 607"/>
              <a:gd name="T75" fmla="*/ 244 h 302"/>
              <a:gd name="T76" fmla="*/ 87 w 607"/>
              <a:gd name="T77" fmla="*/ 223 h 302"/>
              <a:gd name="T78" fmla="*/ 58 w 607"/>
              <a:gd name="T79" fmla="*/ 212 h 302"/>
              <a:gd name="T80" fmla="*/ 31 w 607"/>
              <a:gd name="T81" fmla="*/ 168 h 302"/>
              <a:gd name="T82" fmla="*/ 38 w 607"/>
              <a:gd name="T83" fmla="*/ 147 h 302"/>
              <a:gd name="T84" fmla="*/ 0 w 607"/>
              <a:gd name="T85" fmla="*/ 105 h 302"/>
              <a:gd name="T86" fmla="*/ 22 w 607"/>
              <a:gd name="T87" fmla="*/ 114 h 302"/>
              <a:gd name="T88" fmla="*/ 53 w 607"/>
              <a:gd name="T89" fmla="*/ 87 h 302"/>
              <a:gd name="T90" fmla="*/ 69 w 607"/>
              <a:gd name="T91" fmla="*/ 87 h 302"/>
              <a:gd name="T92" fmla="*/ 76 w 607"/>
              <a:gd name="T93" fmla="*/ 71 h 302"/>
              <a:gd name="T94" fmla="*/ 109 w 607"/>
              <a:gd name="T95" fmla="*/ 71 h 302"/>
              <a:gd name="T96" fmla="*/ 192 w 607"/>
              <a:gd name="T97" fmla="*/ 24 h 302"/>
              <a:gd name="T98" fmla="*/ 190 w 607"/>
              <a:gd name="T99" fmla="*/ 6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607" h="302">
                <a:moveTo>
                  <a:pt x="190" y="6"/>
                </a:moveTo>
                <a:lnTo>
                  <a:pt x="208" y="0"/>
                </a:lnTo>
                <a:lnTo>
                  <a:pt x="230" y="24"/>
                </a:lnTo>
                <a:lnTo>
                  <a:pt x="255" y="24"/>
                </a:lnTo>
                <a:lnTo>
                  <a:pt x="255" y="6"/>
                </a:lnTo>
                <a:lnTo>
                  <a:pt x="284" y="22"/>
                </a:lnTo>
                <a:lnTo>
                  <a:pt x="317" y="33"/>
                </a:lnTo>
                <a:lnTo>
                  <a:pt x="344" y="42"/>
                </a:lnTo>
                <a:lnTo>
                  <a:pt x="380" y="49"/>
                </a:lnTo>
                <a:lnTo>
                  <a:pt x="358" y="64"/>
                </a:lnTo>
                <a:lnTo>
                  <a:pt x="383" y="78"/>
                </a:lnTo>
                <a:lnTo>
                  <a:pt x="400" y="103"/>
                </a:lnTo>
                <a:lnTo>
                  <a:pt x="412" y="102"/>
                </a:lnTo>
                <a:lnTo>
                  <a:pt x="432" y="80"/>
                </a:lnTo>
                <a:lnTo>
                  <a:pt x="418" y="60"/>
                </a:lnTo>
                <a:lnTo>
                  <a:pt x="461" y="71"/>
                </a:lnTo>
                <a:lnTo>
                  <a:pt x="501" y="71"/>
                </a:lnTo>
                <a:lnTo>
                  <a:pt x="490" y="89"/>
                </a:lnTo>
                <a:lnTo>
                  <a:pt x="510" y="109"/>
                </a:lnTo>
                <a:lnTo>
                  <a:pt x="579" y="109"/>
                </a:lnTo>
                <a:lnTo>
                  <a:pt x="580" y="134"/>
                </a:lnTo>
                <a:lnTo>
                  <a:pt x="606" y="136"/>
                </a:lnTo>
                <a:lnTo>
                  <a:pt x="607" y="156"/>
                </a:lnTo>
                <a:lnTo>
                  <a:pt x="571" y="174"/>
                </a:lnTo>
                <a:lnTo>
                  <a:pt x="533" y="226"/>
                </a:lnTo>
                <a:lnTo>
                  <a:pt x="499" y="253"/>
                </a:lnTo>
                <a:lnTo>
                  <a:pt x="445" y="270"/>
                </a:lnTo>
                <a:lnTo>
                  <a:pt x="420" y="257"/>
                </a:lnTo>
                <a:lnTo>
                  <a:pt x="362" y="270"/>
                </a:lnTo>
                <a:lnTo>
                  <a:pt x="315" y="251"/>
                </a:lnTo>
                <a:lnTo>
                  <a:pt x="293" y="255"/>
                </a:lnTo>
                <a:lnTo>
                  <a:pt x="275" y="239"/>
                </a:lnTo>
                <a:lnTo>
                  <a:pt x="246" y="302"/>
                </a:lnTo>
                <a:lnTo>
                  <a:pt x="241" y="302"/>
                </a:lnTo>
                <a:lnTo>
                  <a:pt x="188" y="302"/>
                </a:lnTo>
                <a:lnTo>
                  <a:pt x="167" y="284"/>
                </a:lnTo>
                <a:lnTo>
                  <a:pt x="140" y="257"/>
                </a:lnTo>
                <a:lnTo>
                  <a:pt x="100" y="244"/>
                </a:lnTo>
                <a:lnTo>
                  <a:pt x="87" y="223"/>
                </a:lnTo>
                <a:lnTo>
                  <a:pt x="58" y="212"/>
                </a:lnTo>
                <a:lnTo>
                  <a:pt x="31" y="168"/>
                </a:lnTo>
                <a:lnTo>
                  <a:pt x="38" y="147"/>
                </a:lnTo>
                <a:lnTo>
                  <a:pt x="0" y="105"/>
                </a:lnTo>
                <a:lnTo>
                  <a:pt x="22" y="114"/>
                </a:lnTo>
                <a:lnTo>
                  <a:pt x="53" y="87"/>
                </a:lnTo>
                <a:lnTo>
                  <a:pt x="69" y="87"/>
                </a:lnTo>
                <a:lnTo>
                  <a:pt x="76" y="71"/>
                </a:lnTo>
                <a:lnTo>
                  <a:pt x="109" y="71"/>
                </a:lnTo>
                <a:lnTo>
                  <a:pt x="192" y="24"/>
                </a:lnTo>
                <a:lnTo>
                  <a:pt x="190" y="6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8" name="Slovakia"/>
          <p:cNvSpPr>
            <a:spLocks/>
          </p:cNvSpPr>
          <p:nvPr/>
        </p:nvSpPr>
        <p:spPr bwMode="auto">
          <a:xfrm>
            <a:off x="9868426" y="4256088"/>
            <a:ext cx="860425" cy="398463"/>
          </a:xfrm>
          <a:custGeom>
            <a:avLst/>
            <a:gdLst>
              <a:gd name="T0" fmla="*/ 168 w 542"/>
              <a:gd name="T1" fmla="*/ 24 h 251"/>
              <a:gd name="T2" fmla="*/ 192 w 542"/>
              <a:gd name="T3" fmla="*/ 45 h 251"/>
              <a:gd name="T4" fmla="*/ 217 w 542"/>
              <a:gd name="T5" fmla="*/ 7 h 251"/>
              <a:gd name="T6" fmla="*/ 252 w 542"/>
              <a:gd name="T7" fmla="*/ 29 h 251"/>
              <a:gd name="T8" fmla="*/ 255 w 542"/>
              <a:gd name="T9" fmla="*/ 51 h 251"/>
              <a:gd name="T10" fmla="*/ 280 w 542"/>
              <a:gd name="T11" fmla="*/ 51 h 251"/>
              <a:gd name="T12" fmla="*/ 298 w 542"/>
              <a:gd name="T13" fmla="*/ 18 h 251"/>
              <a:gd name="T14" fmla="*/ 335 w 542"/>
              <a:gd name="T15" fmla="*/ 15 h 251"/>
              <a:gd name="T16" fmla="*/ 356 w 542"/>
              <a:gd name="T17" fmla="*/ 38 h 251"/>
              <a:gd name="T18" fmla="*/ 365 w 542"/>
              <a:gd name="T19" fmla="*/ 7 h 251"/>
              <a:gd name="T20" fmla="*/ 398 w 542"/>
              <a:gd name="T21" fmla="*/ 0 h 251"/>
              <a:gd name="T22" fmla="*/ 450 w 542"/>
              <a:gd name="T23" fmla="*/ 9 h 251"/>
              <a:gd name="T24" fmla="*/ 454 w 542"/>
              <a:gd name="T25" fmla="*/ 26 h 251"/>
              <a:gd name="T26" fmla="*/ 497 w 542"/>
              <a:gd name="T27" fmla="*/ 38 h 251"/>
              <a:gd name="T28" fmla="*/ 499 w 542"/>
              <a:gd name="T29" fmla="*/ 71 h 251"/>
              <a:gd name="T30" fmla="*/ 488 w 542"/>
              <a:gd name="T31" fmla="*/ 107 h 251"/>
              <a:gd name="T32" fmla="*/ 542 w 542"/>
              <a:gd name="T33" fmla="*/ 138 h 251"/>
              <a:gd name="T34" fmla="*/ 530 w 542"/>
              <a:gd name="T35" fmla="*/ 152 h 251"/>
              <a:gd name="T36" fmla="*/ 506 w 542"/>
              <a:gd name="T37" fmla="*/ 148 h 251"/>
              <a:gd name="T38" fmla="*/ 485 w 542"/>
              <a:gd name="T39" fmla="*/ 139 h 251"/>
              <a:gd name="T40" fmla="*/ 472 w 542"/>
              <a:gd name="T41" fmla="*/ 121 h 251"/>
              <a:gd name="T42" fmla="*/ 434 w 542"/>
              <a:gd name="T43" fmla="*/ 141 h 251"/>
              <a:gd name="T44" fmla="*/ 356 w 542"/>
              <a:gd name="T45" fmla="*/ 125 h 251"/>
              <a:gd name="T46" fmla="*/ 318 w 542"/>
              <a:gd name="T47" fmla="*/ 152 h 251"/>
              <a:gd name="T48" fmla="*/ 302 w 542"/>
              <a:gd name="T49" fmla="*/ 170 h 251"/>
              <a:gd name="T50" fmla="*/ 282 w 542"/>
              <a:gd name="T51" fmla="*/ 186 h 251"/>
              <a:gd name="T52" fmla="*/ 242 w 542"/>
              <a:gd name="T53" fmla="*/ 170 h 251"/>
              <a:gd name="T54" fmla="*/ 230 w 542"/>
              <a:gd name="T55" fmla="*/ 197 h 251"/>
              <a:gd name="T56" fmla="*/ 183 w 542"/>
              <a:gd name="T57" fmla="*/ 199 h 251"/>
              <a:gd name="T58" fmla="*/ 172 w 542"/>
              <a:gd name="T59" fmla="*/ 221 h 251"/>
              <a:gd name="T60" fmla="*/ 185 w 542"/>
              <a:gd name="T61" fmla="*/ 235 h 251"/>
              <a:gd name="T62" fmla="*/ 129 w 542"/>
              <a:gd name="T63" fmla="*/ 248 h 251"/>
              <a:gd name="T64" fmla="*/ 82 w 542"/>
              <a:gd name="T65" fmla="*/ 251 h 251"/>
              <a:gd name="T66" fmla="*/ 49 w 542"/>
              <a:gd name="T67" fmla="*/ 213 h 251"/>
              <a:gd name="T68" fmla="*/ 29 w 542"/>
              <a:gd name="T69" fmla="*/ 208 h 251"/>
              <a:gd name="T70" fmla="*/ 0 w 542"/>
              <a:gd name="T71" fmla="*/ 185 h 251"/>
              <a:gd name="T72" fmla="*/ 6 w 542"/>
              <a:gd name="T73" fmla="*/ 138 h 251"/>
              <a:gd name="T74" fmla="*/ 60 w 542"/>
              <a:gd name="T75" fmla="*/ 121 h 251"/>
              <a:gd name="T76" fmla="*/ 94 w 542"/>
              <a:gd name="T77" fmla="*/ 94 h 251"/>
              <a:gd name="T78" fmla="*/ 132 w 542"/>
              <a:gd name="T79" fmla="*/ 42 h 251"/>
              <a:gd name="T80" fmla="*/ 168 w 542"/>
              <a:gd name="T81" fmla="*/ 24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542" h="251">
                <a:moveTo>
                  <a:pt x="168" y="24"/>
                </a:moveTo>
                <a:lnTo>
                  <a:pt x="192" y="45"/>
                </a:lnTo>
                <a:lnTo>
                  <a:pt x="217" y="7"/>
                </a:lnTo>
                <a:lnTo>
                  <a:pt x="252" y="29"/>
                </a:lnTo>
                <a:lnTo>
                  <a:pt x="255" y="51"/>
                </a:lnTo>
                <a:lnTo>
                  <a:pt x="280" y="51"/>
                </a:lnTo>
                <a:lnTo>
                  <a:pt x="298" y="18"/>
                </a:lnTo>
                <a:lnTo>
                  <a:pt x="335" y="15"/>
                </a:lnTo>
                <a:lnTo>
                  <a:pt x="356" y="38"/>
                </a:lnTo>
                <a:lnTo>
                  <a:pt x="365" y="7"/>
                </a:lnTo>
                <a:lnTo>
                  <a:pt x="398" y="0"/>
                </a:lnTo>
                <a:lnTo>
                  <a:pt x="450" y="9"/>
                </a:lnTo>
                <a:lnTo>
                  <a:pt x="454" y="26"/>
                </a:lnTo>
                <a:lnTo>
                  <a:pt x="497" y="38"/>
                </a:lnTo>
                <a:lnTo>
                  <a:pt x="499" y="71"/>
                </a:lnTo>
                <a:lnTo>
                  <a:pt x="488" y="107"/>
                </a:lnTo>
                <a:lnTo>
                  <a:pt x="542" y="138"/>
                </a:lnTo>
                <a:lnTo>
                  <a:pt x="530" y="152"/>
                </a:lnTo>
                <a:lnTo>
                  <a:pt x="506" y="148"/>
                </a:lnTo>
                <a:lnTo>
                  <a:pt x="485" y="139"/>
                </a:lnTo>
                <a:lnTo>
                  <a:pt x="472" y="121"/>
                </a:lnTo>
                <a:lnTo>
                  <a:pt x="434" y="141"/>
                </a:lnTo>
                <a:lnTo>
                  <a:pt x="356" y="125"/>
                </a:lnTo>
                <a:lnTo>
                  <a:pt x="318" y="152"/>
                </a:lnTo>
                <a:lnTo>
                  <a:pt x="302" y="170"/>
                </a:lnTo>
                <a:lnTo>
                  <a:pt x="282" y="186"/>
                </a:lnTo>
                <a:lnTo>
                  <a:pt x="242" y="170"/>
                </a:lnTo>
                <a:lnTo>
                  <a:pt x="230" y="197"/>
                </a:lnTo>
                <a:lnTo>
                  <a:pt x="183" y="199"/>
                </a:lnTo>
                <a:lnTo>
                  <a:pt x="172" y="221"/>
                </a:lnTo>
                <a:lnTo>
                  <a:pt x="185" y="235"/>
                </a:lnTo>
                <a:lnTo>
                  <a:pt x="129" y="248"/>
                </a:lnTo>
                <a:lnTo>
                  <a:pt x="82" y="251"/>
                </a:lnTo>
                <a:lnTo>
                  <a:pt x="49" y="213"/>
                </a:lnTo>
                <a:lnTo>
                  <a:pt x="29" y="208"/>
                </a:lnTo>
                <a:lnTo>
                  <a:pt x="0" y="185"/>
                </a:lnTo>
                <a:lnTo>
                  <a:pt x="6" y="138"/>
                </a:lnTo>
                <a:lnTo>
                  <a:pt x="60" y="121"/>
                </a:lnTo>
                <a:lnTo>
                  <a:pt x="94" y="94"/>
                </a:lnTo>
                <a:lnTo>
                  <a:pt x="132" y="42"/>
                </a:lnTo>
                <a:lnTo>
                  <a:pt x="168" y="24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9" name="Hungary"/>
          <p:cNvSpPr>
            <a:spLocks/>
          </p:cNvSpPr>
          <p:nvPr/>
        </p:nvSpPr>
        <p:spPr bwMode="auto">
          <a:xfrm>
            <a:off x="9782701" y="4437063"/>
            <a:ext cx="955675" cy="587375"/>
          </a:xfrm>
          <a:custGeom>
            <a:avLst/>
            <a:gdLst>
              <a:gd name="T0" fmla="*/ 83 w 602"/>
              <a:gd name="T1" fmla="*/ 94 h 370"/>
              <a:gd name="T2" fmla="*/ 103 w 602"/>
              <a:gd name="T3" fmla="*/ 99 h 370"/>
              <a:gd name="T4" fmla="*/ 136 w 602"/>
              <a:gd name="T5" fmla="*/ 137 h 370"/>
              <a:gd name="T6" fmla="*/ 183 w 602"/>
              <a:gd name="T7" fmla="*/ 134 h 370"/>
              <a:gd name="T8" fmla="*/ 239 w 602"/>
              <a:gd name="T9" fmla="*/ 121 h 370"/>
              <a:gd name="T10" fmla="*/ 226 w 602"/>
              <a:gd name="T11" fmla="*/ 107 h 370"/>
              <a:gd name="T12" fmla="*/ 237 w 602"/>
              <a:gd name="T13" fmla="*/ 85 h 370"/>
              <a:gd name="T14" fmla="*/ 284 w 602"/>
              <a:gd name="T15" fmla="*/ 83 h 370"/>
              <a:gd name="T16" fmla="*/ 296 w 602"/>
              <a:gd name="T17" fmla="*/ 56 h 370"/>
              <a:gd name="T18" fmla="*/ 336 w 602"/>
              <a:gd name="T19" fmla="*/ 72 h 370"/>
              <a:gd name="T20" fmla="*/ 356 w 602"/>
              <a:gd name="T21" fmla="*/ 56 h 370"/>
              <a:gd name="T22" fmla="*/ 372 w 602"/>
              <a:gd name="T23" fmla="*/ 38 h 370"/>
              <a:gd name="T24" fmla="*/ 410 w 602"/>
              <a:gd name="T25" fmla="*/ 11 h 370"/>
              <a:gd name="T26" fmla="*/ 488 w 602"/>
              <a:gd name="T27" fmla="*/ 27 h 370"/>
              <a:gd name="T28" fmla="*/ 526 w 602"/>
              <a:gd name="T29" fmla="*/ 7 h 370"/>
              <a:gd name="T30" fmla="*/ 539 w 602"/>
              <a:gd name="T31" fmla="*/ 25 h 370"/>
              <a:gd name="T32" fmla="*/ 555 w 602"/>
              <a:gd name="T33" fmla="*/ 0 h 370"/>
              <a:gd name="T34" fmla="*/ 577 w 602"/>
              <a:gd name="T35" fmla="*/ 13 h 370"/>
              <a:gd name="T36" fmla="*/ 596 w 602"/>
              <a:gd name="T37" fmla="*/ 24 h 370"/>
              <a:gd name="T38" fmla="*/ 602 w 602"/>
              <a:gd name="T39" fmla="*/ 31 h 370"/>
              <a:gd name="T40" fmla="*/ 596 w 602"/>
              <a:gd name="T41" fmla="*/ 42 h 370"/>
              <a:gd name="T42" fmla="*/ 602 w 602"/>
              <a:gd name="T43" fmla="*/ 60 h 370"/>
              <a:gd name="T44" fmla="*/ 593 w 602"/>
              <a:gd name="T45" fmla="*/ 78 h 370"/>
              <a:gd name="T46" fmla="*/ 557 w 602"/>
              <a:gd name="T47" fmla="*/ 81 h 370"/>
              <a:gd name="T48" fmla="*/ 531 w 602"/>
              <a:gd name="T49" fmla="*/ 110 h 370"/>
              <a:gd name="T50" fmla="*/ 528 w 602"/>
              <a:gd name="T51" fmla="*/ 145 h 370"/>
              <a:gd name="T52" fmla="*/ 504 w 602"/>
              <a:gd name="T53" fmla="*/ 188 h 370"/>
              <a:gd name="T54" fmla="*/ 501 w 602"/>
              <a:gd name="T55" fmla="*/ 226 h 370"/>
              <a:gd name="T56" fmla="*/ 475 w 602"/>
              <a:gd name="T57" fmla="*/ 273 h 370"/>
              <a:gd name="T58" fmla="*/ 439 w 602"/>
              <a:gd name="T59" fmla="*/ 282 h 370"/>
              <a:gd name="T60" fmla="*/ 407 w 602"/>
              <a:gd name="T61" fmla="*/ 304 h 370"/>
              <a:gd name="T62" fmla="*/ 342 w 602"/>
              <a:gd name="T63" fmla="*/ 304 h 370"/>
              <a:gd name="T64" fmla="*/ 302 w 602"/>
              <a:gd name="T65" fmla="*/ 340 h 370"/>
              <a:gd name="T66" fmla="*/ 268 w 602"/>
              <a:gd name="T67" fmla="*/ 347 h 370"/>
              <a:gd name="T68" fmla="*/ 233 w 602"/>
              <a:gd name="T69" fmla="*/ 370 h 370"/>
              <a:gd name="T70" fmla="*/ 172 w 602"/>
              <a:gd name="T71" fmla="*/ 367 h 370"/>
              <a:gd name="T72" fmla="*/ 148 w 602"/>
              <a:gd name="T73" fmla="*/ 354 h 370"/>
              <a:gd name="T74" fmla="*/ 119 w 602"/>
              <a:gd name="T75" fmla="*/ 363 h 370"/>
              <a:gd name="T76" fmla="*/ 0 w 602"/>
              <a:gd name="T77" fmla="*/ 269 h 370"/>
              <a:gd name="T78" fmla="*/ 38 w 602"/>
              <a:gd name="T79" fmla="*/ 226 h 370"/>
              <a:gd name="T80" fmla="*/ 18 w 602"/>
              <a:gd name="T81" fmla="*/ 206 h 370"/>
              <a:gd name="T82" fmla="*/ 31 w 602"/>
              <a:gd name="T83" fmla="*/ 177 h 370"/>
              <a:gd name="T84" fmla="*/ 16 w 602"/>
              <a:gd name="T85" fmla="*/ 152 h 370"/>
              <a:gd name="T86" fmla="*/ 83 w 602"/>
              <a:gd name="T87" fmla="*/ 148 h 370"/>
              <a:gd name="T88" fmla="*/ 83 w 602"/>
              <a:gd name="T89" fmla="*/ 94 h 37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602" h="370">
                <a:moveTo>
                  <a:pt x="83" y="94"/>
                </a:moveTo>
                <a:lnTo>
                  <a:pt x="103" y="99"/>
                </a:lnTo>
                <a:lnTo>
                  <a:pt x="136" y="137"/>
                </a:lnTo>
                <a:lnTo>
                  <a:pt x="183" y="134"/>
                </a:lnTo>
                <a:lnTo>
                  <a:pt x="239" y="121"/>
                </a:lnTo>
                <a:lnTo>
                  <a:pt x="226" y="107"/>
                </a:lnTo>
                <a:lnTo>
                  <a:pt x="237" y="85"/>
                </a:lnTo>
                <a:lnTo>
                  <a:pt x="284" y="83"/>
                </a:lnTo>
                <a:lnTo>
                  <a:pt x="296" y="56"/>
                </a:lnTo>
                <a:lnTo>
                  <a:pt x="336" y="72"/>
                </a:lnTo>
                <a:lnTo>
                  <a:pt x="356" y="56"/>
                </a:lnTo>
                <a:lnTo>
                  <a:pt x="372" y="38"/>
                </a:lnTo>
                <a:lnTo>
                  <a:pt x="410" y="11"/>
                </a:lnTo>
                <a:lnTo>
                  <a:pt x="488" y="27"/>
                </a:lnTo>
                <a:lnTo>
                  <a:pt x="526" y="7"/>
                </a:lnTo>
                <a:lnTo>
                  <a:pt x="539" y="25"/>
                </a:lnTo>
                <a:lnTo>
                  <a:pt x="555" y="0"/>
                </a:lnTo>
                <a:lnTo>
                  <a:pt x="577" y="13"/>
                </a:lnTo>
                <a:lnTo>
                  <a:pt x="596" y="24"/>
                </a:lnTo>
                <a:lnTo>
                  <a:pt x="602" y="31"/>
                </a:lnTo>
                <a:lnTo>
                  <a:pt x="596" y="42"/>
                </a:lnTo>
                <a:lnTo>
                  <a:pt x="602" y="60"/>
                </a:lnTo>
                <a:lnTo>
                  <a:pt x="593" y="78"/>
                </a:lnTo>
                <a:lnTo>
                  <a:pt x="557" y="81"/>
                </a:lnTo>
                <a:lnTo>
                  <a:pt x="531" y="110"/>
                </a:lnTo>
                <a:lnTo>
                  <a:pt x="528" y="145"/>
                </a:lnTo>
                <a:lnTo>
                  <a:pt x="504" y="188"/>
                </a:lnTo>
                <a:lnTo>
                  <a:pt x="501" y="226"/>
                </a:lnTo>
                <a:lnTo>
                  <a:pt x="475" y="273"/>
                </a:lnTo>
                <a:lnTo>
                  <a:pt x="439" y="282"/>
                </a:lnTo>
                <a:lnTo>
                  <a:pt x="407" y="304"/>
                </a:lnTo>
                <a:lnTo>
                  <a:pt x="342" y="304"/>
                </a:lnTo>
                <a:lnTo>
                  <a:pt x="302" y="340"/>
                </a:lnTo>
                <a:lnTo>
                  <a:pt x="268" y="347"/>
                </a:lnTo>
                <a:lnTo>
                  <a:pt x="233" y="370"/>
                </a:lnTo>
                <a:lnTo>
                  <a:pt x="172" y="367"/>
                </a:lnTo>
                <a:lnTo>
                  <a:pt x="148" y="354"/>
                </a:lnTo>
                <a:lnTo>
                  <a:pt x="119" y="363"/>
                </a:lnTo>
                <a:lnTo>
                  <a:pt x="0" y="269"/>
                </a:lnTo>
                <a:lnTo>
                  <a:pt x="38" y="226"/>
                </a:lnTo>
                <a:lnTo>
                  <a:pt x="18" y="206"/>
                </a:lnTo>
                <a:lnTo>
                  <a:pt x="31" y="177"/>
                </a:lnTo>
                <a:lnTo>
                  <a:pt x="16" y="152"/>
                </a:lnTo>
                <a:lnTo>
                  <a:pt x="83" y="148"/>
                </a:lnTo>
                <a:lnTo>
                  <a:pt x="83" y="94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0" name="Belarus"/>
          <p:cNvSpPr>
            <a:spLocks/>
          </p:cNvSpPr>
          <p:nvPr/>
        </p:nvSpPr>
        <p:spPr bwMode="auto">
          <a:xfrm>
            <a:off x="10609788" y="2808288"/>
            <a:ext cx="1169988" cy="984250"/>
          </a:xfrm>
          <a:custGeom>
            <a:avLst/>
            <a:gdLst>
              <a:gd name="T0" fmla="*/ 379 w 408"/>
              <a:gd name="T1" fmla="*/ 226 h 343"/>
              <a:gd name="T2" fmla="*/ 361 w 408"/>
              <a:gd name="T3" fmla="*/ 230 h 343"/>
              <a:gd name="T4" fmla="*/ 352 w 408"/>
              <a:gd name="T5" fmla="*/ 274 h 343"/>
              <a:gd name="T6" fmla="*/ 362 w 408"/>
              <a:gd name="T7" fmla="*/ 296 h 343"/>
              <a:gd name="T8" fmla="*/ 342 w 408"/>
              <a:gd name="T9" fmla="*/ 282 h 343"/>
              <a:gd name="T10" fmla="*/ 324 w 408"/>
              <a:gd name="T11" fmla="*/ 291 h 343"/>
              <a:gd name="T12" fmla="*/ 287 w 408"/>
              <a:gd name="T13" fmla="*/ 288 h 343"/>
              <a:gd name="T14" fmla="*/ 265 w 408"/>
              <a:gd name="T15" fmla="*/ 294 h 343"/>
              <a:gd name="T16" fmla="*/ 208 w 408"/>
              <a:gd name="T17" fmla="*/ 309 h 343"/>
              <a:gd name="T18" fmla="*/ 151 w 408"/>
              <a:gd name="T19" fmla="*/ 303 h 343"/>
              <a:gd name="T20" fmla="*/ 119 w 408"/>
              <a:gd name="T21" fmla="*/ 304 h 343"/>
              <a:gd name="T22" fmla="*/ 82 w 408"/>
              <a:gd name="T23" fmla="*/ 315 h 343"/>
              <a:gd name="T24" fmla="*/ 55 w 408"/>
              <a:gd name="T25" fmla="*/ 338 h 343"/>
              <a:gd name="T26" fmla="*/ 33 w 408"/>
              <a:gd name="T27" fmla="*/ 318 h 343"/>
              <a:gd name="T28" fmla="*/ 6 w 408"/>
              <a:gd name="T29" fmla="*/ 312 h 343"/>
              <a:gd name="T30" fmla="*/ 12 w 408"/>
              <a:gd name="T31" fmla="*/ 260 h 343"/>
              <a:gd name="T32" fmla="*/ 1 w 408"/>
              <a:gd name="T33" fmla="*/ 209 h 343"/>
              <a:gd name="T34" fmla="*/ 24 w 408"/>
              <a:gd name="T35" fmla="*/ 186 h 343"/>
              <a:gd name="T36" fmla="*/ 54 w 408"/>
              <a:gd name="T37" fmla="*/ 174 h 343"/>
              <a:gd name="T38" fmla="*/ 71 w 408"/>
              <a:gd name="T39" fmla="*/ 157 h 343"/>
              <a:gd name="T40" fmla="*/ 92 w 408"/>
              <a:gd name="T41" fmla="*/ 164 h 343"/>
              <a:gd name="T42" fmla="*/ 86 w 408"/>
              <a:gd name="T43" fmla="*/ 107 h 343"/>
              <a:gd name="T44" fmla="*/ 96 w 408"/>
              <a:gd name="T45" fmla="*/ 89 h 343"/>
              <a:gd name="T46" fmla="*/ 115 w 408"/>
              <a:gd name="T47" fmla="*/ 74 h 343"/>
              <a:gd name="T48" fmla="*/ 103 w 408"/>
              <a:gd name="T49" fmla="*/ 52 h 343"/>
              <a:gd name="T50" fmla="*/ 127 w 408"/>
              <a:gd name="T51" fmla="*/ 40 h 343"/>
              <a:gd name="T52" fmla="*/ 143 w 408"/>
              <a:gd name="T53" fmla="*/ 19 h 343"/>
              <a:gd name="T54" fmla="*/ 177 w 408"/>
              <a:gd name="T55" fmla="*/ 0 h 343"/>
              <a:gd name="T56" fmla="*/ 218 w 408"/>
              <a:gd name="T57" fmla="*/ 24 h 343"/>
              <a:gd name="T58" fmla="*/ 282 w 408"/>
              <a:gd name="T59" fmla="*/ 13 h 343"/>
              <a:gd name="T60" fmla="*/ 290 w 408"/>
              <a:gd name="T61" fmla="*/ 61 h 343"/>
              <a:gd name="T62" fmla="*/ 314 w 408"/>
              <a:gd name="T63" fmla="*/ 76 h 343"/>
              <a:gd name="T64" fmla="*/ 358 w 408"/>
              <a:gd name="T65" fmla="*/ 97 h 343"/>
              <a:gd name="T66" fmla="*/ 387 w 408"/>
              <a:gd name="T67" fmla="*/ 109 h 343"/>
              <a:gd name="T68" fmla="*/ 401 w 408"/>
              <a:gd name="T69" fmla="*/ 161 h 343"/>
              <a:gd name="T70" fmla="*/ 353 w 408"/>
              <a:gd name="T71" fmla="*/ 169 h 343"/>
              <a:gd name="T72" fmla="*/ 375 w 408"/>
              <a:gd name="T73" fmla="*/ 200 h 343"/>
              <a:gd name="T74" fmla="*/ 393 w 408"/>
              <a:gd name="T75" fmla="*/ 226 h 3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408" h="343">
                <a:moveTo>
                  <a:pt x="393" y="226"/>
                </a:moveTo>
                <a:cubicBezTo>
                  <a:pt x="379" y="226"/>
                  <a:pt x="379" y="226"/>
                  <a:pt x="379" y="226"/>
                </a:cubicBezTo>
                <a:cubicBezTo>
                  <a:pt x="374" y="234"/>
                  <a:pt x="374" y="234"/>
                  <a:pt x="374" y="234"/>
                </a:cubicBezTo>
                <a:cubicBezTo>
                  <a:pt x="361" y="230"/>
                  <a:pt x="361" y="230"/>
                  <a:pt x="361" y="230"/>
                </a:cubicBezTo>
                <a:cubicBezTo>
                  <a:pt x="356" y="250"/>
                  <a:pt x="356" y="250"/>
                  <a:pt x="356" y="250"/>
                </a:cubicBezTo>
                <a:cubicBezTo>
                  <a:pt x="352" y="274"/>
                  <a:pt x="352" y="274"/>
                  <a:pt x="352" y="274"/>
                </a:cubicBezTo>
                <a:cubicBezTo>
                  <a:pt x="365" y="287"/>
                  <a:pt x="365" y="287"/>
                  <a:pt x="365" y="287"/>
                </a:cubicBezTo>
                <a:cubicBezTo>
                  <a:pt x="362" y="296"/>
                  <a:pt x="362" y="296"/>
                  <a:pt x="362" y="296"/>
                </a:cubicBezTo>
                <a:cubicBezTo>
                  <a:pt x="352" y="296"/>
                  <a:pt x="352" y="296"/>
                  <a:pt x="352" y="296"/>
                </a:cubicBezTo>
                <a:cubicBezTo>
                  <a:pt x="342" y="282"/>
                  <a:pt x="342" y="282"/>
                  <a:pt x="342" y="282"/>
                </a:cubicBezTo>
                <a:cubicBezTo>
                  <a:pt x="328" y="281"/>
                  <a:pt x="328" y="281"/>
                  <a:pt x="328" y="281"/>
                </a:cubicBezTo>
                <a:cubicBezTo>
                  <a:pt x="324" y="291"/>
                  <a:pt x="324" y="291"/>
                  <a:pt x="324" y="291"/>
                </a:cubicBezTo>
                <a:cubicBezTo>
                  <a:pt x="305" y="300"/>
                  <a:pt x="305" y="300"/>
                  <a:pt x="305" y="300"/>
                </a:cubicBezTo>
                <a:cubicBezTo>
                  <a:pt x="287" y="288"/>
                  <a:pt x="287" y="288"/>
                  <a:pt x="287" y="288"/>
                </a:cubicBezTo>
                <a:cubicBezTo>
                  <a:pt x="278" y="303"/>
                  <a:pt x="278" y="303"/>
                  <a:pt x="278" y="303"/>
                </a:cubicBezTo>
                <a:cubicBezTo>
                  <a:pt x="265" y="294"/>
                  <a:pt x="265" y="294"/>
                  <a:pt x="265" y="294"/>
                </a:cubicBezTo>
                <a:cubicBezTo>
                  <a:pt x="250" y="303"/>
                  <a:pt x="250" y="303"/>
                  <a:pt x="250" y="303"/>
                </a:cubicBezTo>
                <a:cubicBezTo>
                  <a:pt x="208" y="309"/>
                  <a:pt x="208" y="309"/>
                  <a:pt x="208" y="309"/>
                </a:cubicBezTo>
                <a:cubicBezTo>
                  <a:pt x="208" y="309"/>
                  <a:pt x="204" y="296"/>
                  <a:pt x="195" y="296"/>
                </a:cubicBezTo>
                <a:cubicBezTo>
                  <a:pt x="187" y="297"/>
                  <a:pt x="151" y="303"/>
                  <a:pt x="151" y="303"/>
                </a:cubicBezTo>
                <a:cubicBezTo>
                  <a:pt x="144" y="292"/>
                  <a:pt x="144" y="292"/>
                  <a:pt x="144" y="292"/>
                </a:cubicBezTo>
                <a:cubicBezTo>
                  <a:pt x="119" y="304"/>
                  <a:pt x="119" y="304"/>
                  <a:pt x="119" y="304"/>
                </a:cubicBezTo>
                <a:cubicBezTo>
                  <a:pt x="95" y="303"/>
                  <a:pt x="95" y="303"/>
                  <a:pt x="95" y="303"/>
                </a:cubicBezTo>
                <a:cubicBezTo>
                  <a:pt x="82" y="315"/>
                  <a:pt x="82" y="315"/>
                  <a:pt x="82" y="315"/>
                </a:cubicBezTo>
                <a:cubicBezTo>
                  <a:pt x="70" y="315"/>
                  <a:pt x="70" y="315"/>
                  <a:pt x="70" y="315"/>
                </a:cubicBezTo>
                <a:cubicBezTo>
                  <a:pt x="55" y="338"/>
                  <a:pt x="55" y="338"/>
                  <a:pt x="55" y="338"/>
                </a:cubicBezTo>
                <a:cubicBezTo>
                  <a:pt x="28" y="343"/>
                  <a:pt x="28" y="343"/>
                  <a:pt x="28" y="343"/>
                </a:cubicBezTo>
                <a:cubicBezTo>
                  <a:pt x="33" y="318"/>
                  <a:pt x="33" y="318"/>
                  <a:pt x="33" y="318"/>
                </a:cubicBezTo>
                <a:cubicBezTo>
                  <a:pt x="19" y="307"/>
                  <a:pt x="19" y="307"/>
                  <a:pt x="19" y="307"/>
                </a:cubicBezTo>
                <a:cubicBezTo>
                  <a:pt x="6" y="312"/>
                  <a:pt x="6" y="312"/>
                  <a:pt x="6" y="312"/>
                </a:cubicBezTo>
                <a:cubicBezTo>
                  <a:pt x="1" y="303"/>
                  <a:pt x="1" y="303"/>
                  <a:pt x="1" y="303"/>
                </a:cubicBezTo>
                <a:cubicBezTo>
                  <a:pt x="12" y="260"/>
                  <a:pt x="12" y="260"/>
                  <a:pt x="12" y="260"/>
                </a:cubicBezTo>
                <a:cubicBezTo>
                  <a:pt x="18" y="238"/>
                  <a:pt x="18" y="238"/>
                  <a:pt x="18" y="238"/>
                </a:cubicBezTo>
                <a:cubicBezTo>
                  <a:pt x="1" y="209"/>
                  <a:pt x="1" y="209"/>
                  <a:pt x="1" y="209"/>
                </a:cubicBezTo>
                <a:cubicBezTo>
                  <a:pt x="0" y="200"/>
                  <a:pt x="0" y="200"/>
                  <a:pt x="0" y="200"/>
                </a:cubicBezTo>
                <a:cubicBezTo>
                  <a:pt x="24" y="186"/>
                  <a:pt x="24" y="186"/>
                  <a:pt x="24" y="186"/>
                </a:cubicBezTo>
                <a:cubicBezTo>
                  <a:pt x="38" y="194"/>
                  <a:pt x="38" y="194"/>
                  <a:pt x="38" y="194"/>
                </a:cubicBezTo>
                <a:cubicBezTo>
                  <a:pt x="54" y="174"/>
                  <a:pt x="54" y="174"/>
                  <a:pt x="54" y="174"/>
                </a:cubicBezTo>
                <a:cubicBezTo>
                  <a:pt x="71" y="164"/>
                  <a:pt x="71" y="164"/>
                  <a:pt x="71" y="164"/>
                </a:cubicBezTo>
                <a:cubicBezTo>
                  <a:pt x="71" y="157"/>
                  <a:pt x="71" y="157"/>
                  <a:pt x="71" y="157"/>
                </a:cubicBezTo>
                <a:cubicBezTo>
                  <a:pt x="83" y="157"/>
                  <a:pt x="83" y="157"/>
                  <a:pt x="83" y="157"/>
                </a:cubicBezTo>
                <a:cubicBezTo>
                  <a:pt x="92" y="164"/>
                  <a:pt x="92" y="164"/>
                  <a:pt x="92" y="164"/>
                </a:cubicBezTo>
                <a:cubicBezTo>
                  <a:pt x="76" y="119"/>
                  <a:pt x="76" y="119"/>
                  <a:pt x="76" y="119"/>
                </a:cubicBezTo>
                <a:cubicBezTo>
                  <a:pt x="86" y="107"/>
                  <a:pt x="86" y="107"/>
                  <a:pt x="86" y="107"/>
                </a:cubicBezTo>
                <a:cubicBezTo>
                  <a:pt x="96" y="107"/>
                  <a:pt x="96" y="107"/>
                  <a:pt x="96" y="107"/>
                </a:cubicBezTo>
                <a:cubicBezTo>
                  <a:pt x="96" y="89"/>
                  <a:pt x="96" y="89"/>
                  <a:pt x="96" y="89"/>
                </a:cubicBezTo>
                <a:cubicBezTo>
                  <a:pt x="119" y="89"/>
                  <a:pt x="119" y="89"/>
                  <a:pt x="119" y="89"/>
                </a:cubicBezTo>
                <a:cubicBezTo>
                  <a:pt x="115" y="74"/>
                  <a:pt x="115" y="74"/>
                  <a:pt x="115" y="74"/>
                </a:cubicBezTo>
                <a:cubicBezTo>
                  <a:pt x="103" y="68"/>
                  <a:pt x="103" y="68"/>
                  <a:pt x="103" y="68"/>
                </a:cubicBezTo>
                <a:cubicBezTo>
                  <a:pt x="103" y="52"/>
                  <a:pt x="103" y="52"/>
                  <a:pt x="103" y="52"/>
                </a:cubicBezTo>
                <a:cubicBezTo>
                  <a:pt x="113" y="45"/>
                  <a:pt x="113" y="45"/>
                  <a:pt x="113" y="45"/>
                </a:cubicBezTo>
                <a:cubicBezTo>
                  <a:pt x="127" y="40"/>
                  <a:pt x="127" y="40"/>
                  <a:pt x="127" y="40"/>
                </a:cubicBezTo>
                <a:cubicBezTo>
                  <a:pt x="139" y="40"/>
                  <a:pt x="139" y="40"/>
                  <a:pt x="139" y="4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9" y="3"/>
                  <a:pt x="159" y="3"/>
                  <a:pt x="159" y="3"/>
                </a:cubicBezTo>
                <a:cubicBezTo>
                  <a:pt x="177" y="0"/>
                  <a:pt x="177" y="0"/>
                  <a:pt x="177" y="0"/>
                </a:cubicBezTo>
                <a:cubicBezTo>
                  <a:pt x="209" y="0"/>
                  <a:pt x="209" y="0"/>
                  <a:pt x="209" y="0"/>
                </a:cubicBezTo>
                <a:cubicBezTo>
                  <a:pt x="218" y="24"/>
                  <a:pt x="218" y="24"/>
                  <a:pt x="218" y="24"/>
                </a:cubicBezTo>
                <a:cubicBezTo>
                  <a:pt x="245" y="0"/>
                  <a:pt x="245" y="0"/>
                  <a:pt x="245" y="0"/>
                </a:cubicBezTo>
                <a:cubicBezTo>
                  <a:pt x="282" y="13"/>
                  <a:pt x="282" y="13"/>
                  <a:pt x="282" y="13"/>
                </a:cubicBezTo>
                <a:cubicBezTo>
                  <a:pt x="290" y="39"/>
                  <a:pt x="290" y="39"/>
                  <a:pt x="290" y="39"/>
                </a:cubicBezTo>
                <a:cubicBezTo>
                  <a:pt x="290" y="61"/>
                  <a:pt x="290" y="61"/>
                  <a:pt x="290" y="61"/>
                </a:cubicBezTo>
                <a:cubicBezTo>
                  <a:pt x="307" y="63"/>
                  <a:pt x="307" y="63"/>
                  <a:pt x="307" y="63"/>
                </a:cubicBezTo>
                <a:cubicBezTo>
                  <a:pt x="314" y="76"/>
                  <a:pt x="314" y="76"/>
                  <a:pt x="314" y="76"/>
                </a:cubicBezTo>
                <a:cubicBezTo>
                  <a:pt x="334" y="92"/>
                  <a:pt x="334" y="92"/>
                  <a:pt x="334" y="92"/>
                </a:cubicBezTo>
                <a:cubicBezTo>
                  <a:pt x="358" y="97"/>
                  <a:pt x="358" y="97"/>
                  <a:pt x="358" y="97"/>
                </a:cubicBezTo>
                <a:cubicBezTo>
                  <a:pt x="359" y="113"/>
                  <a:pt x="359" y="113"/>
                  <a:pt x="359" y="113"/>
                </a:cubicBezTo>
                <a:cubicBezTo>
                  <a:pt x="387" y="109"/>
                  <a:pt x="387" y="109"/>
                  <a:pt x="387" y="109"/>
                </a:cubicBezTo>
                <a:cubicBezTo>
                  <a:pt x="408" y="130"/>
                  <a:pt x="408" y="130"/>
                  <a:pt x="408" y="130"/>
                </a:cubicBezTo>
                <a:cubicBezTo>
                  <a:pt x="401" y="161"/>
                  <a:pt x="401" y="161"/>
                  <a:pt x="401" y="161"/>
                </a:cubicBezTo>
                <a:cubicBezTo>
                  <a:pt x="358" y="159"/>
                  <a:pt x="358" y="159"/>
                  <a:pt x="358" y="159"/>
                </a:cubicBezTo>
                <a:cubicBezTo>
                  <a:pt x="353" y="169"/>
                  <a:pt x="353" y="169"/>
                  <a:pt x="353" y="169"/>
                </a:cubicBezTo>
                <a:cubicBezTo>
                  <a:pt x="372" y="180"/>
                  <a:pt x="372" y="180"/>
                  <a:pt x="372" y="180"/>
                </a:cubicBezTo>
                <a:cubicBezTo>
                  <a:pt x="375" y="200"/>
                  <a:pt x="375" y="200"/>
                  <a:pt x="375" y="200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1" name="Poland"/>
          <p:cNvSpPr>
            <a:spLocks/>
          </p:cNvSpPr>
          <p:nvPr/>
        </p:nvSpPr>
        <p:spPr bwMode="auto">
          <a:xfrm>
            <a:off x="9419163" y="3278188"/>
            <a:ext cx="1408113" cy="1058863"/>
          </a:xfrm>
          <a:custGeom>
            <a:avLst/>
            <a:gdLst>
              <a:gd name="T0" fmla="*/ 1 w 491"/>
              <a:gd name="T1" fmla="*/ 76 h 369"/>
              <a:gd name="T2" fmla="*/ 39 w 491"/>
              <a:gd name="T3" fmla="*/ 62 h 369"/>
              <a:gd name="T4" fmla="*/ 48 w 491"/>
              <a:gd name="T5" fmla="*/ 59 h 369"/>
              <a:gd name="T6" fmla="*/ 97 w 491"/>
              <a:gd name="T7" fmla="*/ 31 h 369"/>
              <a:gd name="T8" fmla="*/ 111 w 491"/>
              <a:gd name="T9" fmla="*/ 27 h 369"/>
              <a:gd name="T10" fmla="*/ 180 w 491"/>
              <a:gd name="T11" fmla="*/ 0 h 369"/>
              <a:gd name="T12" fmla="*/ 185 w 491"/>
              <a:gd name="T13" fmla="*/ 24 h 369"/>
              <a:gd name="T14" fmla="*/ 234 w 491"/>
              <a:gd name="T15" fmla="*/ 16 h 369"/>
              <a:gd name="T16" fmla="*/ 355 w 491"/>
              <a:gd name="T17" fmla="*/ 16 h 369"/>
              <a:gd name="T18" fmla="*/ 396 w 491"/>
              <a:gd name="T19" fmla="*/ 16 h 369"/>
              <a:gd name="T20" fmla="*/ 416 w 491"/>
              <a:gd name="T21" fmla="*/ 45 h 369"/>
              <a:gd name="T22" fmla="*/ 427 w 491"/>
              <a:gd name="T23" fmla="*/ 96 h 369"/>
              <a:gd name="T24" fmla="*/ 416 w 491"/>
              <a:gd name="T25" fmla="*/ 139 h 369"/>
              <a:gd name="T26" fmla="*/ 434 w 491"/>
              <a:gd name="T27" fmla="*/ 143 h 369"/>
              <a:gd name="T28" fmla="*/ 443 w 491"/>
              <a:gd name="T29" fmla="*/ 179 h 369"/>
              <a:gd name="T30" fmla="*/ 456 w 491"/>
              <a:gd name="T31" fmla="*/ 209 h 369"/>
              <a:gd name="T32" fmla="*/ 477 w 491"/>
              <a:gd name="T33" fmla="*/ 233 h 369"/>
              <a:gd name="T34" fmla="*/ 489 w 491"/>
              <a:gd name="T35" fmla="*/ 254 h 369"/>
              <a:gd name="T36" fmla="*/ 438 w 491"/>
              <a:gd name="T37" fmla="*/ 317 h 369"/>
              <a:gd name="T38" fmla="*/ 445 w 491"/>
              <a:gd name="T39" fmla="*/ 351 h 369"/>
              <a:gd name="T40" fmla="*/ 432 w 491"/>
              <a:gd name="T41" fmla="*/ 362 h 369"/>
              <a:gd name="T42" fmla="*/ 406 w 491"/>
              <a:gd name="T43" fmla="*/ 346 h 369"/>
              <a:gd name="T44" fmla="*/ 359 w 491"/>
              <a:gd name="T45" fmla="*/ 345 h 369"/>
              <a:gd name="T46" fmla="*/ 342 w 491"/>
              <a:gd name="T47" fmla="*/ 349 h 369"/>
              <a:gd name="T48" fmla="*/ 312 w 491"/>
              <a:gd name="T49" fmla="*/ 369 h 369"/>
              <a:gd name="T50" fmla="*/ 296 w 491"/>
              <a:gd name="T51" fmla="*/ 357 h 369"/>
              <a:gd name="T52" fmla="*/ 263 w 491"/>
              <a:gd name="T53" fmla="*/ 366 h 369"/>
              <a:gd name="T54" fmla="*/ 249 w 491"/>
              <a:gd name="T55" fmla="*/ 343 h 369"/>
              <a:gd name="T56" fmla="*/ 234 w 491"/>
              <a:gd name="T57" fmla="*/ 328 h 369"/>
              <a:gd name="T58" fmla="*/ 190 w 491"/>
              <a:gd name="T59" fmla="*/ 322 h 369"/>
              <a:gd name="T60" fmla="*/ 191 w 491"/>
              <a:gd name="T61" fmla="*/ 307 h 369"/>
              <a:gd name="T62" fmla="*/ 145 w 491"/>
              <a:gd name="T63" fmla="*/ 301 h 369"/>
              <a:gd name="T64" fmla="*/ 146 w 491"/>
              <a:gd name="T65" fmla="*/ 320 h 369"/>
              <a:gd name="T66" fmla="*/ 135 w 491"/>
              <a:gd name="T67" fmla="*/ 325 h 369"/>
              <a:gd name="T68" fmla="*/ 112 w 491"/>
              <a:gd name="T69" fmla="*/ 303 h 369"/>
              <a:gd name="T70" fmla="*/ 104 w 491"/>
              <a:gd name="T71" fmla="*/ 291 h 369"/>
              <a:gd name="T72" fmla="*/ 55 w 491"/>
              <a:gd name="T73" fmla="*/ 271 h 369"/>
              <a:gd name="T74" fmla="*/ 34 w 491"/>
              <a:gd name="T75" fmla="*/ 233 h 369"/>
              <a:gd name="T76" fmla="*/ 32 w 491"/>
              <a:gd name="T77" fmla="*/ 202 h 369"/>
              <a:gd name="T78" fmla="*/ 21 w 491"/>
              <a:gd name="T79" fmla="*/ 162 h 369"/>
              <a:gd name="T80" fmla="*/ 17 w 491"/>
              <a:gd name="T81" fmla="*/ 125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91" h="369">
                <a:moveTo>
                  <a:pt x="1" y="92"/>
                </a:moveTo>
                <a:cubicBezTo>
                  <a:pt x="1" y="76"/>
                  <a:pt x="1" y="76"/>
                  <a:pt x="1" y="76"/>
                </a:cubicBezTo>
                <a:cubicBezTo>
                  <a:pt x="10" y="76"/>
                  <a:pt x="10" y="76"/>
                  <a:pt x="10" y="76"/>
                </a:cubicBezTo>
                <a:cubicBezTo>
                  <a:pt x="39" y="62"/>
                  <a:pt x="39" y="62"/>
                  <a:pt x="39" y="62"/>
                </a:cubicBezTo>
                <a:cubicBezTo>
                  <a:pt x="44" y="66"/>
                  <a:pt x="44" y="66"/>
                  <a:pt x="44" y="66"/>
                </a:cubicBezTo>
                <a:cubicBezTo>
                  <a:pt x="48" y="59"/>
                  <a:pt x="48" y="59"/>
                  <a:pt x="48" y="59"/>
                </a:cubicBezTo>
                <a:cubicBezTo>
                  <a:pt x="86" y="49"/>
                  <a:pt x="86" y="49"/>
                  <a:pt x="86" y="49"/>
                </a:cubicBezTo>
                <a:cubicBezTo>
                  <a:pt x="97" y="31"/>
                  <a:pt x="97" y="31"/>
                  <a:pt x="97" y="31"/>
                </a:cubicBezTo>
                <a:cubicBezTo>
                  <a:pt x="106" y="22"/>
                  <a:pt x="106" y="22"/>
                  <a:pt x="106" y="22"/>
                </a:cubicBezTo>
                <a:cubicBezTo>
                  <a:pt x="111" y="27"/>
                  <a:pt x="111" y="27"/>
                  <a:pt x="111" y="27"/>
                </a:cubicBezTo>
                <a:cubicBezTo>
                  <a:pt x="155" y="0"/>
                  <a:pt x="155" y="0"/>
                  <a:pt x="155" y="0"/>
                </a:cubicBezTo>
                <a:cubicBezTo>
                  <a:pt x="180" y="0"/>
                  <a:pt x="180" y="0"/>
                  <a:pt x="180" y="0"/>
                </a:cubicBezTo>
                <a:cubicBezTo>
                  <a:pt x="185" y="12"/>
                  <a:pt x="185" y="12"/>
                  <a:pt x="185" y="12"/>
                </a:cubicBezTo>
                <a:cubicBezTo>
                  <a:pt x="185" y="24"/>
                  <a:pt x="185" y="24"/>
                  <a:pt x="185" y="24"/>
                </a:cubicBezTo>
                <a:cubicBezTo>
                  <a:pt x="206" y="33"/>
                  <a:pt x="206" y="33"/>
                  <a:pt x="206" y="33"/>
                </a:cubicBezTo>
                <a:cubicBezTo>
                  <a:pt x="234" y="16"/>
                  <a:pt x="234" y="16"/>
                  <a:pt x="234" y="16"/>
                </a:cubicBezTo>
                <a:cubicBezTo>
                  <a:pt x="300" y="19"/>
                  <a:pt x="300" y="19"/>
                  <a:pt x="300" y="19"/>
                </a:cubicBezTo>
                <a:cubicBezTo>
                  <a:pt x="355" y="16"/>
                  <a:pt x="355" y="16"/>
                  <a:pt x="355" y="16"/>
                </a:cubicBezTo>
                <a:cubicBezTo>
                  <a:pt x="374" y="4"/>
                  <a:pt x="374" y="4"/>
                  <a:pt x="374" y="4"/>
                </a:cubicBezTo>
                <a:cubicBezTo>
                  <a:pt x="396" y="16"/>
                  <a:pt x="396" y="16"/>
                  <a:pt x="396" y="16"/>
                </a:cubicBezTo>
                <a:cubicBezTo>
                  <a:pt x="413" y="21"/>
                  <a:pt x="413" y="21"/>
                  <a:pt x="413" y="21"/>
                </a:cubicBezTo>
                <a:cubicBezTo>
                  <a:pt x="416" y="45"/>
                  <a:pt x="416" y="45"/>
                  <a:pt x="416" y="45"/>
                </a:cubicBezTo>
                <a:cubicBezTo>
                  <a:pt x="437" y="81"/>
                  <a:pt x="437" y="81"/>
                  <a:pt x="437" y="81"/>
                </a:cubicBezTo>
                <a:cubicBezTo>
                  <a:pt x="427" y="96"/>
                  <a:pt x="427" y="96"/>
                  <a:pt x="427" y="96"/>
                </a:cubicBezTo>
                <a:cubicBezTo>
                  <a:pt x="427" y="97"/>
                  <a:pt x="427" y="97"/>
                  <a:pt x="427" y="97"/>
                </a:cubicBezTo>
                <a:cubicBezTo>
                  <a:pt x="416" y="139"/>
                  <a:pt x="416" y="139"/>
                  <a:pt x="416" y="139"/>
                </a:cubicBezTo>
                <a:cubicBezTo>
                  <a:pt x="421" y="148"/>
                  <a:pt x="421" y="148"/>
                  <a:pt x="421" y="148"/>
                </a:cubicBezTo>
                <a:cubicBezTo>
                  <a:pt x="434" y="143"/>
                  <a:pt x="434" y="143"/>
                  <a:pt x="434" y="143"/>
                </a:cubicBezTo>
                <a:cubicBezTo>
                  <a:pt x="448" y="154"/>
                  <a:pt x="448" y="154"/>
                  <a:pt x="448" y="154"/>
                </a:cubicBezTo>
                <a:cubicBezTo>
                  <a:pt x="443" y="179"/>
                  <a:pt x="443" y="179"/>
                  <a:pt x="443" y="179"/>
                </a:cubicBezTo>
                <a:cubicBezTo>
                  <a:pt x="456" y="195"/>
                  <a:pt x="456" y="195"/>
                  <a:pt x="456" y="195"/>
                </a:cubicBezTo>
                <a:cubicBezTo>
                  <a:pt x="456" y="209"/>
                  <a:pt x="456" y="209"/>
                  <a:pt x="456" y="209"/>
                </a:cubicBezTo>
                <a:cubicBezTo>
                  <a:pt x="486" y="223"/>
                  <a:pt x="486" y="223"/>
                  <a:pt x="486" y="223"/>
                </a:cubicBezTo>
                <a:cubicBezTo>
                  <a:pt x="477" y="233"/>
                  <a:pt x="477" y="233"/>
                  <a:pt x="477" y="233"/>
                </a:cubicBezTo>
                <a:cubicBezTo>
                  <a:pt x="491" y="247"/>
                  <a:pt x="491" y="247"/>
                  <a:pt x="491" y="247"/>
                </a:cubicBezTo>
                <a:cubicBezTo>
                  <a:pt x="489" y="254"/>
                  <a:pt x="489" y="254"/>
                  <a:pt x="489" y="254"/>
                </a:cubicBezTo>
                <a:cubicBezTo>
                  <a:pt x="474" y="264"/>
                  <a:pt x="474" y="264"/>
                  <a:pt x="474" y="264"/>
                </a:cubicBezTo>
                <a:cubicBezTo>
                  <a:pt x="438" y="317"/>
                  <a:pt x="438" y="317"/>
                  <a:pt x="438" y="317"/>
                </a:cubicBezTo>
                <a:cubicBezTo>
                  <a:pt x="434" y="332"/>
                  <a:pt x="434" y="332"/>
                  <a:pt x="434" y="332"/>
                </a:cubicBezTo>
                <a:cubicBezTo>
                  <a:pt x="445" y="351"/>
                  <a:pt x="445" y="351"/>
                  <a:pt x="445" y="351"/>
                </a:cubicBezTo>
                <a:cubicBezTo>
                  <a:pt x="451" y="357"/>
                  <a:pt x="451" y="357"/>
                  <a:pt x="451" y="357"/>
                </a:cubicBezTo>
                <a:cubicBezTo>
                  <a:pt x="432" y="362"/>
                  <a:pt x="432" y="362"/>
                  <a:pt x="432" y="362"/>
                </a:cubicBezTo>
                <a:cubicBezTo>
                  <a:pt x="408" y="355"/>
                  <a:pt x="408" y="355"/>
                  <a:pt x="408" y="355"/>
                </a:cubicBezTo>
                <a:cubicBezTo>
                  <a:pt x="406" y="346"/>
                  <a:pt x="406" y="346"/>
                  <a:pt x="406" y="346"/>
                </a:cubicBezTo>
                <a:cubicBezTo>
                  <a:pt x="377" y="341"/>
                  <a:pt x="377" y="341"/>
                  <a:pt x="377" y="341"/>
                </a:cubicBezTo>
                <a:cubicBezTo>
                  <a:pt x="359" y="345"/>
                  <a:pt x="359" y="345"/>
                  <a:pt x="359" y="345"/>
                </a:cubicBezTo>
                <a:cubicBezTo>
                  <a:pt x="354" y="362"/>
                  <a:pt x="354" y="362"/>
                  <a:pt x="354" y="362"/>
                </a:cubicBezTo>
                <a:cubicBezTo>
                  <a:pt x="342" y="349"/>
                  <a:pt x="342" y="349"/>
                  <a:pt x="342" y="349"/>
                </a:cubicBezTo>
                <a:cubicBezTo>
                  <a:pt x="322" y="351"/>
                  <a:pt x="322" y="351"/>
                  <a:pt x="322" y="351"/>
                </a:cubicBezTo>
                <a:cubicBezTo>
                  <a:pt x="312" y="369"/>
                  <a:pt x="312" y="369"/>
                  <a:pt x="312" y="369"/>
                </a:cubicBezTo>
                <a:cubicBezTo>
                  <a:pt x="298" y="369"/>
                  <a:pt x="298" y="369"/>
                  <a:pt x="298" y="369"/>
                </a:cubicBezTo>
                <a:cubicBezTo>
                  <a:pt x="296" y="357"/>
                  <a:pt x="296" y="357"/>
                  <a:pt x="296" y="357"/>
                </a:cubicBezTo>
                <a:cubicBezTo>
                  <a:pt x="277" y="345"/>
                  <a:pt x="277" y="345"/>
                  <a:pt x="277" y="345"/>
                </a:cubicBezTo>
                <a:cubicBezTo>
                  <a:pt x="263" y="366"/>
                  <a:pt x="263" y="366"/>
                  <a:pt x="263" y="366"/>
                </a:cubicBezTo>
                <a:cubicBezTo>
                  <a:pt x="250" y="354"/>
                  <a:pt x="250" y="354"/>
                  <a:pt x="250" y="354"/>
                </a:cubicBezTo>
                <a:cubicBezTo>
                  <a:pt x="249" y="343"/>
                  <a:pt x="249" y="343"/>
                  <a:pt x="249" y="343"/>
                </a:cubicBezTo>
                <a:cubicBezTo>
                  <a:pt x="235" y="342"/>
                  <a:pt x="235" y="342"/>
                  <a:pt x="235" y="342"/>
                </a:cubicBezTo>
                <a:cubicBezTo>
                  <a:pt x="234" y="328"/>
                  <a:pt x="234" y="328"/>
                  <a:pt x="234" y="328"/>
                </a:cubicBezTo>
                <a:cubicBezTo>
                  <a:pt x="196" y="328"/>
                  <a:pt x="196" y="328"/>
                  <a:pt x="196" y="328"/>
                </a:cubicBezTo>
                <a:cubicBezTo>
                  <a:pt x="190" y="322"/>
                  <a:pt x="190" y="322"/>
                  <a:pt x="190" y="322"/>
                </a:cubicBezTo>
                <a:cubicBezTo>
                  <a:pt x="185" y="317"/>
                  <a:pt x="185" y="317"/>
                  <a:pt x="185" y="317"/>
                </a:cubicBezTo>
                <a:cubicBezTo>
                  <a:pt x="191" y="307"/>
                  <a:pt x="191" y="307"/>
                  <a:pt x="191" y="307"/>
                </a:cubicBezTo>
                <a:cubicBezTo>
                  <a:pt x="169" y="307"/>
                  <a:pt x="169" y="307"/>
                  <a:pt x="169" y="307"/>
                </a:cubicBezTo>
                <a:cubicBezTo>
                  <a:pt x="145" y="301"/>
                  <a:pt x="145" y="301"/>
                  <a:pt x="145" y="301"/>
                </a:cubicBezTo>
                <a:cubicBezTo>
                  <a:pt x="153" y="312"/>
                  <a:pt x="153" y="312"/>
                  <a:pt x="153" y="312"/>
                </a:cubicBezTo>
                <a:cubicBezTo>
                  <a:pt x="146" y="320"/>
                  <a:pt x="146" y="320"/>
                  <a:pt x="146" y="320"/>
                </a:cubicBezTo>
                <a:cubicBezTo>
                  <a:pt x="141" y="324"/>
                  <a:pt x="141" y="324"/>
                  <a:pt x="141" y="324"/>
                </a:cubicBezTo>
                <a:cubicBezTo>
                  <a:pt x="135" y="325"/>
                  <a:pt x="135" y="325"/>
                  <a:pt x="135" y="325"/>
                </a:cubicBezTo>
                <a:cubicBezTo>
                  <a:pt x="126" y="311"/>
                  <a:pt x="126" y="311"/>
                  <a:pt x="126" y="311"/>
                </a:cubicBezTo>
                <a:cubicBezTo>
                  <a:pt x="112" y="303"/>
                  <a:pt x="112" y="303"/>
                  <a:pt x="112" y="303"/>
                </a:cubicBezTo>
                <a:cubicBezTo>
                  <a:pt x="124" y="295"/>
                  <a:pt x="124" y="295"/>
                  <a:pt x="124" y="295"/>
                </a:cubicBezTo>
                <a:cubicBezTo>
                  <a:pt x="104" y="291"/>
                  <a:pt x="104" y="291"/>
                  <a:pt x="104" y="291"/>
                </a:cubicBezTo>
                <a:cubicBezTo>
                  <a:pt x="71" y="280"/>
                  <a:pt x="71" y="280"/>
                  <a:pt x="71" y="280"/>
                </a:cubicBezTo>
                <a:cubicBezTo>
                  <a:pt x="55" y="271"/>
                  <a:pt x="55" y="271"/>
                  <a:pt x="55" y="271"/>
                </a:cubicBezTo>
                <a:cubicBezTo>
                  <a:pt x="49" y="248"/>
                  <a:pt x="49" y="248"/>
                  <a:pt x="49" y="248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8" y="221"/>
                  <a:pt x="28" y="221"/>
                  <a:pt x="28" y="221"/>
                </a:cubicBezTo>
                <a:cubicBezTo>
                  <a:pt x="32" y="202"/>
                  <a:pt x="32" y="202"/>
                  <a:pt x="32" y="202"/>
                </a:cubicBezTo>
                <a:cubicBezTo>
                  <a:pt x="17" y="180"/>
                  <a:pt x="17" y="180"/>
                  <a:pt x="17" y="180"/>
                </a:cubicBezTo>
                <a:cubicBezTo>
                  <a:pt x="21" y="162"/>
                  <a:pt x="21" y="162"/>
                  <a:pt x="21" y="162"/>
                </a:cubicBezTo>
                <a:cubicBezTo>
                  <a:pt x="0" y="145"/>
                  <a:pt x="0" y="145"/>
                  <a:pt x="0" y="145"/>
                </a:cubicBezTo>
                <a:cubicBezTo>
                  <a:pt x="17" y="125"/>
                  <a:pt x="17" y="125"/>
                  <a:pt x="17" y="125"/>
                </a:cubicBezTo>
                <a:lnTo>
                  <a:pt x="1" y="9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2" name="Ukraine"/>
          <p:cNvSpPr>
            <a:spLocks/>
          </p:cNvSpPr>
          <p:nvPr/>
        </p:nvSpPr>
        <p:spPr bwMode="auto">
          <a:xfrm>
            <a:off x="10643126" y="3352800"/>
            <a:ext cx="1557338" cy="1489075"/>
          </a:xfrm>
          <a:custGeom>
            <a:avLst/>
            <a:gdLst>
              <a:gd name="T0" fmla="*/ 60 w 981"/>
              <a:gd name="T1" fmla="*/ 237 h 938"/>
              <a:gd name="T2" fmla="*/ 128 w 981"/>
              <a:gd name="T3" fmla="*/ 175 h 938"/>
              <a:gd name="T4" fmla="*/ 193 w 981"/>
              <a:gd name="T5" fmla="*/ 177 h 938"/>
              <a:gd name="T6" fmla="*/ 278 w 981"/>
              <a:gd name="T7" fmla="*/ 166 h 938"/>
              <a:gd name="T8" fmla="*/ 347 w 981"/>
              <a:gd name="T9" fmla="*/ 172 h 938"/>
              <a:gd name="T10" fmla="*/ 430 w 981"/>
              <a:gd name="T11" fmla="*/ 204 h 938"/>
              <a:gd name="T12" fmla="*/ 481 w 981"/>
              <a:gd name="T13" fmla="*/ 204 h 938"/>
              <a:gd name="T14" fmla="*/ 530 w 981"/>
              <a:gd name="T15" fmla="*/ 199 h 938"/>
              <a:gd name="T16" fmla="*/ 571 w 981"/>
              <a:gd name="T17" fmla="*/ 165 h 938"/>
              <a:gd name="T18" fmla="*/ 614 w 981"/>
              <a:gd name="T19" fmla="*/ 192 h 938"/>
              <a:gd name="T20" fmla="*/ 638 w 981"/>
              <a:gd name="T21" fmla="*/ 175 h 938"/>
              <a:gd name="T22" fmla="*/ 622 w 981"/>
              <a:gd name="T23" fmla="*/ 109 h 938"/>
              <a:gd name="T24" fmla="*/ 654 w 981"/>
              <a:gd name="T25" fmla="*/ 80 h 938"/>
              <a:gd name="T26" fmla="*/ 705 w 981"/>
              <a:gd name="T27" fmla="*/ 65 h 938"/>
              <a:gd name="T28" fmla="*/ 734 w 981"/>
              <a:gd name="T29" fmla="*/ 34 h 938"/>
              <a:gd name="T30" fmla="*/ 853 w 981"/>
              <a:gd name="T31" fmla="*/ 0 h 938"/>
              <a:gd name="T32" fmla="*/ 929 w 981"/>
              <a:gd name="T33" fmla="*/ 38 h 938"/>
              <a:gd name="T34" fmla="*/ 938 w 981"/>
              <a:gd name="T35" fmla="*/ 109 h 938"/>
              <a:gd name="T36" fmla="*/ 981 w 981"/>
              <a:gd name="T37" fmla="*/ 743 h 938"/>
              <a:gd name="T38" fmla="*/ 947 w 981"/>
              <a:gd name="T39" fmla="*/ 717 h 938"/>
              <a:gd name="T40" fmla="*/ 871 w 981"/>
              <a:gd name="T41" fmla="*/ 716 h 938"/>
              <a:gd name="T42" fmla="*/ 826 w 981"/>
              <a:gd name="T43" fmla="*/ 800 h 938"/>
              <a:gd name="T44" fmla="*/ 773 w 981"/>
              <a:gd name="T45" fmla="*/ 887 h 938"/>
              <a:gd name="T46" fmla="*/ 741 w 981"/>
              <a:gd name="T47" fmla="*/ 902 h 938"/>
              <a:gd name="T48" fmla="*/ 660 w 981"/>
              <a:gd name="T49" fmla="*/ 938 h 938"/>
              <a:gd name="T50" fmla="*/ 661 w 981"/>
              <a:gd name="T51" fmla="*/ 878 h 938"/>
              <a:gd name="T52" fmla="*/ 665 w 981"/>
              <a:gd name="T53" fmla="*/ 795 h 938"/>
              <a:gd name="T54" fmla="*/ 775 w 981"/>
              <a:gd name="T55" fmla="*/ 779 h 938"/>
              <a:gd name="T56" fmla="*/ 723 w 981"/>
              <a:gd name="T57" fmla="*/ 707 h 938"/>
              <a:gd name="T58" fmla="*/ 665 w 981"/>
              <a:gd name="T59" fmla="*/ 676 h 938"/>
              <a:gd name="T60" fmla="*/ 640 w 981"/>
              <a:gd name="T61" fmla="*/ 611 h 938"/>
              <a:gd name="T62" fmla="*/ 522 w 981"/>
              <a:gd name="T63" fmla="*/ 593 h 938"/>
              <a:gd name="T64" fmla="*/ 454 w 981"/>
              <a:gd name="T65" fmla="*/ 602 h 938"/>
              <a:gd name="T66" fmla="*/ 374 w 981"/>
              <a:gd name="T67" fmla="*/ 649 h 938"/>
              <a:gd name="T68" fmla="*/ 287 w 981"/>
              <a:gd name="T69" fmla="*/ 692 h 938"/>
              <a:gd name="T70" fmla="*/ 235 w 981"/>
              <a:gd name="T71" fmla="*/ 699 h 938"/>
              <a:gd name="T72" fmla="*/ 98 w 981"/>
              <a:gd name="T73" fmla="*/ 705 h 938"/>
              <a:gd name="T74" fmla="*/ 54 w 981"/>
              <a:gd name="T75" fmla="*/ 707 h 938"/>
              <a:gd name="T76" fmla="*/ 11 w 981"/>
              <a:gd name="T77" fmla="*/ 640 h 938"/>
              <a:gd name="T78" fmla="*/ 44 w 981"/>
              <a:gd name="T79" fmla="*/ 598 h 938"/>
              <a:gd name="T80" fmla="*/ 13 w 981"/>
              <a:gd name="T81" fmla="*/ 553 h 938"/>
              <a:gd name="T82" fmla="*/ 85 w 981"/>
              <a:gd name="T83" fmla="*/ 430 h 938"/>
              <a:gd name="T84" fmla="*/ 116 w 981"/>
              <a:gd name="T85" fmla="*/ 399 h 938"/>
              <a:gd name="T86" fmla="*/ 107 w 981"/>
              <a:gd name="T87" fmla="*/ 356 h 938"/>
              <a:gd name="T88" fmla="*/ 53 w 981"/>
              <a:gd name="T89" fmla="*/ 305 h 9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981" h="938">
                <a:moveTo>
                  <a:pt x="29" y="277"/>
                </a:moveTo>
                <a:lnTo>
                  <a:pt x="60" y="237"/>
                </a:lnTo>
                <a:lnTo>
                  <a:pt x="109" y="190"/>
                </a:lnTo>
                <a:lnTo>
                  <a:pt x="128" y="175"/>
                </a:lnTo>
                <a:lnTo>
                  <a:pt x="150" y="175"/>
                </a:lnTo>
                <a:lnTo>
                  <a:pt x="193" y="177"/>
                </a:lnTo>
                <a:lnTo>
                  <a:pt x="239" y="155"/>
                </a:lnTo>
                <a:lnTo>
                  <a:pt x="278" y="166"/>
                </a:lnTo>
                <a:lnTo>
                  <a:pt x="334" y="177"/>
                </a:lnTo>
                <a:lnTo>
                  <a:pt x="347" y="172"/>
                </a:lnTo>
                <a:lnTo>
                  <a:pt x="354" y="186"/>
                </a:lnTo>
                <a:lnTo>
                  <a:pt x="430" y="204"/>
                </a:lnTo>
                <a:lnTo>
                  <a:pt x="457" y="188"/>
                </a:lnTo>
                <a:lnTo>
                  <a:pt x="481" y="204"/>
                </a:lnTo>
                <a:lnTo>
                  <a:pt x="497" y="177"/>
                </a:lnTo>
                <a:lnTo>
                  <a:pt x="530" y="199"/>
                </a:lnTo>
                <a:lnTo>
                  <a:pt x="564" y="183"/>
                </a:lnTo>
                <a:lnTo>
                  <a:pt x="571" y="165"/>
                </a:lnTo>
                <a:lnTo>
                  <a:pt x="596" y="166"/>
                </a:lnTo>
                <a:lnTo>
                  <a:pt x="614" y="192"/>
                </a:lnTo>
                <a:lnTo>
                  <a:pt x="632" y="192"/>
                </a:lnTo>
                <a:lnTo>
                  <a:pt x="638" y="175"/>
                </a:lnTo>
                <a:lnTo>
                  <a:pt x="614" y="152"/>
                </a:lnTo>
                <a:lnTo>
                  <a:pt x="622" y="109"/>
                </a:lnTo>
                <a:lnTo>
                  <a:pt x="631" y="72"/>
                </a:lnTo>
                <a:lnTo>
                  <a:pt x="654" y="80"/>
                </a:lnTo>
                <a:lnTo>
                  <a:pt x="663" y="65"/>
                </a:lnTo>
                <a:lnTo>
                  <a:pt x="705" y="65"/>
                </a:lnTo>
                <a:lnTo>
                  <a:pt x="732" y="67"/>
                </a:lnTo>
                <a:lnTo>
                  <a:pt x="734" y="34"/>
                </a:lnTo>
                <a:lnTo>
                  <a:pt x="804" y="4"/>
                </a:lnTo>
                <a:lnTo>
                  <a:pt x="853" y="0"/>
                </a:lnTo>
                <a:lnTo>
                  <a:pt x="866" y="0"/>
                </a:lnTo>
                <a:lnTo>
                  <a:pt x="929" y="38"/>
                </a:lnTo>
                <a:lnTo>
                  <a:pt x="898" y="67"/>
                </a:lnTo>
                <a:lnTo>
                  <a:pt x="938" y="109"/>
                </a:lnTo>
                <a:lnTo>
                  <a:pt x="981" y="98"/>
                </a:lnTo>
                <a:lnTo>
                  <a:pt x="981" y="743"/>
                </a:lnTo>
                <a:lnTo>
                  <a:pt x="943" y="743"/>
                </a:lnTo>
                <a:lnTo>
                  <a:pt x="947" y="717"/>
                </a:lnTo>
                <a:lnTo>
                  <a:pt x="905" y="703"/>
                </a:lnTo>
                <a:lnTo>
                  <a:pt x="871" y="716"/>
                </a:lnTo>
                <a:lnTo>
                  <a:pt x="833" y="732"/>
                </a:lnTo>
                <a:lnTo>
                  <a:pt x="826" y="800"/>
                </a:lnTo>
                <a:lnTo>
                  <a:pt x="779" y="858"/>
                </a:lnTo>
                <a:lnTo>
                  <a:pt x="773" y="887"/>
                </a:lnTo>
                <a:lnTo>
                  <a:pt x="779" y="922"/>
                </a:lnTo>
                <a:lnTo>
                  <a:pt x="741" y="902"/>
                </a:lnTo>
                <a:lnTo>
                  <a:pt x="705" y="922"/>
                </a:lnTo>
                <a:lnTo>
                  <a:pt x="660" y="938"/>
                </a:lnTo>
                <a:lnTo>
                  <a:pt x="658" y="909"/>
                </a:lnTo>
                <a:lnTo>
                  <a:pt x="661" y="878"/>
                </a:lnTo>
                <a:lnTo>
                  <a:pt x="688" y="822"/>
                </a:lnTo>
                <a:lnTo>
                  <a:pt x="665" y="795"/>
                </a:lnTo>
                <a:lnTo>
                  <a:pt x="725" y="788"/>
                </a:lnTo>
                <a:lnTo>
                  <a:pt x="775" y="779"/>
                </a:lnTo>
                <a:lnTo>
                  <a:pt x="764" y="748"/>
                </a:lnTo>
                <a:lnTo>
                  <a:pt x="723" y="707"/>
                </a:lnTo>
                <a:lnTo>
                  <a:pt x="690" y="667"/>
                </a:lnTo>
                <a:lnTo>
                  <a:pt x="665" y="676"/>
                </a:lnTo>
                <a:lnTo>
                  <a:pt x="647" y="660"/>
                </a:lnTo>
                <a:lnTo>
                  <a:pt x="640" y="611"/>
                </a:lnTo>
                <a:lnTo>
                  <a:pt x="573" y="595"/>
                </a:lnTo>
                <a:lnTo>
                  <a:pt x="522" y="593"/>
                </a:lnTo>
                <a:lnTo>
                  <a:pt x="483" y="576"/>
                </a:lnTo>
                <a:lnTo>
                  <a:pt x="454" y="602"/>
                </a:lnTo>
                <a:lnTo>
                  <a:pt x="405" y="613"/>
                </a:lnTo>
                <a:lnTo>
                  <a:pt x="374" y="649"/>
                </a:lnTo>
                <a:lnTo>
                  <a:pt x="358" y="676"/>
                </a:lnTo>
                <a:lnTo>
                  <a:pt x="287" y="692"/>
                </a:lnTo>
                <a:lnTo>
                  <a:pt x="271" y="725"/>
                </a:lnTo>
                <a:lnTo>
                  <a:pt x="235" y="699"/>
                </a:lnTo>
                <a:lnTo>
                  <a:pt x="181" y="710"/>
                </a:lnTo>
                <a:lnTo>
                  <a:pt x="98" y="705"/>
                </a:lnTo>
                <a:lnTo>
                  <a:pt x="72" y="728"/>
                </a:lnTo>
                <a:lnTo>
                  <a:pt x="54" y="707"/>
                </a:lnTo>
                <a:lnTo>
                  <a:pt x="0" y="676"/>
                </a:lnTo>
                <a:lnTo>
                  <a:pt x="11" y="640"/>
                </a:lnTo>
                <a:lnTo>
                  <a:pt x="9" y="607"/>
                </a:lnTo>
                <a:lnTo>
                  <a:pt x="44" y="598"/>
                </a:lnTo>
                <a:lnTo>
                  <a:pt x="33" y="587"/>
                </a:lnTo>
                <a:lnTo>
                  <a:pt x="13" y="553"/>
                </a:lnTo>
                <a:lnTo>
                  <a:pt x="20" y="526"/>
                </a:lnTo>
                <a:lnTo>
                  <a:pt x="85" y="430"/>
                </a:lnTo>
                <a:lnTo>
                  <a:pt x="112" y="412"/>
                </a:lnTo>
                <a:lnTo>
                  <a:pt x="116" y="399"/>
                </a:lnTo>
                <a:lnTo>
                  <a:pt x="91" y="374"/>
                </a:lnTo>
                <a:lnTo>
                  <a:pt x="107" y="356"/>
                </a:lnTo>
                <a:lnTo>
                  <a:pt x="53" y="331"/>
                </a:lnTo>
                <a:lnTo>
                  <a:pt x="53" y="305"/>
                </a:lnTo>
                <a:lnTo>
                  <a:pt x="29" y="27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3" name="Moldova"/>
          <p:cNvSpPr>
            <a:spLocks/>
          </p:cNvSpPr>
          <p:nvPr/>
        </p:nvSpPr>
        <p:spPr bwMode="auto">
          <a:xfrm>
            <a:off x="11247963" y="4267200"/>
            <a:ext cx="625475" cy="568325"/>
          </a:xfrm>
          <a:custGeom>
            <a:avLst/>
            <a:gdLst>
              <a:gd name="T0" fmla="*/ 13 w 218"/>
              <a:gd name="T1" fmla="*/ 20 h 198"/>
              <a:gd name="T2" fmla="*/ 40 w 218"/>
              <a:gd name="T3" fmla="*/ 14 h 198"/>
              <a:gd name="T4" fmla="*/ 56 w 218"/>
              <a:gd name="T5" fmla="*/ 0 h 198"/>
              <a:gd name="T6" fmla="*/ 78 w 218"/>
              <a:gd name="T7" fmla="*/ 9 h 198"/>
              <a:gd name="T8" fmla="*/ 106 w 218"/>
              <a:gd name="T9" fmla="*/ 10 h 198"/>
              <a:gd name="T10" fmla="*/ 143 w 218"/>
              <a:gd name="T11" fmla="*/ 19 h 198"/>
              <a:gd name="T12" fmla="*/ 150 w 218"/>
              <a:gd name="T13" fmla="*/ 48 h 198"/>
              <a:gd name="T14" fmla="*/ 152 w 218"/>
              <a:gd name="T15" fmla="*/ 50 h 198"/>
              <a:gd name="T16" fmla="*/ 171 w 218"/>
              <a:gd name="T17" fmla="*/ 50 h 198"/>
              <a:gd name="T18" fmla="*/ 207 w 218"/>
              <a:gd name="T19" fmla="*/ 90 h 198"/>
              <a:gd name="T20" fmla="*/ 212 w 218"/>
              <a:gd name="T21" fmla="*/ 95 h 198"/>
              <a:gd name="T22" fmla="*/ 218 w 218"/>
              <a:gd name="T23" fmla="*/ 112 h 198"/>
              <a:gd name="T24" fmla="*/ 187 w 218"/>
              <a:gd name="T25" fmla="*/ 123 h 198"/>
              <a:gd name="T26" fmla="*/ 157 w 218"/>
              <a:gd name="T27" fmla="*/ 121 h 198"/>
              <a:gd name="T28" fmla="*/ 170 w 218"/>
              <a:gd name="T29" fmla="*/ 136 h 198"/>
              <a:gd name="T30" fmla="*/ 155 w 218"/>
              <a:gd name="T31" fmla="*/ 167 h 198"/>
              <a:gd name="T32" fmla="*/ 153 w 218"/>
              <a:gd name="T33" fmla="*/ 184 h 198"/>
              <a:gd name="T34" fmla="*/ 154 w 218"/>
              <a:gd name="T35" fmla="*/ 198 h 198"/>
              <a:gd name="T36" fmla="*/ 139 w 218"/>
              <a:gd name="T37" fmla="*/ 191 h 198"/>
              <a:gd name="T38" fmla="*/ 118 w 218"/>
              <a:gd name="T39" fmla="*/ 164 h 198"/>
              <a:gd name="T40" fmla="*/ 120 w 218"/>
              <a:gd name="T41" fmla="*/ 121 h 198"/>
              <a:gd name="T42" fmla="*/ 76 w 218"/>
              <a:gd name="T43" fmla="*/ 85 h 198"/>
              <a:gd name="T44" fmla="*/ 49 w 218"/>
              <a:gd name="T45" fmla="*/ 63 h 198"/>
              <a:gd name="T46" fmla="*/ 29 w 218"/>
              <a:gd name="T47" fmla="*/ 28 h 198"/>
              <a:gd name="T48" fmla="*/ 0 w 218"/>
              <a:gd name="T49" fmla="*/ 35 h 198"/>
              <a:gd name="T50" fmla="*/ 13 w 218"/>
              <a:gd name="T51" fmla="*/ 20 h 1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218" h="198">
                <a:moveTo>
                  <a:pt x="13" y="20"/>
                </a:moveTo>
                <a:cubicBezTo>
                  <a:pt x="40" y="14"/>
                  <a:pt x="40" y="14"/>
                  <a:pt x="40" y="14"/>
                </a:cubicBezTo>
                <a:cubicBezTo>
                  <a:pt x="56" y="0"/>
                  <a:pt x="56" y="0"/>
                  <a:pt x="56" y="0"/>
                </a:cubicBezTo>
                <a:cubicBezTo>
                  <a:pt x="78" y="9"/>
                  <a:pt x="78" y="9"/>
                  <a:pt x="78" y="9"/>
                </a:cubicBezTo>
                <a:cubicBezTo>
                  <a:pt x="106" y="10"/>
                  <a:pt x="106" y="10"/>
                  <a:pt x="106" y="1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0" y="48"/>
                  <a:pt x="150" y="48"/>
                  <a:pt x="150" y="48"/>
                </a:cubicBezTo>
                <a:cubicBezTo>
                  <a:pt x="152" y="50"/>
                  <a:pt x="152" y="50"/>
                  <a:pt x="152" y="50"/>
                </a:cubicBezTo>
                <a:cubicBezTo>
                  <a:pt x="171" y="50"/>
                  <a:pt x="171" y="50"/>
                  <a:pt x="171" y="50"/>
                </a:cubicBezTo>
                <a:cubicBezTo>
                  <a:pt x="207" y="90"/>
                  <a:pt x="207" y="90"/>
                  <a:pt x="207" y="90"/>
                </a:cubicBezTo>
                <a:cubicBezTo>
                  <a:pt x="212" y="95"/>
                  <a:pt x="212" y="95"/>
                  <a:pt x="212" y="95"/>
                </a:cubicBezTo>
                <a:cubicBezTo>
                  <a:pt x="218" y="112"/>
                  <a:pt x="218" y="112"/>
                  <a:pt x="218" y="112"/>
                </a:cubicBezTo>
                <a:cubicBezTo>
                  <a:pt x="187" y="123"/>
                  <a:pt x="187" y="123"/>
                  <a:pt x="187" y="123"/>
                </a:cubicBezTo>
                <a:cubicBezTo>
                  <a:pt x="157" y="121"/>
                  <a:pt x="157" y="121"/>
                  <a:pt x="157" y="121"/>
                </a:cubicBezTo>
                <a:cubicBezTo>
                  <a:pt x="170" y="136"/>
                  <a:pt x="170" y="136"/>
                  <a:pt x="170" y="136"/>
                </a:cubicBezTo>
                <a:cubicBezTo>
                  <a:pt x="155" y="167"/>
                  <a:pt x="155" y="167"/>
                  <a:pt x="155" y="167"/>
                </a:cubicBezTo>
                <a:cubicBezTo>
                  <a:pt x="153" y="184"/>
                  <a:pt x="153" y="184"/>
                  <a:pt x="153" y="184"/>
                </a:cubicBezTo>
                <a:cubicBezTo>
                  <a:pt x="154" y="198"/>
                  <a:pt x="154" y="198"/>
                  <a:pt x="154" y="198"/>
                </a:cubicBezTo>
                <a:cubicBezTo>
                  <a:pt x="139" y="191"/>
                  <a:pt x="139" y="191"/>
                  <a:pt x="139" y="191"/>
                </a:cubicBezTo>
                <a:cubicBezTo>
                  <a:pt x="118" y="164"/>
                  <a:pt x="118" y="164"/>
                  <a:pt x="118" y="164"/>
                </a:cubicBezTo>
                <a:cubicBezTo>
                  <a:pt x="120" y="121"/>
                  <a:pt x="120" y="121"/>
                  <a:pt x="120" y="121"/>
                </a:cubicBezTo>
                <a:cubicBezTo>
                  <a:pt x="76" y="85"/>
                  <a:pt x="76" y="85"/>
                  <a:pt x="76" y="85"/>
                </a:cubicBezTo>
                <a:cubicBezTo>
                  <a:pt x="76" y="85"/>
                  <a:pt x="49" y="67"/>
                  <a:pt x="49" y="63"/>
                </a:cubicBezTo>
                <a:cubicBezTo>
                  <a:pt x="48" y="59"/>
                  <a:pt x="29" y="28"/>
                  <a:pt x="29" y="28"/>
                </a:cubicBezTo>
                <a:cubicBezTo>
                  <a:pt x="0" y="35"/>
                  <a:pt x="0" y="35"/>
                  <a:pt x="0" y="35"/>
                </a:cubicBezTo>
                <a:lnTo>
                  <a:pt x="13" y="2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4" name="Austria"/>
          <p:cNvSpPr>
            <a:spLocks/>
          </p:cNvSpPr>
          <p:nvPr/>
        </p:nvSpPr>
        <p:spPr bwMode="auto">
          <a:xfrm>
            <a:off x="8801626" y="4425950"/>
            <a:ext cx="1112838" cy="508000"/>
          </a:xfrm>
          <a:custGeom>
            <a:avLst/>
            <a:gdLst>
              <a:gd name="T0" fmla="*/ 400 w 701"/>
              <a:gd name="T1" fmla="*/ 45 h 320"/>
              <a:gd name="T2" fmla="*/ 421 w 701"/>
              <a:gd name="T3" fmla="*/ 63 h 320"/>
              <a:gd name="T4" fmla="*/ 447 w 701"/>
              <a:gd name="T5" fmla="*/ 63 h 320"/>
              <a:gd name="T6" fmla="*/ 479 w 701"/>
              <a:gd name="T7" fmla="*/ 63 h 320"/>
              <a:gd name="T8" fmla="*/ 508 w 701"/>
              <a:gd name="T9" fmla="*/ 0 h 320"/>
              <a:gd name="T10" fmla="*/ 526 w 701"/>
              <a:gd name="T11" fmla="*/ 16 h 320"/>
              <a:gd name="T12" fmla="*/ 548 w 701"/>
              <a:gd name="T13" fmla="*/ 12 h 320"/>
              <a:gd name="T14" fmla="*/ 595 w 701"/>
              <a:gd name="T15" fmla="*/ 31 h 320"/>
              <a:gd name="T16" fmla="*/ 653 w 701"/>
              <a:gd name="T17" fmla="*/ 18 h 320"/>
              <a:gd name="T18" fmla="*/ 678 w 701"/>
              <a:gd name="T19" fmla="*/ 31 h 320"/>
              <a:gd name="T20" fmla="*/ 672 w 701"/>
              <a:gd name="T21" fmla="*/ 78 h 320"/>
              <a:gd name="T22" fmla="*/ 701 w 701"/>
              <a:gd name="T23" fmla="*/ 101 h 320"/>
              <a:gd name="T24" fmla="*/ 701 w 701"/>
              <a:gd name="T25" fmla="*/ 155 h 320"/>
              <a:gd name="T26" fmla="*/ 634 w 701"/>
              <a:gd name="T27" fmla="*/ 159 h 320"/>
              <a:gd name="T28" fmla="*/ 649 w 701"/>
              <a:gd name="T29" fmla="*/ 184 h 320"/>
              <a:gd name="T30" fmla="*/ 636 w 701"/>
              <a:gd name="T31" fmla="*/ 213 h 320"/>
              <a:gd name="T32" fmla="*/ 654 w 701"/>
              <a:gd name="T33" fmla="*/ 233 h 320"/>
              <a:gd name="T34" fmla="*/ 618 w 701"/>
              <a:gd name="T35" fmla="*/ 278 h 320"/>
              <a:gd name="T36" fmla="*/ 564 w 701"/>
              <a:gd name="T37" fmla="*/ 296 h 320"/>
              <a:gd name="T38" fmla="*/ 517 w 701"/>
              <a:gd name="T39" fmla="*/ 282 h 320"/>
              <a:gd name="T40" fmla="*/ 488 w 701"/>
              <a:gd name="T41" fmla="*/ 320 h 320"/>
              <a:gd name="T42" fmla="*/ 410 w 701"/>
              <a:gd name="T43" fmla="*/ 314 h 320"/>
              <a:gd name="T44" fmla="*/ 326 w 701"/>
              <a:gd name="T45" fmla="*/ 302 h 320"/>
              <a:gd name="T46" fmla="*/ 264 w 701"/>
              <a:gd name="T47" fmla="*/ 289 h 320"/>
              <a:gd name="T48" fmla="*/ 259 w 701"/>
              <a:gd name="T49" fmla="*/ 246 h 320"/>
              <a:gd name="T50" fmla="*/ 235 w 701"/>
              <a:gd name="T51" fmla="*/ 262 h 320"/>
              <a:gd name="T52" fmla="*/ 159 w 701"/>
              <a:gd name="T53" fmla="*/ 264 h 320"/>
              <a:gd name="T54" fmla="*/ 150 w 701"/>
              <a:gd name="T55" fmla="*/ 291 h 320"/>
              <a:gd name="T56" fmla="*/ 125 w 701"/>
              <a:gd name="T57" fmla="*/ 282 h 320"/>
              <a:gd name="T58" fmla="*/ 112 w 701"/>
              <a:gd name="T59" fmla="*/ 260 h 320"/>
              <a:gd name="T60" fmla="*/ 94 w 701"/>
              <a:gd name="T61" fmla="*/ 283 h 320"/>
              <a:gd name="T62" fmla="*/ 47 w 701"/>
              <a:gd name="T63" fmla="*/ 282 h 320"/>
              <a:gd name="T64" fmla="*/ 24 w 701"/>
              <a:gd name="T65" fmla="*/ 269 h 320"/>
              <a:gd name="T66" fmla="*/ 0 w 701"/>
              <a:gd name="T67" fmla="*/ 247 h 320"/>
              <a:gd name="T68" fmla="*/ 20 w 701"/>
              <a:gd name="T69" fmla="*/ 222 h 320"/>
              <a:gd name="T70" fmla="*/ 11 w 701"/>
              <a:gd name="T71" fmla="*/ 202 h 320"/>
              <a:gd name="T72" fmla="*/ 51 w 701"/>
              <a:gd name="T73" fmla="*/ 199 h 320"/>
              <a:gd name="T74" fmla="*/ 73 w 701"/>
              <a:gd name="T75" fmla="*/ 233 h 320"/>
              <a:gd name="T76" fmla="*/ 102 w 701"/>
              <a:gd name="T77" fmla="*/ 195 h 320"/>
              <a:gd name="T78" fmla="*/ 129 w 701"/>
              <a:gd name="T79" fmla="*/ 199 h 320"/>
              <a:gd name="T80" fmla="*/ 152 w 701"/>
              <a:gd name="T81" fmla="*/ 220 h 320"/>
              <a:gd name="T82" fmla="*/ 217 w 701"/>
              <a:gd name="T83" fmla="*/ 186 h 320"/>
              <a:gd name="T84" fmla="*/ 259 w 701"/>
              <a:gd name="T85" fmla="*/ 168 h 320"/>
              <a:gd name="T86" fmla="*/ 317 w 701"/>
              <a:gd name="T87" fmla="*/ 202 h 320"/>
              <a:gd name="T88" fmla="*/ 318 w 701"/>
              <a:gd name="T89" fmla="*/ 181 h 320"/>
              <a:gd name="T90" fmla="*/ 329 w 701"/>
              <a:gd name="T91" fmla="*/ 153 h 320"/>
              <a:gd name="T92" fmla="*/ 307 w 701"/>
              <a:gd name="T93" fmla="*/ 128 h 320"/>
              <a:gd name="T94" fmla="*/ 356 w 701"/>
              <a:gd name="T95" fmla="*/ 97 h 320"/>
              <a:gd name="T96" fmla="*/ 360 w 701"/>
              <a:gd name="T97" fmla="*/ 81 h 320"/>
              <a:gd name="T98" fmla="*/ 400 w 701"/>
              <a:gd name="T99" fmla="*/ 70 h 320"/>
              <a:gd name="T100" fmla="*/ 400 w 701"/>
              <a:gd name="T101" fmla="*/ 45 h 3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701" h="320">
                <a:moveTo>
                  <a:pt x="400" y="45"/>
                </a:moveTo>
                <a:lnTo>
                  <a:pt x="421" y="63"/>
                </a:lnTo>
                <a:lnTo>
                  <a:pt x="447" y="63"/>
                </a:lnTo>
                <a:lnTo>
                  <a:pt x="479" y="63"/>
                </a:lnTo>
                <a:lnTo>
                  <a:pt x="508" y="0"/>
                </a:lnTo>
                <a:lnTo>
                  <a:pt x="526" y="16"/>
                </a:lnTo>
                <a:lnTo>
                  <a:pt x="548" y="12"/>
                </a:lnTo>
                <a:lnTo>
                  <a:pt x="595" y="31"/>
                </a:lnTo>
                <a:lnTo>
                  <a:pt x="653" y="18"/>
                </a:lnTo>
                <a:lnTo>
                  <a:pt x="678" y="31"/>
                </a:lnTo>
                <a:lnTo>
                  <a:pt x="672" y="78"/>
                </a:lnTo>
                <a:lnTo>
                  <a:pt x="701" y="101"/>
                </a:lnTo>
                <a:lnTo>
                  <a:pt x="701" y="155"/>
                </a:lnTo>
                <a:lnTo>
                  <a:pt x="634" y="159"/>
                </a:lnTo>
                <a:lnTo>
                  <a:pt x="649" y="184"/>
                </a:lnTo>
                <a:lnTo>
                  <a:pt x="636" y="213"/>
                </a:lnTo>
                <a:lnTo>
                  <a:pt x="654" y="233"/>
                </a:lnTo>
                <a:lnTo>
                  <a:pt x="618" y="278"/>
                </a:lnTo>
                <a:lnTo>
                  <a:pt x="564" y="296"/>
                </a:lnTo>
                <a:lnTo>
                  <a:pt x="517" y="282"/>
                </a:lnTo>
                <a:lnTo>
                  <a:pt x="488" y="320"/>
                </a:lnTo>
                <a:lnTo>
                  <a:pt x="410" y="314"/>
                </a:lnTo>
                <a:lnTo>
                  <a:pt x="326" y="302"/>
                </a:lnTo>
                <a:lnTo>
                  <a:pt x="264" y="289"/>
                </a:lnTo>
                <a:lnTo>
                  <a:pt x="259" y="246"/>
                </a:lnTo>
                <a:lnTo>
                  <a:pt x="235" y="262"/>
                </a:lnTo>
                <a:lnTo>
                  <a:pt x="159" y="264"/>
                </a:lnTo>
                <a:lnTo>
                  <a:pt x="150" y="291"/>
                </a:lnTo>
                <a:lnTo>
                  <a:pt x="125" y="282"/>
                </a:lnTo>
                <a:lnTo>
                  <a:pt x="112" y="260"/>
                </a:lnTo>
                <a:lnTo>
                  <a:pt x="94" y="283"/>
                </a:lnTo>
                <a:lnTo>
                  <a:pt x="47" y="282"/>
                </a:lnTo>
                <a:lnTo>
                  <a:pt x="24" y="269"/>
                </a:lnTo>
                <a:lnTo>
                  <a:pt x="0" y="247"/>
                </a:lnTo>
                <a:lnTo>
                  <a:pt x="20" y="222"/>
                </a:lnTo>
                <a:lnTo>
                  <a:pt x="11" y="202"/>
                </a:lnTo>
                <a:lnTo>
                  <a:pt x="51" y="199"/>
                </a:lnTo>
                <a:lnTo>
                  <a:pt x="73" y="233"/>
                </a:lnTo>
                <a:lnTo>
                  <a:pt x="102" y="195"/>
                </a:lnTo>
                <a:lnTo>
                  <a:pt x="129" y="199"/>
                </a:lnTo>
                <a:lnTo>
                  <a:pt x="152" y="220"/>
                </a:lnTo>
                <a:lnTo>
                  <a:pt x="217" y="186"/>
                </a:lnTo>
                <a:lnTo>
                  <a:pt x="259" y="168"/>
                </a:lnTo>
                <a:lnTo>
                  <a:pt x="317" y="202"/>
                </a:lnTo>
                <a:lnTo>
                  <a:pt x="318" y="181"/>
                </a:lnTo>
                <a:lnTo>
                  <a:pt x="329" y="153"/>
                </a:lnTo>
                <a:lnTo>
                  <a:pt x="307" y="128"/>
                </a:lnTo>
                <a:lnTo>
                  <a:pt x="356" y="97"/>
                </a:lnTo>
                <a:lnTo>
                  <a:pt x="360" y="81"/>
                </a:lnTo>
                <a:lnTo>
                  <a:pt x="400" y="70"/>
                </a:lnTo>
                <a:lnTo>
                  <a:pt x="400" y="4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grpSp>
        <p:nvGrpSpPr>
          <p:cNvPr id="25" name="Italy"/>
          <p:cNvGrpSpPr/>
          <p:nvPr/>
        </p:nvGrpSpPr>
        <p:grpSpPr>
          <a:xfrm>
            <a:off x="8377763" y="4816475"/>
            <a:ext cx="1935163" cy="2041526"/>
            <a:chOff x="8398783" y="4816475"/>
            <a:chExt cx="1935163" cy="2041526"/>
          </a:xfrm>
          <a:solidFill>
            <a:srgbClr val="E1E0DC"/>
          </a:solidFill>
        </p:grpSpPr>
        <p:sp>
          <p:nvSpPr>
            <p:cNvPr id="26" name="Italy"/>
            <p:cNvSpPr>
              <a:spLocks/>
            </p:cNvSpPr>
            <p:nvPr/>
          </p:nvSpPr>
          <p:spPr bwMode="auto">
            <a:xfrm>
              <a:off x="8398783" y="4816475"/>
              <a:ext cx="1935163" cy="1749425"/>
            </a:xfrm>
            <a:custGeom>
              <a:avLst/>
              <a:gdLst>
                <a:gd name="T0" fmla="*/ 121 w 1219"/>
                <a:gd name="T1" fmla="*/ 410 h 1102"/>
                <a:gd name="T2" fmla="*/ 94 w 1219"/>
                <a:gd name="T3" fmla="*/ 348 h 1102"/>
                <a:gd name="T4" fmla="*/ 25 w 1219"/>
                <a:gd name="T5" fmla="*/ 278 h 1102"/>
                <a:gd name="T6" fmla="*/ 42 w 1219"/>
                <a:gd name="T7" fmla="*/ 196 h 1102"/>
                <a:gd name="T8" fmla="*/ 25 w 1219"/>
                <a:gd name="T9" fmla="*/ 151 h 1102"/>
                <a:gd name="T10" fmla="*/ 163 w 1219"/>
                <a:gd name="T11" fmla="*/ 92 h 1102"/>
                <a:gd name="T12" fmla="*/ 208 w 1219"/>
                <a:gd name="T13" fmla="*/ 122 h 1102"/>
                <a:gd name="T14" fmla="*/ 229 w 1219"/>
                <a:gd name="T15" fmla="*/ 164 h 1102"/>
                <a:gd name="T16" fmla="*/ 224 w 1219"/>
                <a:gd name="T17" fmla="*/ 137 h 1102"/>
                <a:gd name="T18" fmla="*/ 253 w 1219"/>
                <a:gd name="T19" fmla="*/ 83 h 1102"/>
                <a:gd name="T20" fmla="*/ 280 w 1219"/>
                <a:gd name="T21" fmla="*/ 108 h 1102"/>
                <a:gd name="T22" fmla="*/ 331 w 1219"/>
                <a:gd name="T23" fmla="*/ 124 h 1102"/>
                <a:gd name="T24" fmla="*/ 325 w 1219"/>
                <a:gd name="T25" fmla="*/ 74 h 1102"/>
                <a:gd name="T26" fmla="*/ 369 w 1219"/>
                <a:gd name="T27" fmla="*/ 83 h 1102"/>
                <a:gd name="T28" fmla="*/ 392 w 1219"/>
                <a:gd name="T29" fmla="*/ 36 h 1102"/>
                <a:gd name="T30" fmla="*/ 426 w 1219"/>
                <a:gd name="T31" fmla="*/ 18 h 1102"/>
                <a:gd name="T32" fmla="*/ 526 w 1219"/>
                <a:gd name="T33" fmla="*/ 0 h 1102"/>
                <a:gd name="T34" fmla="*/ 593 w 1219"/>
                <a:gd name="T35" fmla="*/ 56 h 1102"/>
                <a:gd name="T36" fmla="*/ 638 w 1219"/>
                <a:gd name="T37" fmla="*/ 92 h 1102"/>
                <a:gd name="T38" fmla="*/ 656 w 1219"/>
                <a:gd name="T39" fmla="*/ 133 h 1102"/>
                <a:gd name="T40" fmla="*/ 679 w 1219"/>
                <a:gd name="T41" fmla="*/ 195 h 1102"/>
                <a:gd name="T42" fmla="*/ 650 w 1219"/>
                <a:gd name="T43" fmla="*/ 171 h 1102"/>
                <a:gd name="T44" fmla="*/ 612 w 1219"/>
                <a:gd name="T45" fmla="*/ 186 h 1102"/>
                <a:gd name="T46" fmla="*/ 535 w 1219"/>
                <a:gd name="T47" fmla="*/ 206 h 1102"/>
                <a:gd name="T48" fmla="*/ 565 w 1219"/>
                <a:gd name="T49" fmla="*/ 290 h 1102"/>
                <a:gd name="T50" fmla="*/ 556 w 1219"/>
                <a:gd name="T51" fmla="*/ 355 h 1102"/>
                <a:gd name="T52" fmla="*/ 679 w 1219"/>
                <a:gd name="T53" fmla="*/ 421 h 1102"/>
                <a:gd name="T54" fmla="*/ 784 w 1219"/>
                <a:gd name="T55" fmla="*/ 589 h 1102"/>
                <a:gd name="T56" fmla="*/ 822 w 1219"/>
                <a:gd name="T57" fmla="*/ 617 h 1102"/>
                <a:gd name="T58" fmla="*/ 927 w 1219"/>
                <a:gd name="T59" fmla="*/ 617 h 1102"/>
                <a:gd name="T60" fmla="*/ 952 w 1219"/>
                <a:gd name="T61" fmla="*/ 612 h 1102"/>
                <a:gd name="T62" fmla="*/ 927 w 1219"/>
                <a:gd name="T63" fmla="*/ 661 h 1102"/>
                <a:gd name="T64" fmla="*/ 1004 w 1219"/>
                <a:gd name="T65" fmla="*/ 697 h 1102"/>
                <a:gd name="T66" fmla="*/ 1073 w 1219"/>
                <a:gd name="T67" fmla="*/ 711 h 1102"/>
                <a:gd name="T68" fmla="*/ 1158 w 1219"/>
                <a:gd name="T69" fmla="*/ 746 h 1102"/>
                <a:gd name="T70" fmla="*/ 1207 w 1219"/>
                <a:gd name="T71" fmla="*/ 784 h 1102"/>
                <a:gd name="T72" fmla="*/ 1203 w 1219"/>
                <a:gd name="T73" fmla="*/ 851 h 1102"/>
                <a:gd name="T74" fmla="*/ 1162 w 1219"/>
                <a:gd name="T75" fmla="*/ 800 h 1102"/>
                <a:gd name="T76" fmla="*/ 1089 w 1219"/>
                <a:gd name="T77" fmla="*/ 791 h 1102"/>
                <a:gd name="T78" fmla="*/ 1019 w 1219"/>
                <a:gd name="T79" fmla="*/ 831 h 1102"/>
                <a:gd name="T80" fmla="*/ 1008 w 1219"/>
                <a:gd name="T81" fmla="*/ 869 h 1102"/>
                <a:gd name="T82" fmla="*/ 1039 w 1219"/>
                <a:gd name="T83" fmla="*/ 879 h 1102"/>
                <a:gd name="T84" fmla="*/ 1084 w 1219"/>
                <a:gd name="T85" fmla="*/ 930 h 1102"/>
                <a:gd name="T86" fmla="*/ 1089 w 1219"/>
                <a:gd name="T87" fmla="*/ 963 h 1102"/>
                <a:gd name="T88" fmla="*/ 1028 w 1219"/>
                <a:gd name="T89" fmla="*/ 1024 h 1102"/>
                <a:gd name="T90" fmla="*/ 981 w 1219"/>
                <a:gd name="T91" fmla="*/ 1102 h 1102"/>
                <a:gd name="T92" fmla="*/ 925 w 1219"/>
                <a:gd name="T93" fmla="*/ 1062 h 1102"/>
                <a:gd name="T94" fmla="*/ 950 w 1219"/>
                <a:gd name="T95" fmla="*/ 999 h 1102"/>
                <a:gd name="T96" fmla="*/ 968 w 1219"/>
                <a:gd name="T97" fmla="*/ 950 h 1102"/>
                <a:gd name="T98" fmla="*/ 927 w 1219"/>
                <a:gd name="T99" fmla="*/ 845 h 1102"/>
                <a:gd name="T100" fmla="*/ 844 w 1219"/>
                <a:gd name="T101" fmla="*/ 822 h 1102"/>
                <a:gd name="T102" fmla="*/ 780 w 1219"/>
                <a:gd name="T103" fmla="*/ 787 h 1102"/>
                <a:gd name="T104" fmla="*/ 739 w 1219"/>
                <a:gd name="T105" fmla="*/ 766 h 1102"/>
                <a:gd name="T106" fmla="*/ 676 w 1219"/>
                <a:gd name="T107" fmla="*/ 711 h 1102"/>
                <a:gd name="T108" fmla="*/ 618 w 1219"/>
                <a:gd name="T109" fmla="*/ 693 h 1102"/>
                <a:gd name="T110" fmla="*/ 538 w 1219"/>
                <a:gd name="T111" fmla="*/ 646 h 1102"/>
                <a:gd name="T112" fmla="*/ 495 w 1219"/>
                <a:gd name="T113" fmla="*/ 607 h 1102"/>
                <a:gd name="T114" fmla="*/ 430 w 1219"/>
                <a:gd name="T115" fmla="*/ 581 h 1102"/>
                <a:gd name="T116" fmla="*/ 361 w 1219"/>
                <a:gd name="T117" fmla="*/ 505 h 1102"/>
                <a:gd name="T118" fmla="*/ 349 w 1219"/>
                <a:gd name="T119" fmla="*/ 430 h 1102"/>
                <a:gd name="T120" fmla="*/ 298 w 1219"/>
                <a:gd name="T121" fmla="*/ 383 h 1102"/>
                <a:gd name="T122" fmla="*/ 240 w 1219"/>
                <a:gd name="T123" fmla="*/ 352 h 1102"/>
                <a:gd name="T124" fmla="*/ 159 w 1219"/>
                <a:gd name="T125" fmla="*/ 352 h 1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1219" h="1102">
                  <a:moveTo>
                    <a:pt x="141" y="377"/>
                  </a:moveTo>
                  <a:lnTo>
                    <a:pt x="121" y="410"/>
                  </a:lnTo>
                  <a:lnTo>
                    <a:pt x="70" y="410"/>
                  </a:lnTo>
                  <a:lnTo>
                    <a:pt x="94" y="348"/>
                  </a:lnTo>
                  <a:lnTo>
                    <a:pt x="14" y="336"/>
                  </a:lnTo>
                  <a:lnTo>
                    <a:pt x="25" y="278"/>
                  </a:lnTo>
                  <a:lnTo>
                    <a:pt x="0" y="242"/>
                  </a:lnTo>
                  <a:lnTo>
                    <a:pt x="42" y="196"/>
                  </a:lnTo>
                  <a:lnTo>
                    <a:pt x="2" y="162"/>
                  </a:lnTo>
                  <a:lnTo>
                    <a:pt x="25" y="151"/>
                  </a:lnTo>
                  <a:lnTo>
                    <a:pt x="126" y="148"/>
                  </a:lnTo>
                  <a:lnTo>
                    <a:pt x="163" y="92"/>
                  </a:lnTo>
                  <a:lnTo>
                    <a:pt x="181" y="117"/>
                  </a:lnTo>
                  <a:lnTo>
                    <a:pt x="208" y="122"/>
                  </a:lnTo>
                  <a:lnTo>
                    <a:pt x="208" y="153"/>
                  </a:lnTo>
                  <a:lnTo>
                    <a:pt x="229" y="164"/>
                  </a:lnTo>
                  <a:lnTo>
                    <a:pt x="244" y="153"/>
                  </a:lnTo>
                  <a:lnTo>
                    <a:pt x="224" y="137"/>
                  </a:lnTo>
                  <a:lnTo>
                    <a:pt x="253" y="110"/>
                  </a:lnTo>
                  <a:lnTo>
                    <a:pt x="253" y="83"/>
                  </a:lnTo>
                  <a:lnTo>
                    <a:pt x="262" y="74"/>
                  </a:lnTo>
                  <a:lnTo>
                    <a:pt x="280" y="108"/>
                  </a:lnTo>
                  <a:lnTo>
                    <a:pt x="311" y="95"/>
                  </a:lnTo>
                  <a:lnTo>
                    <a:pt x="331" y="124"/>
                  </a:lnTo>
                  <a:lnTo>
                    <a:pt x="343" y="108"/>
                  </a:lnTo>
                  <a:lnTo>
                    <a:pt x="325" y="74"/>
                  </a:lnTo>
                  <a:lnTo>
                    <a:pt x="343" y="63"/>
                  </a:lnTo>
                  <a:lnTo>
                    <a:pt x="369" y="83"/>
                  </a:lnTo>
                  <a:lnTo>
                    <a:pt x="372" y="50"/>
                  </a:lnTo>
                  <a:lnTo>
                    <a:pt x="392" y="36"/>
                  </a:lnTo>
                  <a:lnTo>
                    <a:pt x="417" y="45"/>
                  </a:lnTo>
                  <a:lnTo>
                    <a:pt x="426" y="18"/>
                  </a:lnTo>
                  <a:lnTo>
                    <a:pt x="502" y="16"/>
                  </a:lnTo>
                  <a:lnTo>
                    <a:pt x="526" y="0"/>
                  </a:lnTo>
                  <a:lnTo>
                    <a:pt x="531" y="43"/>
                  </a:lnTo>
                  <a:lnTo>
                    <a:pt x="593" y="56"/>
                  </a:lnTo>
                  <a:lnTo>
                    <a:pt x="685" y="68"/>
                  </a:lnTo>
                  <a:lnTo>
                    <a:pt x="638" y="92"/>
                  </a:lnTo>
                  <a:lnTo>
                    <a:pt x="672" y="110"/>
                  </a:lnTo>
                  <a:lnTo>
                    <a:pt x="656" y="133"/>
                  </a:lnTo>
                  <a:lnTo>
                    <a:pt x="699" y="171"/>
                  </a:lnTo>
                  <a:lnTo>
                    <a:pt x="679" y="195"/>
                  </a:lnTo>
                  <a:lnTo>
                    <a:pt x="668" y="159"/>
                  </a:lnTo>
                  <a:lnTo>
                    <a:pt x="650" y="171"/>
                  </a:lnTo>
                  <a:lnTo>
                    <a:pt x="618" y="160"/>
                  </a:lnTo>
                  <a:lnTo>
                    <a:pt x="612" y="186"/>
                  </a:lnTo>
                  <a:lnTo>
                    <a:pt x="567" y="213"/>
                  </a:lnTo>
                  <a:lnTo>
                    <a:pt x="535" y="206"/>
                  </a:lnTo>
                  <a:lnTo>
                    <a:pt x="564" y="269"/>
                  </a:lnTo>
                  <a:lnTo>
                    <a:pt x="565" y="290"/>
                  </a:lnTo>
                  <a:lnTo>
                    <a:pt x="540" y="305"/>
                  </a:lnTo>
                  <a:lnTo>
                    <a:pt x="556" y="355"/>
                  </a:lnTo>
                  <a:lnTo>
                    <a:pt x="656" y="421"/>
                  </a:lnTo>
                  <a:lnTo>
                    <a:pt x="679" y="421"/>
                  </a:lnTo>
                  <a:lnTo>
                    <a:pt x="735" y="542"/>
                  </a:lnTo>
                  <a:lnTo>
                    <a:pt x="784" y="589"/>
                  </a:lnTo>
                  <a:lnTo>
                    <a:pt x="797" y="589"/>
                  </a:lnTo>
                  <a:lnTo>
                    <a:pt x="822" y="617"/>
                  </a:lnTo>
                  <a:lnTo>
                    <a:pt x="896" y="617"/>
                  </a:lnTo>
                  <a:lnTo>
                    <a:pt x="927" y="617"/>
                  </a:lnTo>
                  <a:lnTo>
                    <a:pt x="934" y="607"/>
                  </a:lnTo>
                  <a:lnTo>
                    <a:pt x="952" y="612"/>
                  </a:lnTo>
                  <a:lnTo>
                    <a:pt x="952" y="630"/>
                  </a:lnTo>
                  <a:lnTo>
                    <a:pt x="927" y="661"/>
                  </a:lnTo>
                  <a:lnTo>
                    <a:pt x="952" y="679"/>
                  </a:lnTo>
                  <a:lnTo>
                    <a:pt x="1004" y="697"/>
                  </a:lnTo>
                  <a:lnTo>
                    <a:pt x="1039" y="704"/>
                  </a:lnTo>
                  <a:lnTo>
                    <a:pt x="1073" y="711"/>
                  </a:lnTo>
                  <a:lnTo>
                    <a:pt x="1100" y="733"/>
                  </a:lnTo>
                  <a:lnTo>
                    <a:pt x="1158" y="746"/>
                  </a:lnTo>
                  <a:lnTo>
                    <a:pt x="1167" y="767"/>
                  </a:lnTo>
                  <a:lnTo>
                    <a:pt x="1207" y="784"/>
                  </a:lnTo>
                  <a:lnTo>
                    <a:pt x="1219" y="809"/>
                  </a:lnTo>
                  <a:lnTo>
                    <a:pt x="1203" y="851"/>
                  </a:lnTo>
                  <a:lnTo>
                    <a:pt x="1169" y="834"/>
                  </a:lnTo>
                  <a:lnTo>
                    <a:pt x="1162" y="800"/>
                  </a:lnTo>
                  <a:lnTo>
                    <a:pt x="1144" y="787"/>
                  </a:lnTo>
                  <a:lnTo>
                    <a:pt x="1089" y="791"/>
                  </a:lnTo>
                  <a:lnTo>
                    <a:pt x="1059" y="773"/>
                  </a:lnTo>
                  <a:lnTo>
                    <a:pt x="1019" y="831"/>
                  </a:lnTo>
                  <a:lnTo>
                    <a:pt x="1023" y="851"/>
                  </a:lnTo>
                  <a:lnTo>
                    <a:pt x="1008" y="869"/>
                  </a:lnTo>
                  <a:lnTo>
                    <a:pt x="1010" y="879"/>
                  </a:lnTo>
                  <a:lnTo>
                    <a:pt x="1039" y="879"/>
                  </a:lnTo>
                  <a:lnTo>
                    <a:pt x="1084" y="903"/>
                  </a:lnTo>
                  <a:lnTo>
                    <a:pt x="1084" y="930"/>
                  </a:lnTo>
                  <a:lnTo>
                    <a:pt x="1098" y="939"/>
                  </a:lnTo>
                  <a:lnTo>
                    <a:pt x="1089" y="963"/>
                  </a:lnTo>
                  <a:lnTo>
                    <a:pt x="1026" y="990"/>
                  </a:lnTo>
                  <a:lnTo>
                    <a:pt x="1028" y="1024"/>
                  </a:lnTo>
                  <a:lnTo>
                    <a:pt x="1004" y="1055"/>
                  </a:lnTo>
                  <a:lnTo>
                    <a:pt x="981" y="1102"/>
                  </a:lnTo>
                  <a:lnTo>
                    <a:pt x="950" y="1102"/>
                  </a:lnTo>
                  <a:lnTo>
                    <a:pt x="925" y="1062"/>
                  </a:lnTo>
                  <a:lnTo>
                    <a:pt x="954" y="1038"/>
                  </a:lnTo>
                  <a:lnTo>
                    <a:pt x="950" y="999"/>
                  </a:lnTo>
                  <a:lnTo>
                    <a:pt x="997" y="984"/>
                  </a:lnTo>
                  <a:lnTo>
                    <a:pt x="968" y="950"/>
                  </a:lnTo>
                  <a:lnTo>
                    <a:pt x="939" y="883"/>
                  </a:lnTo>
                  <a:lnTo>
                    <a:pt x="927" y="845"/>
                  </a:lnTo>
                  <a:lnTo>
                    <a:pt x="874" y="849"/>
                  </a:lnTo>
                  <a:lnTo>
                    <a:pt x="844" y="822"/>
                  </a:lnTo>
                  <a:lnTo>
                    <a:pt x="826" y="776"/>
                  </a:lnTo>
                  <a:lnTo>
                    <a:pt x="780" y="787"/>
                  </a:lnTo>
                  <a:lnTo>
                    <a:pt x="780" y="760"/>
                  </a:lnTo>
                  <a:lnTo>
                    <a:pt x="739" y="766"/>
                  </a:lnTo>
                  <a:lnTo>
                    <a:pt x="706" y="706"/>
                  </a:lnTo>
                  <a:lnTo>
                    <a:pt x="676" y="711"/>
                  </a:lnTo>
                  <a:lnTo>
                    <a:pt x="634" y="715"/>
                  </a:lnTo>
                  <a:lnTo>
                    <a:pt x="618" y="693"/>
                  </a:lnTo>
                  <a:lnTo>
                    <a:pt x="593" y="693"/>
                  </a:lnTo>
                  <a:lnTo>
                    <a:pt x="538" y="646"/>
                  </a:lnTo>
                  <a:lnTo>
                    <a:pt x="515" y="610"/>
                  </a:lnTo>
                  <a:lnTo>
                    <a:pt x="495" y="607"/>
                  </a:lnTo>
                  <a:lnTo>
                    <a:pt x="470" y="583"/>
                  </a:lnTo>
                  <a:lnTo>
                    <a:pt x="430" y="581"/>
                  </a:lnTo>
                  <a:lnTo>
                    <a:pt x="435" y="560"/>
                  </a:lnTo>
                  <a:lnTo>
                    <a:pt x="361" y="505"/>
                  </a:lnTo>
                  <a:lnTo>
                    <a:pt x="370" y="473"/>
                  </a:lnTo>
                  <a:lnTo>
                    <a:pt x="349" y="430"/>
                  </a:lnTo>
                  <a:lnTo>
                    <a:pt x="349" y="390"/>
                  </a:lnTo>
                  <a:lnTo>
                    <a:pt x="298" y="383"/>
                  </a:lnTo>
                  <a:lnTo>
                    <a:pt x="255" y="346"/>
                  </a:lnTo>
                  <a:lnTo>
                    <a:pt x="240" y="352"/>
                  </a:lnTo>
                  <a:lnTo>
                    <a:pt x="210" y="332"/>
                  </a:lnTo>
                  <a:lnTo>
                    <a:pt x="159" y="352"/>
                  </a:lnTo>
                  <a:lnTo>
                    <a:pt x="141" y="37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Italy"/>
            <p:cNvSpPr>
              <a:spLocks/>
            </p:cNvSpPr>
            <p:nvPr/>
          </p:nvSpPr>
          <p:spPr bwMode="auto">
            <a:xfrm>
              <a:off x="8740096" y="5691188"/>
              <a:ext cx="157163" cy="355600"/>
            </a:xfrm>
            <a:custGeom>
              <a:avLst/>
              <a:gdLst>
                <a:gd name="T0" fmla="*/ 42 w 99"/>
                <a:gd name="T1" fmla="*/ 50 h 224"/>
                <a:gd name="T2" fmla="*/ 52 w 99"/>
                <a:gd name="T3" fmla="*/ 18 h 224"/>
                <a:gd name="T4" fmla="*/ 63 w 99"/>
                <a:gd name="T5" fmla="*/ 0 h 224"/>
                <a:gd name="T6" fmla="*/ 63 w 99"/>
                <a:gd name="T7" fmla="*/ 50 h 224"/>
                <a:gd name="T8" fmla="*/ 99 w 99"/>
                <a:gd name="T9" fmla="*/ 103 h 224"/>
                <a:gd name="T10" fmla="*/ 85 w 99"/>
                <a:gd name="T11" fmla="*/ 144 h 224"/>
                <a:gd name="T12" fmla="*/ 99 w 99"/>
                <a:gd name="T13" fmla="*/ 164 h 224"/>
                <a:gd name="T14" fmla="*/ 85 w 99"/>
                <a:gd name="T15" fmla="*/ 224 h 224"/>
                <a:gd name="T16" fmla="*/ 52 w 99"/>
                <a:gd name="T17" fmla="*/ 193 h 224"/>
                <a:gd name="T18" fmla="*/ 42 w 99"/>
                <a:gd name="T19" fmla="*/ 169 h 224"/>
                <a:gd name="T20" fmla="*/ 14 w 99"/>
                <a:gd name="T21" fmla="*/ 162 h 224"/>
                <a:gd name="T22" fmla="*/ 14 w 99"/>
                <a:gd name="T23" fmla="*/ 121 h 224"/>
                <a:gd name="T24" fmla="*/ 0 w 99"/>
                <a:gd name="T25" fmla="*/ 95 h 224"/>
                <a:gd name="T26" fmla="*/ 23 w 99"/>
                <a:gd name="T27" fmla="*/ 61 h 224"/>
                <a:gd name="T28" fmla="*/ 42 w 99"/>
                <a:gd name="T29" fmla="*/ 50 h 2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224">
                  <a:moveTo>
                    <a:pt x="42" y="50"/>
                  </a:moveTo>
                  <a:lnTo>
                    <a:pt x="52" y="18"/>
                  </a:lnTo>
                  <a:lnTo>
                    <a:pt x="63" y="0"/>
                  </a:lnTo>
                  <a:lnTo>
                    <a:pt x="63" y="50"/>
                  </a:lnTo>
                  <a:lnTo>
                    <a:pt x="99" y="103"/>
                  </a:lnTo>
                  <a:lnTo>
                    <a:pt x="85" y="144"/>
                  </a:lnTo>
                  <a:lnTo>
                    <a:pt x="99" y="164"/>
                  </a:lnTo>
                  <a:lnTo>
                    <a:pt x="85" y="224"/>
                  </a:lnTo>
                  <a:lnTo>
                    <a:pt x="52" y="193"/>
                  </a:lnTo>
                  <a:lnTo>
                    <a:pt x="42" y="169"/>
                  </a:lnTo>
                  <a:lnTo>
                    <a:pt x="14" y="162"/>
                  </a:lnTo>
                  <a:lnTo>
                    <a:pt x="14" y="121"/>
                  </a:lnTo>
                  <a:lnTo>
                    <a:pt x="0" y="95"/>
                  </a:lnTo>
                  <a:lnTo>
                    <a:pt x="23" y="61"/>
                  </a:lnTo>
                  <a:lnTo>
                    <a:pt x="42" y="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Italy"/>
            <p:cNvSpPr>
              <a:spLocks/>
            </p:cNvSpPr>
            <p:nvPr/>
          </p:nvSpPr>
          <p:spPr bwMode="auto">
            <a:xfrm>
              <a:off x="8757558" y="6069013"/>
              <a:ext cx="295275" cy="533400"/>
            </a:xfrm>
            <a:custGeom>
              <a:avLst/>
              <a:gdLst>
                <a:gd name="T0" fmla="*/ 0 w 186"/>
                <a:gd name="T1" fmla="*/ 60 h 336"/>
                <a:gd name="T2" fmla="*/ 31 w 186"/>
                <a:gd name="T3" fmla="*/ 69 h 336"/>
                <a:gd name="T4" fmla="*/ 63 w 186"/>
                <a:gd name="T5" fmla="*/ 36 h 336"/>
                <a:gd name="T6" fmla="*/ 78 w 186"/>
                <a:gd name="T7" fmla="*/ 9 h 336"/>
                <a:gd name="T8" fmla="*/ 105 w 186"/>
                <a:gd name="T9" fmla="*/ 0 h 336"/>
                <a:gd name="T10" fmla="*/ 115 w 186"/>
                <a:gd name="T11" fmla="*/ 34 h 336"/>
                <a:gd name="T12" fmla="*/ 159 w 186"/>
                <a:gd name="T13" fmla="*/ 98 h 336"/>
                <a:gd name="T14" fmla="*/ 144 w 186"/>
                <a:gd name="T15" fmla="*/ 123 h 336"/>
                <a:gd name="T16" fmla="*/ 159 w 186"/>
                <a:gd name="T17" fmla="*/ 145 h 336"/>
                <a:gd name="T18" fmla="*/ 186 w 186"/>
                <a:gd name="T19" fmla="*/ 248 h 336"/>
                <a:gd name="T20" fmla="*/ 186 w 186"/>
                <a:gd name="T21" fmla="*/ 282 h 336"/>
                <a:gd name="T22" fmla="*/ 152 w 186"/>
                <a:gd name="T23" fmla="*/ 282 h 336"/>
                <a:gd name="T24" fmla="*/ 132 w 186"/>
                <a:gd name="T25" fmla="*/ 282 h 336"/>
                <a:gd name="T26" fmla="*/ 137 w 186"/>
                <a:gd name="T27" fmla="*/ 313 h 336"/>
                <a:gd name="T28" fmla="*/ 115 w 186"/>
                <a:gd name="T29" fmla="*/ 336 h 336"/>
                <a:gd name="T30" fmla="*/ 78 w 186"/>
                <a:gd name="T31" fmla="*/ 295 h 336"/>
                <a:gd name="T32" fmla="*/ 78 w 186"/>
                <a:gd name="T33" fmla="*/ 201 h 336"/>
                <a:gd name="T34" fmla="*/ 49 w 186"/>
                <a:gd name="T35" fmla="*/ 168 h 336"/>
                <a:gd name="T36" fmla="*/ 41 w 186"/>
                <a:gd name="T37" fmla="*/ 132 h 336"/>
                <a:gd name="T38" fmla="*/ 14 w 186"/>
                <a:gd name="T39" fmla="*/ 110 h 336"/>
                <a:gd name="T40" fmla="*/ 0 w 186"/>
                <a:gd name="T41" fmla="*/ 60 h 3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86" h="336">
                  <a:moveTo>
                    <a:pt x="0" y="60"/>
                  </a:moveTo>
                  <a:lnTo>
                    <a:pt x="31" y="69"/>
                  </a:lnTo>
                  <a:lnTo>
                    <a:pt x="63" y="36"/>
                  </a:lnTo>
                  <a:lnTo>
                    <a:pt x="78" y="9"/>
                  </a:lnTo>
                  <a:lnTo>
                    <a:pt x="105" y="0"/>
                  </a:lnTo>
                  <a:lnTo>
                    <a:pt x="115" y="34"/>
                  </a:lnTo>
                  <a:lnTo>
                    <a:pt x="159" y="98"/>
                  </a:lnTo>
                  <a:lnTo>
                    <a:pt x="144" y="123"/>
                  </a:lnTo>
                  <a:lnTo>
                    <a:pt x="159" y="145"/>
                  </a:lnTo>
                  <a:lnTo>
                    <a:pt x="186" y="248"/>
                  </a:lnTo>
                  <a:lnTo>
                    <a:pt x="186" y="282"/>
                  </a:lnTo>
                  <a:lnTo>
                    <a:pt x="152" y="282"/>
                  </a:lnTo>
                  <a:lnTo>
                    <a:pt x="132" y="282"/>
                  </a:lnTo>
                  <a:lnTo>
                    <a:pt x="137" y="313"/>
                  </a:lnTo>
                  <a:lnTo>
                    <a:pt x="115" y="336"/>
                  </a:lnTo>
                  <a:lnTo>
                    <a:pt x="78" y="295"/>
                  </a:lnTo>
                  <a:lnTo>
                    <a:pt x="78" y="201"/>
                  </a:lnTo>
                  <a:lnTo>
                    <a:pt x="49" y="168"/>
                  </a:lnTo>
                  <a:lnTo>
                    <a:pt x="41" y="132"/>
                  </a:lnTo>
                  <a:lnTo>
                    <a:pt x="14" y="110"/>
                  </a:lnTo>
                  <a:lnTo>
                    <a:pt x="0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Italy"/>
            <p:cNvSpPr>
              <a:spLocks/>
            </p:cNvSpPr>
            <p:nvPr/>
          </p:nvSpPr>
          <p:spPr bwMode="auto">
            <a:xfrm>
              <a:off x="9462408" y="6516688"/>
              <a:ext cx="439738" cy="341313"/>
            </a:xfrm>
            <a:custGeom>
              <a:avLst/>
              <a:gdLst>
                <a:gd name="T0" fmla="*/ 215 w 277"/>
                <a:gd name="T1" fmla="*/ 36 h 215"/>
                <a:gd name="T2" fmla="*/ 248 w 277"/>
                <a:gd name="T3" fmla="*/ 0 h 215"/>
                <a:gd name="T4" fmla="*/ 253 w 277"/>
                <a:gd name="T5" fmla="*/ 31 h 215"/>
                <a:gd name="T6" fmla="*/ 235 w 277"/>
                <a:gd name="T7" fmla="*/ 74 h 215"/>
                <a:gd name="T8" fmla="*/ 248 w 277"/>
                <a:gd name="T9" fmla="*/ 123 h 215"/>
                <a:gd name="T10" fmla="*/ 277 w 277"/>
                <a:gd name="T11" fmla="*/ 159 h 215"/>
                <a:gd name="T12" fmla="*/ 266 w 277"/>
                <a:gd name="T13" fmla="*/ 191 h 215"/>
                <a:gd name="T14" fmla="*/ 277 w 277"/>
                <a:gd name="T15" fmla="*/ 215 h 215"/>
                <a:gd name="T16" fmla="*/ 246 w 277"/>
                <a:gd name="T17" fmla="*/ 215 h 215"/>
                <a:gd name="T18" fmla="*/ 221 w 277"/>
                <a:gd name="T19" fmla="*/ 215 h 215"/>
                <a:gd name="T20" fmla="*/ 179 w 277"/>
                <a:gd name="T21" fmla="*/ 182 h 215"/>
                <a:gd name="T22" fmla="*/ 159 w 277"/>
                <a:gd name="T23" fmla="*/ 199 h 215"/>
                <a:gd name="T24" fmla="*/ 103 w 277"/>
                <a:gd name="T25" fmla="*/ 182 h 215"/>
                <a:gd name="T26" fmla="*/ 63 w 277"/>
                <a:gd name="T27" fmla="*/ 157 h 215"/>
                <a:gd name="T28" fmla="*/ 31 w 277"/>
                <a:gd name="T29" fmla="*/ 166 h 215"/>
                <a:gd name="T30" fmla="*/ 0 w 277"/>
                <a:gd name="T31" fmla="*/ 134 h 215"/>
                <a:gd name="T32" fmla="*/ 0 w 277"/>
                <a:gd name="T33" fmla="*/ 96 h 215"/>
                <a:gd name="T34" fmla="*/ 6 w 277"/>
                <a:gd name="T35" fmla="*/ 85 h 215"/>
                <a:gd name="T36" fmla="*/ 29 w 277"/>
                <a:gd name="T37" fmla="*/ 97 h 215"/>
                <a:gd name="T38" fmla="*/ 45 w 277"/>
                <a:gd name="T39" fmla="*/ 87 h 215"/>
                <a:gd name="T40" fmla="*/ 38 w 277"/>
                <a:gd name="T41" fmla="*/ 67 h 215"/>
                <a:gd name="T42" fmla="*/ 47 w 277"/>
                <a:gd name="T43" fmla="*/ 63 h 215"/>
                <a:gd name="T44" fmla="*/ 103 w 277"/>
                <a:gd name="T45" fmla="*/ 85 h 215"/>
                <a:gd name="T46" fmla="*/ 121 w 277"/>
                <a:gd name="T47" fmla="*/ 63 h 215"/>
                <a:gd name="T48" fmla="*/ 148 w 277"/>
                <a:gd name="T49" fmla="*/ 67 h 215"/>
                <a:gd name="T50" fmla="*/ 177 w 277"/>
                <a:gd name="T51" fmla="*/ 47 h 215"/>
                <a:gd name="T52" fmla="*/ 192 w 277"/>
                <a:gd name="T53" fmla="*/ 25 h 215"/>
                <a:gd name="T54" fmla="*/ 215 w 277"/>
                <a:gd name="T55" fmla="*/ 36 h 2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77" h="215">
                  <a:moveTo>
                    <a:pt x="215" y="36"/>
                  </a:moveTo>
                  <a:lnTo>
                    <a:pt x="248" y="0"/>
                  </a:lnTo>
                  <a:lnTo>
                    <a:pt x="253" y="31"/>
                  </a:lnTo>
                  <a:lnTo>
                    <a:pt x="235" y="74"/>
                  </a:lnTo>
                  <a:lnTo>
                    <a:pt x="248" y="123"/>
                  </a:lnTo>
                  <a:lnTo>
                    <a:pt x="277" y="159"/>
                  </a:lnTo>
                  <a:lnTo>
                    <a:pt x="266" y="191"/>
                  </a:lnTo>
                  <a:lnTo>
                    <a:pt x="277" y="215"/>
                  </a:lnTo>
                  <a:lnTo>
                    <a:pt x="246" y="215"/>
                  </a:lnTo>
                  <a:lnTo>
                    <a:pt x="221" y="215"/>
                  </a:lnTo>
                  <a:lnTo>
                    <a:pt x="179" y="182"/>
                  </a:lnTo>
                  <a:lnTo>
                    <a:pt x="159" y="199"/>
                  </a:lnTo>
                  <a:lnTo>
                    <a:pt x="103" y="182"/>
                  </a:lnTo>
                  <a:lnTo>
                    <a:pt x="63" y="157"/>
                  </a:lnTo>
                  <a:lnTo>
                    <a:pt x="31" y="166"/>
                  </a:lnTo>
                  <a:lnTo>
                    <a:pt x="0" y="134"/>
                  </a:lnTo>
                  <a:lnTo>
                    <a:pt x="0" y="96"/>
                  </a:lnTo>
                  <a:lnTo>
                    <a:pt x="6" y="85"/>
                  </a:lnTo>
                  <a:lnTo>
                    <a:pt x="29" y="97"/>
                  </a:lnTo>
                  <a:lnTo>
                    <a:pt x="45" y="87"/>
                  </a:lnTo>
                  <a:lnTo>
                    <a:pt x="38" y="67"/>
                  </a:lnTo>
                  <a:lnTo>
                    <a:pt x="47" y="63"/>
                  </a:lnTo>
                  <a:lnTo>
                    <a:pt x="103" y="85"/>
                  </a:lnTo>
                  <a:lnTo>
                    <a:pt x="121" y="63"/>
                  </a:lnTo>
                  <a:lnTo>
                    <a:pt x="148" y="67"/>
                  </a:lnTo>
                  <a:lnTo>
                    <a:pt x="177" y="47"/>
                  </a:lnTo>
                  <a:lnTo>
                    <a:pt x="192" y="25"/>
                  </a:lnTo>
                  <a:lnTo>
                    <a:pt x="215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0" name="Lithuania"/>
          <p:cNvSpPr>
            <a:spLocks/>
          </p:cNvSpPr>
          <p:nvPr/>
        </p:nvSpPr>
        <p:spPr bwMode="auto">
          <a:xfrm>
            <a:off x="10219263" y="2862263"/>
            <a:ext cx="730250" cy="519113"/>
          </a:xfrm>
          <a:custGeom>
            <a:avLst/>
            <a:gdLst>
              <a:gd name="T0" fmla="*/ 137 w 460"/>
              <a:gd name="T1" fmla="*/ 197 h 327"/>
              <a:gd name="T2" fmla="*/ 170 w 460"/>
              <a:gd name="T3" fmla="*/ 213 h 327"/>
              <a:gd name="T4" fmla="*/ 162 w 460"/>
              <a:gd name="T5" fmla="*/ 235 h 327"/>
              <a:gd name="T6" fmla="*/ 171 w 460"/>
              <a:gd name="T7" fmla="*/ 269 h 327"/>
              <a:gd name="T8" fmla="*/ 211 w 460"/>
              <a:gd name="T9" fmla="*/ 291 h 327"/>
              <a:gd name="T10" fmla="*/ 242 w 460"/>
              <a:gd name="T11" fmla="*/ 300 h 327"/>
              <a:gd name="T12" fmla="*/ 246 w 460"/>
              <a:gd name="T13" fmla="*/ 327 h 327"/>
              <a:gd name="T14" fmla="*/ 289 w 460"/>
              <a:gd name="T15" fmla="*/ 302 h 327"/>
              <a:gd name="T16" fmla="*/ 314 w 460"/>
              <a:gd name="T17" fmla="*/ 316 h 327"/>
              <a:gd name="T18" fmla="*/ 343 w 460"/>
              <a:gd name="T19" fmla="*/ 280 h 327"/>
              <a:gd name="T20" fmla="*/ 374 w 460"/>
              <a:gd name="T21" fmla="*/ 262 h 327"/>
              <a:gd name="T22" fmla="*/ 374 w 460"/>
              <a:gd name="T23" fmla="*/ 249 h 327"/>
              <a:gd name="T24" fmla="*/ 395 w 460"/>
              <a:gd name="T25" fmla="*/ 249 h 327"/>
              <a:gd name="T26" fmla="*/ 412 w 460"/>
              <a:gd name="T27" fmla="*/ 262 h 327"/>
              <a:gd name="T28" fmla="*/ 383 w 460"/>
              <a:gd name="T29" fmla="*/ 181 h 327"/>
              <a:gd name="T30" fmla="*/ 401 w 460"/>
              <a:gd name="T31" fmla="*/ 159 h 327"/>
              <a:gd name="T32" fmla="*/ 419 w 460"/>
              <a:gd name="T33" fmla="*/ 159 h 327"/>
              <a:gd name="T34" fmla="*/ 419 w 460"/>
              <a:gd name="T35" fmla="*/ 127 h 327"/>
              <a:gd name="T36" fmla="*/ 460 w 460"/>
              <a:gd name="T37" fmla="*/ 127 h 327"/>
              <a:gd name="T38" fmla="*/ 453 w 460"/>
              <a:gd name="T39" fmla="*/ 100 h 327"/>
              <a:gd name="T40" fmla="*/ 432 w 460"/>
              <a:gd name="T41" fmla="*/ 89 h 327"/>
              <a:gd name="T42" fmla="*/ 432 w 460"/>
              <a:gd name="T43" fmla="*/ 60 h 327"/>
              <a:gd name="T44" fmla="*/ 417 w 460"/>
              <a:gd name="T45" fmla="*/ 60 h 327"/>
              <a:gd name="T46" fmla="*/ 352 w 460"/>
              <a:gd name="T47" fmla="*/ 27 h 327"/>
              <a:gd name="T48" fmla="*/ 300 w 460"/>
              <a:gd name="T49" fmla="*/ 27 h 327"/>
              <a:gd name="T50" fmla="*/ 285 w 460"/>
              <a:gd name="T51" fmla="*/ 0 h 327"/>
              <a:gd name="T52" fmla="*/ 255 w 460"/>
              <a:gd name="T53" fmla="*/ 31 h 327"/>
              <a:gd name="T54" fmla="*/ 184 w 460"/>
              <a:gd name="T55" fmla="*/ 31 h 327"/>
              <a:gd name="T56" fmla="*/ 159 w 460"/>
              <a:gd name="T57" fmla="*/ 22 h 327"/>
              <a:gd name="T58" fmla="*/ 155 w 460"/>
              <a:gd name="T59" fmla="*/ 49 h 327"/>
              <a:gd name="T60" fmla="*/ 137 w 460"/>
              <a:gd name="T61" fmla="*/ 33 h 327"/>
              <a:gd name="T62" fmla="*/ 123 w 460"/>
              <a:gd name="T63" fmla="*/ 45 h 327"/>
              <a:gd name="T64" fmla="*/ 67 w 460"/>
              <a:gd name="T65" fmla="*/ 34 h 327"/>
              <a:gd name="T66" fmla="*/ 14 w 460"/>
              <a:gd name="T67" fmla="*/ 69 h 327"/>
              <a:gd name="T68" fmla="*/ 0 w 460"/>
              <a:gd name="T69" fmla="*/ 96 h 327"/>
              <a:gd name="T70" fmla="*/ 0 w 460"/>
              <a:gd name="T71" fmla="*/ 119 h 327"/>
              <a:gd name="T72" fmla="*/ 18 w 460"/>
              <a:gd name="T73" fmla="*/ 141 h 327"/>
              <a:gd name="T74" fmla="*/ 23 w 460"/>
              <a:gd name="T75" fmla="*/ 181 h 327"/>
              <a:gd name="T76" fmla="*/ 58 w 460"/>
              <a:gd name="T77" fmla="*/ 193 h 327"/>
              <a:gd name="T78" fmla="*/ 108 w 460"/>
              <a:gd name="T79" fmla="*/ 206 h 327"/>
              <a:gd name="T80" fmla="*/ 137 w 460"/>
              <a:gd name="T81" fmla="*/ 19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60" h="327">
                <a:moveTo>
                  <a:pt x="137" y="197"/>
                </a:moveTo>
                <a:lnTo>
                  <a:pt x="170" y="213"/>
                </a:lnTo>
                <a:lnTo>
                  <a:pt x="162" y="235"/>
                </a:lnTo>
                <a:lnTo>
                  <a:pt x="171" y="269"/>
                </a:lnTo>
                <a:lnTo>
                  <a:pt x="211" y="291"/>
                </a:lnTo>
                <a:lnTo>
                  <a:pt x="242" y="300"/>
                </a:lnTo>
                <a:lnTo>
                  <a:pt x="246" y="327"/>
                </a:lnTo>
                <a:lnTo>
                  <a:pt x="289" y="302"/>
                </a:lnTo>
                <a:lnTo>
                  <a:pt x="314" y="316"/>
                </a:lnTo>
                <a:lnTo>
                  <a:pt x="343" y="280"/>
                </a:lnTo>
                <a:lnTo>
                  <a:pt x="374" y="262"/>
                </a:lnTo>
                <a:lnTo>
                  <a:pt x="374" y="249"/>
                </a:lnTo>
                <a:lnTo>
                  <a:pt x="395" y="249"/>
                </a:lnTo>
                <a:lnTo>
                  <a:pt x="412" y="262"/>
                </a:lnTo>
                <a:lnTo>
                  <a:pt x="383" y="181"/>
                </a:lnTo>
                <a:lnTo>
                  <a:pt x="401" y="159"/>
                </a:lnTo>
                <a:lnTo>
                  <a:pt x="419" y="159"/>
                </a:lnTo>
                <a:lnTo>
                  <a:pt x="419" y="127"/>
                </a:lnTo>
                <a:lnTo>
                  <a:pt x="460" y="127"/>
                </a:lnTo>
                <a:lnTo>
                  <a:pt x="453" y="100"/>
                </a:lnTo>
                <a:lnTo>
                  <a:pt x="432" y="89"/>
                </a:lnTo>
                <a:lnTo>
                  <a:pt x="432" y="60"/>
                </a:lnTo>
                <a:lnTo>
                  <a:pt x="417" y="60"/>
                </a:lnTo>
                <a:lnTo>
                  <a:pt x="352" y="27"/>
                </a:lnTo>
                <a:lnTo>
                  <a:pt x="300" y="27"/>
                </a:lnTo>
                <a:lnTo>
                  <a:pt x="285" y="0"/>
                </a:lnTo>
                <a:lnTo>
                  <a:pt x="255" y="31"/>
                </a:lnTo>
                <a:lnTo>
                  <a:pt x="184" y="31"/>
                </a:lnTo>
                <a:lnTo>
                  <a:pt x="159" y="22"/>
                </a:lnTo>
                <a:lnTo>
                  <a:pt x="155" y="49"/>
                </a:lnTo>
                <a:lnTo>
                  <a:pt x="137" y="33"/>
                </a:lnTo>
                <a:lnTo>
                  <a:pt x="123" y="45"/>
                </a:lnTo>
                <a:lnTo>
                  <a:pt x="67" y="34"/>
                </a:lnTo>
                <a:lnTo>
                  <a:pt x="14" y="69"/>
                </a:lnTo>
                <a:lnTo>
                  <a:pt x="0" y="96"/>
                </a:lnTo>
                <a:lnTo>
                  <a:pt x="0" y="119"/>
                </a:lnTo>
                <a:lnTo>
                  <a:pt x="18" y="141"/>
                </a:lnTo>
                <a:lnTo>
                  <a:pt x="23" y="181"/>
                </a:lnTo>
                <a:lnTo>
                  <a:pt x="58" y="193"/>
                </a:lnTo>
                <a:lnTo>
                  <a:pt x="108" y="206"/>
                </a:lnTo>
                <a:lnTo>
                  <a:pt x="137" y="19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31" name="Latvia"/>
          <p:cNvSpPr>
            <a:spLocks/>
          </p:cNvSpPr>
          <p:nvPr/>
        </p:nvSpPr>
        <p:spPr bwMode="auto">
          <a:xfrm>
            <a:off x="10193863" y="2546350"/>
            <a:ext cx="871538" cy="479425"/>
          </a:xfrm>
          <a:custGeom>
            <a:avLst/>
            <a:gdLst>
              <a:gd name="T0" fmla="*/ 213 w 549"/>
              <a:gd name="T1" fmla="*/ 42 h 302"/>
              <a:gd name="T2" fmla="*/ 272 w 549"/>
              <a:gd name="T3" fmla="*/ 0 h 302"/>
              <a:gd name="T4" fmla="*/ 319 w 549"/>
              <a:gd name="T5" fmla="*/ 20 h 302"/>
              <a:gd name="T6" fmla="*/ 354 w 549"/>
              <a:gd name="T7" fmla="*/ 42 h 302"/>
              <a:gd name="T8" fmla="*/ 379 w 549"/>
              <a:gd name="T9" fmla="*/ 55 h 302"/>
              <a:gd name="T10" fmla="*/ 399 w 549"/>
              <a:gd name="T11" fmla="*/ 28 h 302"/>
              <a:gd name="T12" fmla="*/ 431 w 549"/>
              <a:gd name="T13" fmla="*/ 28 h 302"/>
              <a:gd name="T14" fmla="*/ 495 w 549"/>
              <a:gd name="T15" fmla="*/ 58 h 302"/>
              <a:gd name="T16" fmla="*/ 476 w 549"/>
              <a:gd name="T17" fmla="*/ 82 h 302"/>
              <a:gd name="T18" fmla="*/ 491 w 549"/>
              <a:gd name="T19" fmla="*/ 112 h 302"/>
              <a:gd name="T20" fmla="*/ 504 w 549"/>
              <a:gd name="T21" fmla="*/ 112 h 302"/>
              <a:gd name="T22" fmla="*/ 516 w 549"/>
              <a:gd name="T23" fmla="*/ 129 h 302"/>
              <a:gd name="T24" fmla="*/ 549 w 549"/>
              <a:gd name="T25" fmla="*/ 152 h 302"/>
              <a:gd name="T26" fmla="*/ 549 w 549"/>
              <a:gd name="T27" fmla="*/ 174 h 302"/>
              <a:gd name="T28" fmla="*/ 520 w 549"/>
              <a:gd name="T29" fmla="*/ 199 h 302"/>
              <a:gd name="T30" fmla="*/ 513 w 549"/>
              <a:gd name="T31" fmla="*/ 237 h 302"/>
              <a:gd name="T32" fmla="*/ 491 w 549"/>
              <a:gd name="T33" fmla="*/ 237 h 302"/>
              <a:gd name="T34" fmla="*/ 462 w 549"/>
              <a:gd name="T35" fmla="*/ 252 h 302"/>
              <a:gd name="T36" fmla="*/ 448 w 549"/>
              <a:gd name="T37" fmla="*/ 259 h 302"/>
              <a:gd name="T38" fmla="*/ 433 w 549"/>
              <a:gd name="T39" fmla="*/ 259 h 302"/>
              <a:gd name="T40" fmla="*/ 368 w 549"/>
              <a:gd name="T41" fmla="*/ 226 h 302"/>
              <a:gd name="T42" fmla="*/ 316 w 549"/>
              <a:gd name="T43" fmla="*/ 226 h 302"/>
              <a:gd name="T44" fmla="*/ 301 w 549"/>
              <a:gd name="T45" fmla="*/ 199 h 302"/>
              <a:gd name="T46" fmla="*/ 271 w 549"/>
              <a:gd name="T47" fmla="*/ 230 h 302"/>
              <a:gd name="T48" fmla="*/ 200 w 549"/>
              <a:gd name="T49" fmla="*/ 230 h 302"/>
              <a:gd name="T50" fmla="*/ 175 w 549"/>
              <a:gd name="T51" fmla="*/ 221 h 302"/>
              <a:gd name="T52" fmla="*/ 171 w 549"/>
              <a:gd name="T53" fmla="*/ 248 h 302"/>
              <a:gd name="T54" fmla="*/ 153 w 549"/>
              <a:gd name="T55" fmla="*/ 232 h 302"/>
              <a:gd name="T56" fmla="*/ 139 w 549"/>
              <a:gd name="T57" fmla="*/ 244 h 302"/>
              <a:gd name="T58" fmla="*/ 83 w 549"/>
              <a:gd name="T59" fmla="*/ 233 h 302"/>
              <a:gd name="T60" fmla="*/ 30 w 549"/>
              <a:gd name="T61" fmla="*/ 268 h 302"/>
              <a:gd name="T62" fmla="*/ 16 w 549"/>
              <a:gd name="T63" fmla="*/ 302 h 302"/>
              <a:gd name="T64" fmla="*/ 9 w 549"/>
              <a:gd name="T65" fmla="*/ 261 h 302"/>
              <a:gd name="T66" fmla="*/ 0 w 549"/>
              <a:gd name="T67" fmla="*/ 192 h 302"/>
              <a:gd name="T68" fmla="*/ 16 w 549"/>
              <a:gd name="T69" fmla="*/ 174 h 302"/>
              <a:gd name="T70" fmla="*/ 16 w 549"/>
              <a:gd name="T71" fmla="*/ 131 h 302"/>
              <a:gd name="T72" fmla="*/ 36 w 549"/>
              <a:gd name="T73" fmla="*/ 102 h 302"/>
              <a:gd name="T74" fmla="*/ 68 w 549"/>
              <a:gd name="T75" fmla="*/ 87 h 302"/>
              <a:gd name="T76" fmla="*/ 101 w 549"/>
              <a:gd name="T77" fmla="*/ 69 h 302"/>
              <a:gd name="T78" fmla="*/ 103 w 549"/>
              <a:gd name="T79" fmla="*/ 96 h 302"/>
              <a:gd name="T80" fmla="*/ 139 w 549"/>
              <a:gd name="T81" fmla="*/ 114 h 302"/>
              <a:gd name="T82" fmla="*/ 160 w 549"/>
              <a:gd name="T83" fmla="*/ 152 h 302"/>
              <a:gd name="T84" fmla="*/ 206 w 549"/>
              <a:gd name="T85" fmla="*/ 152 h 302"/>
              <a:gd name="T86" fmla="*/ 238 w 549"/>
              <a:gd name="T87" fmla="*/ 131 h 302"/>
              <a:gd name="T88" fmla="*/ 231 w 549"/>
              <a:gd name="T89" fmla="*/ 102 h 302"/>
              <a:gd name="T90" fmla="*/ 215 w 549"/>
              <a:gd name="T91" fmla="*/ 67 h 302"/>
              <a:gd name="T92" fmla="*/ 213 w 549"/>
              <a:gd name="T93" fmla="*/ 42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549" h="302">
                <a:moveTo>
                  <a:pt x="213" y="42"/>
                </a:moveTo>
                <a:lnTo>
                  <a:pt x="272" y="0"/>
                </a:lnTo>
                <a:lnTo>
                  <a:pt x="319" y="20"/>
                </a:lnTo>
                <a:lnTo>
                  <a:pt x="354" y="42"/>
                </a:lnTo>
                <a:lnTo>
                  <a:pt x="379" y="55"/>
                </a:lnTo>
                <a:lnTo>
                  <a:pt x="399" y="28"/>
                </a:lnTo>
                <a:lnTo>
                  <a:pt x="431" y="28"/>
                </a:lnTo>
                <a:lnTo>
                  <a:pt x="495" y="58"/>
                </a:lnTo>
                <a:lnTo>
                  <a:pt x="476" y="82"/>
                </a:lnTo>
                <a:lnTo>
                  <a:pt x="491" y="112"/>
                </a:lnTo>
                <a:lnTo>
                  <a:pt x="504" y="112"/>
                </a:lnTo>
                <a:lnTo>
                  <a:pt x="516" y="129"/>
                </a:lnTo>
                <a:lnTo>
                  <a:pt x="549" y="152"/>
                </a:lnTo>
                <a:lnTo>
                  <a:pt x="549" y="174"/>
                </a:lnTo>
                <a:lnTo>
                  <a:pt x="520" y="199"/>
                </a:lnTo>
                <a:lnTo>
                  <a:pt x="513" y="237"/>
                </a:lnTo>
                <a:lnTo>
                  <a:pt x="491" y="237"/>
                </a:lnTo>
                <a:lnTo>
                  <a:pt x="462" y="252"/>
                </a:lnTo>
                <a:lnTo>
                  <a:pt x="448" y="259"/>
                </a:lnTo>
                <a:lnTo>
                  <a:pt x="433" y="259"/>
                </a:lnTo>
                <a:lnTo>
                  <a:pt x="368" y="226"/>
                </a:lnTo>
                <a:lnTo>
                  <a:pt x="316" y="226"/>
                </a:lnTo>
                <a:lnTo>
                  <a:pt x="301" y="199"/>
                </a:lnTo>
                <a:lnTo>
                  <a:pt x="271" y="230"/>
                </a:lnTo>
                <a:lnTo>
                  <a:pt x="200" y="230"/>
                </a:lnTo>
                <a:lnTo>
                  <a:pt x="175" y="221"/>
                </a:lnTo>
                <a:lnTo>
                  <a:pt x="171" y="248"/>
                </a:lnTo>
                <a:lnTo>
                  <a:pt x="153" y="232"/>
                </a:lnTo>
                <a:lnTo>
                  <a:pt x="139" y="244"/>
                </a:lnTo>
                <a:lnTo>
                  <a:pt x="83" y="233"/>
                </a:lnTo>
                <a:lnTo>
                  <a:pt x="30" y="268"/>
                </a:lnTo>
                <a:lnTo>
                  <a:pt x="16" y="302"/>
                </a:lnTo>
                <a:lnTo>
                  <a:pt x="9" y="261"/>
                </a:lnTo>
                <a:lnTo>
                  <a:pt x="0" y="192"/>
                </a:lnTo>
                <a:lnTo>
                  <a:pt x="16" y="174"/>
                </a:lnTo>
                <a:lnTo>
                  <a:pt x="16" y="131"/>
                </a:lnTo>
                <a:lnTo>
                  <a:pt x="36" y="102"/>
                </a:lnTo>
                <a:lnTo>
                  <a:pt x="68" y="87"/>
                </a:lnTo>
                <a:lnTo>
                  <a:pt x="101" y="69"/>
                </a:lnTo>
                <a:lnTo>
                  <a:pt x="103" y="96"/>
                </a:lnTo>
                <a:lnTo>
                  <a:pt x="139" y="114"/>
                </a:lnTo>
                <a:lnTo>
                  <a:pt x="160" y="152"/>
                </a:lnTo>
                <a:lnTo>
                  <a:pt x="206" y="152"/>
                </a:lnTo>
                <a:lnTo>
                  <a:pt x="238" y="131"/>
                </a:lnTo>
                <a:lnTo>
                  <a:pt x="231" y="102"/>
                </a:lnTo>
                <a:lnTo>
                  <a:pt x="215" y="67"/>
                </a:lnTo>
                <a:lnTo>
                  <a:pt x="213" y="4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grpSp>
        <p:nvGrpSpPr>
          <p:cNvPr id="32" name="Estonia"/>
          <p:cNvGrpSpPr/>
          <p:nvPr/>
        </p:nvGrpSpPr>
        <p:grpSpPr>
          <a:xfrm>
            <a:off x="10233551" y="2214246"/>
            <a:ext cx="675007" cy="427038"/>
            <a:chOff x="10254571" y="2214246"/>
            <a:chExt cx="675007" cy="427038"/>
          </a:xfrm>
          <a:solidFill>
            <a:srgbClr val="E1E0DC"/>
          </a:solidFill>
        </p:grpSpPr>
        <p:sp>
          <p:nvSpPr>
            <p:cNvPr id="33" name="Freeform 105"/>
            <p:cNvSpPr>
              <a:spLocks/>
            </p:cNvSpPr>
            <p:nvPr/>
          </p:nvSpPr>
          <p:spPr bwMode="auto">
            <a:xfrm>
              <a:off x="10254571" y="2406650"/>
              <a:ext cx="88900" cy="71438"/>
            </a:xfrm>
            <a:custGeom>
              <a:avLst/>
              <a:gdLst>
                <a:gd name="T0" fmla="*/ 32 w 56"/>
                <a:gd name="T1" fmla="*/ 45 h 45"/>
                <a:gd name="T2" fmla="*/ 20 w 56"/>
                <a:gd name="T3" fmla="*/ 34 h 45"/>
                <a:gd name="T4" fmla="*/ 0 w 56"/>
                <a:gd name="T5" fmla="*/ 23 h 45"/>
                <a:gd name="T6" fmla="*/ 32 w 56"/>
                <a:gd name="T7" fmla="*/ 14 h 45"/>
                <a:gd name="T8" fmla="*/ 32 w 56"/>
                <a:gd name="T9" fmla="*/ 0 h 45"/>
                <a:gd name="T10" fmla="*/ 56 w 56"/>
                <a:gd name="T11" fmla="*/ 9 h 45"/>
                <a:gd name="T12" fmla="*/ 56 w 56"/>
                <a:gd name="T13" fmla="*/ 27 h 45"/>
                <a:gd name="T14" fmla="*/ 56 w 56"/>
                <a:gd name="T15" fmla="*/ 45 h 45"/>
                <a:gd name="T16" fmla="*/ 32 w 56"/>
                <a:gd name="T17" fmla="*/ 45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6" h="45">
                  <a:moveTo>
                    <a:pt x="32" y="45"/>
                  </a:moveTo>
                  <a:lnTo>
                    <a:pt x="20" y="34"/>
                  </a:lnTo>
                  <a:lnTo>
                    <a:pt x="0" y="23"/>
                  </a:lnTo>
                  <a:lnTo>
                    <a:pt x="32" y="14"/>
                  </a:lnTo>
                  <a:lnTo>
                    <a:pt x="32" y="0"/>
                  </a:lnTo>
                  <a:lnTo>
                    <a:pt x="56" y="9"/>
                  </a:lnTo>
                  <a:lnTo>
                    <a:pt x="56" y="27"/>
                  </a:lnTo>
                  <a:lnTo>
                    <a:pt x="56" y="45"/>
                  </a:lnTo>
                  <a:lnTo>
                    <a:pt x="32" y="4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4" name="Freeform 106"/>
            <p:cNvSpPr>
              <a:spLocks/>
            </p:cNvSpPr>
            <p:nvPr/>
          </p:nvSpPr>
          <p:spPr bwMode="auto">
            <a:xfrm>
              <a:off x="10300608" y="2478088"/>
              <a:ext cx="92075" cy="138113"/>
            </a:xfrm>
            <a:custGeom>
              <a:avLst/>
              <a:gdLst>
                <a:gd name="T0" fmla="*/ 5 w 58"/>
                <a:gd name="T1" fmla="*/ 13 h 87"/>
                <a:gd name="T2" fmla="*/ 38 w 58"/>
                <a:gd name="T3" fmla="*/ 0 h 87"/>
                <a:gd name="T4" fmla="*/ 58 w 58"/>
                <a:gd name="T5" fmla="*/ 18 h 87"/>
                <a:gd name="T6" fmla="*/ 52 w 58"/>
                <a:gd name="T7" fmla="*/ 43 h 87"/>
                <a:gd name="T8" fmla="*/ 32 w 58"/>
                <a:gd name="T9" fmla="*/ 58 h 87"/>
                <a:gd name="T10" fmla="*/ 12 w 58"/>
                <a:gd name="T11" fmla="*/ 71 h 87"/>
                <a:gd name="T12" fmla="*/ 5 w 58"/>
                <a:gd name="T13" fmla="*/ 85 h 87"/>
                <a:gd name="T14" fmla="*/ 0 w 58"/>
                <a:gd name="T15" fmla="*/ 87 h 87"/>
                <a:gd name="T16" fmla="*/ 5 w 58"/>
                <a:gd name="T17" fmla="*/ 13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8" h="87">
                  <a:moveTo>
                    <a:pt x="5" y="13"/>
                  </a:moveTo>
                  <a:lnTo>
                    <a:pt x="38" y="0"/>
                  </a:lnTo>
                  <a:lnTo>
                    <a:pt x="58" y="18"/>
                  </a:lnTo>
                  <a:lnTo>
                    <a:pt x="52" y="43"/>
                  </a:lnTo>
                  <a:lnTo>
                    <a:pt x="32" y="58"/>
                  </a:lnTo>
                  <a:lnTo>
                    <a:pt x="12" y="71"/>
                  </a:lnTo>
                  <a:lnTo>
                    <a:pt x="5" y="85"/>
                  </a:lnTo>
                  <a:lnTo>
                    <a:pt x="0" y="87"/>
                  </a:lnTo>
                  <a:lnTo>
                    <a:pt x="5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5" name="Freeform 43"/>
            <p:cNvSpPr>
              <a:spLocks/>
            </p:cNvSpPr>
            <p:nvPr/>
          </p:nvSpPr>
          <p:spPr bwMode="auto">
            <a:xfrm>
              <a:off x="10394590" y="2214246"/>
              <a:ext cx="534988" cy="427038"/>
            </a:xfrm>
            <a:custGeom>
              <a:avLst/>
              <a:gdLst>
                <a:gd name="T0" fmla="*/ 301 w 337"/>
                <a:gd name="T1" fmla="*/ 157 h 269"/>
                <a:gd name="T2" fmla="*/ 326 w 337"/>
                <a:gd name="T3" fmla="*/ 168 h 269"/>
                <a:gd name="T4" fmla="*/ 337 w 337"/>
                <a:gd name="T5" fmla="*/ 193 h 269"/>
                <a:gd name="T6" fmla="*/ 326 w 337"/>
                <a:gd name="T7" fmla="*/ 208 h 269"/>
                <a:gd name="T8" fmla="*/ 326 w 337"/>
                <a:gd name="T9" fmla="*/ 229 h 269"/>
                <a:gd name="T10" fmla="*/ 337 w 337"/>
                <a:gd name="T11" fmla="*/ 249 h 269"/>
                <a:gd name="T12" fmla="*/ 320 w 337"/>
                <a:gd name="T13" fmla="*/ 242 h 269"/>
                <a:gd name="T14" fmla="*/ 288 w 337"/>
                <a:gd name="T15" fmla="*/ 242 h 269"/>
                <a:gd name="T16" fmla="*/ 268 w 337"/>
                <a:gd name="T17" fmla="*/ 269 h 269"/>
                <a:gd name="T18" fmla="*/ 243 w 337"/>
                <a:gd name="T19" fmla="*/ 257 h 269"/>
                <a:gd name="T20" fmla="*/ 208 w 337"/>
                <a:gd name="T21" fmla="*/ 235 h 269"/>
                <a:gd name="T22" fmla="*/ 160 w 337"/>
                <a:gd name="T23" fmla="*/ 215 h 269"/>
                <a:gd name="T24" fmla="*/ 100 w 337"/>
                <a:gd name="T25" fmla="*/ 257 h 269"/>
                <a:gd name="T26" fmla="*/ 100 w 337"/>
                <a:gd name="T27" fmla="*/ 239 h 269"/>
                <a:gd name="T28" fmla="*/ 107 w 337"/>
                <a:gd name="T29" fmla="*/ 228 h 269"/>
                <a:gd name="T30" fmla="*/ 109 w 337"/>
                <a:gd name="T31" fmla="*/ 195 h 269"/>
                <a:gd name="T32" fmla="*/ 91 w 337"/>
                <a:gd name="T33" fmla="*/ 183 h 269"/>
                <a:gd name="T34" fmla="*/ 80 w 337"/>
                <a:gd name="T35" fmla="*/ 213 h 269"/>
                <a:gd name="T36" fmla="*/ 62 w 337"/>
                <a:gd name="T37" fmla="*/ 202 h 269"/>
                <a:gd name="T38" fmla="*/ 44 w 337"/>
                <a:gd name="T39" fmla="*/ 208 h 269"/>
                <a:gd name="T40" fmla="*/ 38 w 337"/>
                <a:gd name="T41" fmla="*/ 193 h 269"/>
                <a:gd name="T42" fmla="*/ 44 w 337"/>
                <a:gd name="T43" fmla="*/ 177 h 269"/>
                <a:gd name="T44" fmla="*/ 11 w 337"/>
                <a:gd name="T45" fmla="*/ 157 h 269"/>
                <a:gd name="T46" fmla="*/ 17 w 337"/>
                <a:gd name="T47" fmla="*/ 137 h 269"/>
                <a:gd name="T48" fmla="*/ 0 w 337"/>
                <a:gd name="T49" fmla="*/ 110 h 269"/>
                <a:gd name="T50" fmla="*/ 11 w 337"/>
                <a:gd name="T51" fmla="*/ 90 h 269"/>
                <a:gd name="T52" fmla="*/ 44 w 337"/>
                <a:gd name="T53" fmla="*/ 90 h 269"/>
                <a:gd name="T54" fmla="*/ 40 w 337"/>
                <a:gd name="T55" fmla="*/ 72 h 269"/>
                <a:gd name="T56" fmla="*/ 76 w 337"/>
                <a:gd name="T57" fmla="*/ 52 h 269"/>
                <a:gd name="T58" fmla="*/ 93 w 337"/>
                <a:gd name="T59" fmla="*/ 40 h 269"/>
                <a:gd name="T60" fmla="*/ 103 w 337"/>
                <a:gd name="T61" fmla="*/ 49 h 269"/>
                <a:gd name="T62" fmla="*/ 134 w 337"/>
                <a:gd name="T63" fmla="*/ 40 h 269"/>
                <a:gd name="T64" fmla="*/ 141 w 337"/>
                <a:gd name="T65" fmla="*/ 22 h 269"/>
                <a:gd name="T66" fmla="*/ 163 w 337"/>
                <a:gd name="T67" fmla="*/ 14 h 269"/>
                <a:gd name="T68" fmla="*/ 174 w 337"/>
                <a:gd name="T69" fmla="*/ 22 h 269"/>
                <a:gd name="T70" fmla="*/ 268 w 337"/>
                <a:gd name="T71" fmla="*/ 25 h 269"/>
                <a:gd name="T72" fmla="*/ 288 w 337"/>
                <a:gd name="T73" fmla="*/ 14 h 269"/>
                <a:gd name="T74" fmla="*/ 306 w 337"/>
                <a:gd name="T75" fmla="*/ 0 h 269"/>
                <a:gd name="T76" fmla="*/ 311 w 337"/>
                <a:gd name="T77" fmla="*/ 13 h 269"/>
                <a:gd name="T78" fmla="*/ 293 w 337"/>
                <a:gd name="T79" fmla="*/ 34 h 269"/>
                <a:gd name="T80" fmla="*/ 297 w 337"/>
                <a:gd name="T81" fmla="*/ 60 h 269"/>
                <a:gd name="T82" fmla="*/ 277 w 337"/>
                <a:gd name="T83" fmla="*/ 83 h 269"/>
                <a:gd name="T84" fmla="*/ 288 w 337"/>
                <a:gd name="T85" fmla="*/ 117 h 269"/>
                <a:gd name="T86" fmla="*/ 308 w 337"/>
                <a:gd name="T87" fmla="*/ 123 h 269"/>
                <a:gd name="T88" fmla="*/ 301 w 337"/>
                <a:gd name="T89" fmla="*/ 157 h 2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337" h="269">
                  <a:moveTo>
                    <a:pt x="301" y="157"/>
                  </a:moveTo>
                  <a:lnTo>
                    <a:pt x="326" y="168"/>
                  </a:lnTo>
                  <a:lnTo>
                    <a:pt x="337" y="193"/>
                  </a:lnTo>
                  <a:lnTo>
                    <a:pt x="326" y="208"/>
                  </a:lnTo>
                  <a:lnTo>
                    <a:pt x="326" y="229"/>
                  </a:lnTo>
                  <a:lnTo>
                    <a:pt x="337" y="249"/>
                  </a:lnTo>
                  <a:lnTo>
                    <a:pt x="320" y="242"/>
                  </a:lnTo>
                  <a:lnTo>
                    <a:pt x="288" y="242"/>
                  </a:lnTo>
                  <a:lnTo>
                    <a:pt x="268" y="269"/>
                  </a:lnTo>
                  <a:lnTo>
                    <a:pt x="243" y="257"/>
                  </a:lnTo>
                  <a:lnTo>
                    <a:pt x="208" y="235"/>
                  </a:lnTo>
                  <a:lnTo>
                    <a:pt x="160" y="215"/>
                  </a:lnTo>
                  <a:lnTo>
                    <a:pt x="100" y="257"/>
                  </a:lnTo>
                  <a:lnTo>
                    <a:pt x="100" y="239"/>
                  </a:lnTo>
                  <a:lnTo>
                    <a:pt x="107" y="228"/>
                  </a:lnTo>
                  <a:lnTo>
                    <a:pt x="109" y="195"/>
                  </a:lnTo>
                  <a:lnTo>
                    <a:pt x="91" y="183"/>
                  </a:lnTo>
                  <a:lnTo>
                    <a:pt x="80" y="213"/>
                  </a:lnTo>
                  <a:lnTo>
                    <a:pt x="62" y="202"/>
                  </a:lnTo>
                  <a:lnTo>
                    <a:pt x="44" y="208"/>
                  </a:lnTo>
                  <a:lnTo>
                    <a:pt x="38" y="193"/>
                  </a:lnTo>
                  <a:lnTo>
                    <a:pt x="44" y="177"/>
                  </a:lnTo>
                  <a:lnTo>
                    <a:pt x="11" y="157"/>
                  </a:lnTo>
                  <a:lnTo>
                    <a:pt x="17" y="137"/>
                  </a:lnTo>
                  <a:lnTo>
                    <a:pt x="0" y="110"/>
                  </a:lnTo>
                  <a:lnTo>
                    <a:pt x="11" y="90"/>
                  </a:lnTo>
                  <a:lnTo>
                    <a:pt x="44" y="90"/>
                  </a:lnTo>
                  <a:lnTo>
                    <a:pt x="40" y="72"/>
                  </a:lnTo>
                  <a:lnTo>
                    <a:pt x="76" y="52"/>
                  </a:lnTo>
                  <a:lnTo>
                    <a:pt x="93" y="40"/>
                  </a:lnTo>
                  <a:lnTo>
                    <a:pt x="103" y="49"/>
                  </a:lnTo>
                  <a:lnTo>
                    <a:pt x="134" y="40"/>
                  </a:lnTo>
                  <a:lnTo>
                    <a:pt x="141" y="22"/>
                  </a:lnTo>
                  <a:lnTo>
                    <a:pt x="163" y="14"/>
                  </a:lnTo>
                  <a:lnTo>
                    <a:pt x="174" y="22"/>
                  </a:lnTo>
                  <a:lnTo>
                    <a:pt x="268" y="25"/>
                  </a:lnTo>
                  <a:lnTo>
                    <a:pt x="288" y="14"/>
                  </a:lnTo>
                  <a:lnTo>
                    <a:pt x="306" y="0"/>
                  </a:lnTo>
                  <a:lnTo>
                    <a:pt x="311" y="13"/>
                  </a:lnTo>
                  <a:lnTo>
                    <a:pt x="293" y="34"/>
                  </a:lnTo>
                  <a:lnTo>
                    <a:pt x="297" y="60"/>
                  </a:lnTo>
                  <a:lnTo>
                    <a:pt x="277" y="83"/>
                  </a:lnTo>
                  <a:lnTo>
                    <a:pt x="288" y="117"/>
                  </a:lnTo>
                  <a:lnTo>
                    <a:pt x="308" y="123"/>
                  </a:lnTo>
                  <a:lnTo>
                    <a:pt x="301" y="1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grpSp>
        <p:nvGrpSpPr>
          <p:cNvPr id="36" name="Kosovo"/>
          <p:cNvGrpSpPr/>
          <p:nvPr/>
        </p:nvGrpSpPr>
        <p:grpSpPr>
          <a:xfrm>
            <a:off x="10522476" y="5503863"/>
            <a:ext cx="169863" cy="155857"/>
            <a:chOff x="10543496" y="5503863"/>
            <a:chExt cx="169863" cy="155857"/>
          </a:xfrm>
          <a:solidFill>
            <a:schemeClr val="bg1"/>
          </a:solidFill>
        </p:grpSpPr>
        <p:sp>
          <p:nvSpPr>
            <p:cNvPr id="37" name="Freeform 110"/>
            <p:cNvSpPr>
              <a:spLocks/>
            </p:cNvSpPr>
            <p:nvPr/>
          </p:nvSpPr>
          <p:spPr bwMode="auto">
            <a:xfrm>
              <a:off x="10692721" y="5623720"/>
              <a:ext cx="14288" cy="36000"/>
            </a:xfrm>
            <a:custGeom>
              <a:avLst/>
              <a:gdLst>
                <a:gd name="T0" fmla="*/ 7 w 9"/>
                <a:gd name="T1" fmla="*/ 11 h 11"/>
                <a:gd name="T2" fmla="*/ 0 w 9"/>
                <a:gd name="T3" fmla="*/ 11 h 11"/>
                <a:gd name="T4" fmla="*/ 2 w 9"/>
                <a:gd name="T5" fmla="*/ 0 h 11"/>
                <a:gd name="T6" fmla="*/ 9 w 9"/>
                <a:gd name="T7" fmla="*/ 0 h 11"/>
                <a:gd name="T8" fmla="*/ 7 w 9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7" y="11"/>
                  </a:moveTo>
                  <a:lnTo>
                    <a:pt x="0" y="11"/>
                  </a:lnTo>
                  <a:lnTo>
                    <a:pt x="2" y="0"/>
                  </a:lnTo>
                  <a:lnTo>
                    <a:pt x="9" y="0"/>
                  </a:lnTo>
                  <a:lnTo>
                    <a:pt x="7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8" name="Freeform 111"/>
            <p:cNvSpPr>
              <a:spLocks/>
            </p:cNvSpPr>
            <p:nvPr/>
          </p:nvSpPr>
          <p:spPr bwMode="auto">
            <a:xfrm>
              <a:off x="10689546" y="5573713"/>
              <a:ext cx="23813" cy="33338"/>
            </a:xfrm>
            <a:custGeom>
              <a:avLst/>
              <a:gdLst>
                <a:gd name="T0" fmla="*/ 13 w 15"/>
                <a:gd name="T1" fmla="*/ 21 h 21"/>
                <a:gd name="T2" fmla="*/ 6 w 15"/>
                <a:gd name="T3" fmla="*/ 21 h 21"/>
                <a:gd name="T4" fmla="*/ 8 w 15"/>
                <a:gd name="T5" fmla="*/ 12 h 21"/>
                <a:gd name="T6" fmla="*/ 0 w 15"/>
                <a:gd name="T7" fmla="*/ 5 h 21"/>
                <a:gd name="T8" fmla="*/ 6 w 15"/>
                <a:gd name="T9" fmla="*/ 0 h 21"/>
                <a:gd name="T10" fmla="*/ 15 w 15"/>
                <a:gd name="T11" fmla="*/ 9 h 21"/>
                <a:gd name="T12" fmla="*/ 13 w 15"/>
                <a:gd name="T13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" h="21">
                  <a:moveTo>
                    <a:pt x="13" y="21"/>
                  </a:moveTo>
                  <a:lnTo>
                    <a:pt x="6" y="21"/>
                  </a:lnTo>
                  <a:lnTo>
                    <a:pt x="8" y="12"/>
                  </a:lnTo>
                  <a:lnTo>
                    <a:pt x="0" y="5"/>
                  </a:lnTo>
                  <a:lnTo>
                    <a:pt x="6" y="0"/>
                  </a:lnTo>
                  <a:lnTo>
                    <a:pt x="15" y="9"/>
                  </a:lnTo>
                  <a:lnTo>
                    <a:pt x="1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9" name="Freeform 112"/>
            <p:cNvSpPr>
              <a:spLocks/>
            </p:cNvSpPr>
            <p:nvPr/>
          </p:nvSpPr>
          <p:spPr bwMode="auto">
            <a:xfrm>
              <a:off x="10656208" y="5535613"/>
              <a:ext cx="25400" cy="28575"/>
            </a:xfrm>
            <a:custGeom>
              <a:avLst/>
              <a:gdLst>
                <a:gd name="T0" fmla="*/ 11 w 16"/>
                <a:gd name="T1" fmla="*/ 18 h 18"/>
                <a:gd name="T2" fmla="*/ 0 w 16"/>
                <a:gd name="T3" fmla="*/ 5 h 18"/>
                <a:gd name="T4" fmla="*/ 5 w 16"/>
                <a:gd name="T5" fmla="*/ 0 h 18"/>
                <a:gd name="T6" fmla="*/ 16 w 16"/>
                <a:gd name="T7" fmla="*/ 13 h 18"/>
                <a:gd name="T8" fmla="*/ 11 w 16"/>
                <a:gd name="T9" fmla="*/ 18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8">
                  <a:moveTo>
                    <a:pt x="11" y="18"/>
                  </a:moveTo>
                  <a:lnTo>
                    <a:pt x="0" y="5"/>
                  </a:lnTo>
                  <a:lnTo>
                    <a:pt x="5" y="0"/>
                  </a:lnTo>
                  <a:lnTo>
                    <a:pt x="16" y="13"/>
                  </a:lnTo>
                  <a:lnTo>
                    <a:pt x="11" y="1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40" name="Freeform 113"/>
            <p:cNvSpPr>
              <a:spLocks/>
            </p:cNvSpPr>
            <p:nvPr/>
          </p:nvSpPr>
          <p:spPr bwMode="auto">
            <a:xfrm>
              <a:off x="10613346" y="5503863"/>
              <a:ext cx="33338" cy="23813"/>
            </a:xfrm>
            <a:custGeom>
              <a:avLst/>
              <a:gdLst>
                <a:gd name="T0" fmla="*/ 16 w 21"/>
                <a:gd name="T1" fmla="*/ 15 h 15"/>
                <a:gd name="T2" fmla="*/ 11 w 21"/>
                <a:gd name="T3" fmla="*/ 7 h 15"/>
                <a:gd name="T4" fmla="*/ 1 w 21"/>
                <a:gd name="T5" fmla="*/ 11 h 15"/>
                <a:gd name="T6" fmla="*/ 0 w 21"/>
                <a:gd name="T7" fmla="*/ 4 h 15"/>
                <a:gd name="T8" fmla="*/ 11 w 21"/>
                <a:gd name="T9" fmla="*/ 0 h 15"/>
                <a:gd name="T10" fmla="*/ 21 w 21"/>
                <a:gd name="T11" fmla="*/ 9 h 15"/>
                <a:gd name="T12" fmla="*/ 16 w 21"/>
                <a:gd name="T13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1" h="15">
                  <a:moveTo>
                    <a:pt x="16" y="15"/>
                  </a:moveTo>
                  <a:lnTo>
                    <a:pt x="11" y="7"/>
                  </a:lnTo>
                  <a:lnTo>
                    <a:pt x="1" y="11"/>
                  </a:lnTo>
                  <a:lnTo>
                    <a:pt x="0" y="4"/>
                  </a:lnTo>
                  <a:lnTo>
                    <a:pt x="11" y="0"/>
                  </a:lnTo>
                  <a:lnTo>
                    <a:pt x="21" y="9"/>
                  </a:lnTo>
                  <a:lnTo>
                    <a:pt x="16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41" name="Freeform 114"/>
            <p:cNvSpPr>
              <a:spLocks/>
            </p:cNvSpPr>
            <p:nvPr/>
          </p:nvSpPr>
          <p:spPr bwMode="auto">
            <a:xfrm>
              <a:off x="10578421" y="5518150"/>
              <a:ext cx="20638" cy="17463"/>
            </a:xfrm>
            <a:custGeom>
              <a:avLst/>
              <a:gdLst>
                <a:gd name="T0" fmla="*/ 2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2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2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2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42" name="Freeform 115"/>
            <p:cNvSpPr>
              <a:spLocks/>
            </p:cNvSpPr>
            <p:nvPr/>
          </p:nvSpPr>
          <p:spPr bwMode="auto">
            <a:xfrm>
              <a:off x="10543496" y="5532438"/>
              <a:ext cx="20638" cy="17463"/>
            </a:xfrm>
            <a:custGeom>
              <a:avLst/>
              <a:gdLst>
                <a:gd name="T0" fmla="*/ 4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4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4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4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sp>
        <p:nvSpPr>
          <p:cNvPr id="43" name="Montenegro"/>
          <p:cNvSpPr>
            <a:spLocks/>
          </p:cNvSpPr>
          <p:nvPr/>
        </p:nvSpPr>
        <p:spPr bwMode="auto">
          <a:xfrm>
            <a:off x="10230376" y="5414963"/>
            <a:ext cx="295275" cy="322263"/>
          </a:xfrm>
          <a:custGeom>
            <a:avLst/>
            <a:gdLst>
              <a:gd name="T0" fmla="*/ 92 w 186"/>
              <a:gd name="T1" fmla="*/ 0 h 203"/>
              <a:gd name="T2" fmla="*/ 136 w 186"/>
              <a:gd name="T3" fmla="*/ 15 h 203"/>
              <a:gd name="T4" fmla="*/ 148 w 186"/>
              <a:gd name="T5" fmla="*/ 45 h 203"/>
              <a:gd name="T6" fmla="*/ 177 w 186"/>
              <a:gd name="T7" fmla="*/ 56 h 203"/>
              <a:gd name="T8" fmla="*/ 186 w 186"/>
              <a:gd name="T9" fmla="*/ 81 h 203"/>
              <a:gd name="T10" fmla="*/ 170 w 186"/>
              <a:gd name="T11" fmla="*/ 96 h 203"/>
              <a:gd name="T12" fmla="*/ 170 w 186"/>
              <a:gd name="T13" fmla="*/ 119 h 203"/>
              <a:gd name="T14" fmla="*/ 157 w 186"/>
              <a:gd name="T15" fmla="*/ 132 h 203"/>
              <a:gd name="T16" fmla="*/ 139 w 186"/>
              <a:gd name="T17" fmla="*/ 118 h 203"/>
              <a:gd name="T18" fmla="*/ 125 w 186"/>
              <a:gd name="T19" fmla="*/ 143 h 203"/>
              <a:gd name="T20" fmla="*/ 121 w 186"/>
              <a:gd name="T21" fmla="*/ 177 h 203"/>
              <a:gd name="T22" fmla="*/ 103 w 186"/>
              <a:gd name="T23" fmla="*/ 203 h 203"/>
              <a:gd name="T24" fmla="*/ 78 w 186"/>
              <a:gd name="T25" fmla="*/ 197 h 203"/>
              <a:gd name="T26" fmla="*/ 60 w 186"/>
              <a:gd name="T27" fmla="*/ 174 h 203"/>
              <a:gd name="T28" fmla="*/ 47 w 186"/>
              <a:gd name="T29" fmla="*/ 159 h 203"/>
              <a:gd name="T30" fmla="*/ 31 w 186"/>
              <a:gd name="T31" fmla="*/ 183 h 203"/>
              <a:gd name="T32" fmla="*/ 9 w 186"/>
              <a:gd name="T33" fmla="*/ 152 h 203"/>
              <a:gd name="T34" fmla="*/ 0 w 186"/>
              <a:gd name="T35" fmla="*/ 146 h 203"/>
              <a:gd name="T36" fmla="*/ 7 w 186"/>
              <a:gd name="T37" fmla="*/ 123 h 203"/>
              <a:gd name="T38" fmla="*/ 0 w 186"/>
              <a:gd name="T39" fmla="*/ 100 h 203"/>
              <a:gd name="T40" fmla="*/ 20 w 186"/>
              <a:gd name="T41" fmla="*/ 81 h 203"/>
              <a:gd name="T42" fmla="*/ 14 w 186"/>
              <a:gd name="T43" fmla="*/ 58 h 203"/>
              <a:gd name="T44" fmla="*/ 31 w 186"/>
              <a:gd name="T45" fmla="*/ 34 h 203"/>
              <a:gd name="T46" fmla="*/ 85 w 186"/>
              <a:gd name="T47" fmla="*/ 31 h 203"/>
              <a:gd name="T48" fmla="*/ 92 w 186"/>
              <a:gd name="T49" fmla="*/ 0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86" h="203">
                <a:moveTo>
                  <a:pt x="92" y="0"/>
                </a:moveTo>
                <a:lnTo>
                  <a:pt x="136" y="15"/>
                </a:lnTo>
                <a:lnTo>
                  <a:pt x="148" y="45"/>
                </a:lnTo>
                <a:lnTo>
                  <a:pt x="177" y="56"/>
                </a:lnTo>
                <a:lnTo>
                  <a:pt x="186" y="81"/>
                </a:lnTo>
                <a:lnTo>
                  <a:pt x="170" y="96"/>
                </a:lnTo>
                <a:lnTo>
                  <a:pt x="170" y="119"/>
                </a:lnTo>
                <a:lnTo>
                  <a:pt x="157" y="132"/>
                </a:lnTo>
                <a:lnTo>
                  <a:pt x="139" y="118"/>
                </a:lnTo>
                <a:lnTo>
                  <a:pt x="125" y="143"/>
                </a:lnTo>
                <a:lnTo>
                  <a:pt x="121" y="177"/>
                </a:lnTo>
                <a:lnTo>
                  <a:pt x="103" y="203"/>
                </a:lnTo>
                <a:lnTo>
                  <a:pt x="78" y="197"/>
                </a:lnTo>
                <a:lnTo>
                  <a:pt x="60" y="174"/>
                </a:lnTo>
                <a:lnTo>
                  <a:pt x="47" y="159"/>
                </a:lnTo>
                <a:lnTo>
                  <a:pt x="31" y="183"/>
                </a:lnTo>
                <a:lnTo>
                  <a:pt x="9" y="152"/>
                </a:lnTo>
                <a:lnTo>
                  <a:pt x="0" y="146"/>
                </a:lnTo>
                <a:lnTo>
                  <a:pt x="7" y="123"/>
                </a:lnTo>
                <a:lnTo>
                  <a:pt x="0" y="100"/>
                </a:lnTo>
                <a:lnTo>
                  <a:pt x="20" y="81"/>
                </a:lnTo>
                <a:lnTo>
                  <a:pt x="14" y="58"/>
                </a:lnTo>
                <a:lnTo>
                  <a:pt x="31" y="34"/>
                </a:lnTo>
                <a:lnTo>
                  <a:pt x="85" y="31"/>
                </a:lnTo>
                <a:lnTo>
                  <a:pt x="92" y="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4" name="Croatia"/>
          <p:cNvSpPr>
            <a:spLocks/>
          </p:cNvSpPr>
          <p:nvPr/>
        </p:nvSpPr>
        <p:spPr bwMode="auto">
          <a:xfrm>
            <a:off x="9408051" y="4910138"/>
            <a:ext cx="871538" cy="642938"/>
          </a:xfrm>
          <a:custGeom>
            <a:avLst/>
            <a:gdLst>
              <a:gd name="T0" fmla="*/ 286 w 304"/>
              <a:gd name="T1" fmla="*/ 30 h 224"/>
              <a:gd name="T2" fmla="*/ 257 w 304"/>
              <a:gd name="T3" fmla="*/ 40 h 224"/>
              <a:gd name="T4" fmla="*/ 213 w 304"/>
              <a:gd name="T5" fmla="*/ 31 h 224"/>
              <a:gd name="T6" fmla="*/ 152 w 304"/>
              <a:gd name="T7" fmla="*/ 0 h 224"/>
              <a:gd name="T8" fmla="*/ 134 w 304"/>
              <a:gd name="T9" fmla="*/ 31 h 224"/>
              <a:gd name="T10" fmla="*/ 109 w 304"/>
              <a:gd name="T11" fmla="*/ 58 h 224"/>
              <a:gd name="T12" fmla="*/ 100 w 304"/>
              <a:gd name="T13" fmla="*/ 59 h 224"/>
              <a:gd name="T14" fmla="*/ 42 w 304"/>
              <a:gd name="T15" fmla="*/ 69 h 224"/>
              <a:gd name="T16" fmla="*/ 19 w 304"/>
              <a:gd name="T17" fmla="*/ 75 h 224"/>
              <a:gd name="T18" fmla="*/ 0 w 304"/>
              <a:gd name="T19" fmla="*/ 83 h 224"/>
              <a:gd name="T20" fmla="*/ 7 w 304"/>
              <a:gd name="T21" fmla="*/ 109 h 224"/>
              <a:gd name="T22" fmla="*/ 31 w 304"/>
              <a:gd name="T23" fmla="*/ 112 h 224"/>
              <a:gd name="T24" fmla="*/ 44 w 304"/>
              <a:gd name="T25" fmla="*/ 95 h 224"/>
              <a:gd name="T26" fmla="*/ 54 w 304"/>
              <a:gd name="T27" fmla="*/ 86 h 224"/>
              <a:gd name="T28" fmla="*/ 77 w 304"/>
              <a:gd name="T29" fmla="*/ 104 h 224"/>
              <a:gd name="T30" fmla="*/ 84 w 304"/>
              <a:gd name="T31" fmla="*/ 145 h 224"/>
              <a:gd name="T32" fmla="*/ 98 w 304"/>
              <a:gd name="T33" fmla="*/ 161 h 224"/>
              <a:gd name="T34" fmla="*/ 143 w 304"/>
              <a:gd name="T35" fmla="*/ 188 h 224"/>
              <a:gd name="T36" fmla="*/ 167 w 304"/>
              <a:gd name="T37" fmla="*/ 191 h 224"/>
              <a:gd name="T38" fmla="*/ 191 w 304"/>
              <a:gd name="T39" fmla="*/ 199 h 224"/>
              <a:gd name="T40" fmla="*/ 199 w 304"/>
              <a:gd name="T41" fmla="*/ 212 h 224"/>
              <a:gd name="T42" fmla="*/ 239 w 304"/>
              <a:gd name="T43" fmla="*/ 223 h 224"/>
              <a:gd name="T44" fmla="*/ 239 w 304"/>
              <a:gd name="T45" fmla="*/ 223 h 224"/>
              <a:gd name="T46" fmla="*/ 143 w 304"/>
              <a:gd name="T47" fmla="*/ 160 h 224"/>
              <a:gd name="T48" fmla="*/ 130 w 304"/>
              <a:gd name="T49" fmla="*/ 147 h 224"/>
              <a:gd name="T50" fmla="*/ 133 w 304"/>
              <a:gd name="T51" fmla="*/ 125 h 224"/>
              <a:gd name="T52" fmla="*/ 126 w 304"/>
              <a:gd name="T53" fmla="*/ 94 h 224"/>
              <a:gd name="T54" fmla="*/ 149 w 304"/>
              <a:gd name="T55" fmla="*/ 98 h 224"/>
              <a:gd name="T56" fmla="*/ 180 w 304"/>
              <a:gd name="T57" fmla="*/ 85 h 224"/>
              <a:gd name="T58" fmla="*/ 200 w 304"/>
              <a:gd name="T59" fmla="*/ 86 h 224"/>
              <a:gd name="T60" fmla="*/ 219 w 304"/>
              <a:gd name="T61" fmla="*/ 81 h 224"/>
              <a:gd name="T62" fmla="*/ 245 w 304"/>
              <a:gd name="T63" fmla="*/ 81 h 224"/>
              <a:gd name="T64" fmla="*/ 276 w 304"/>
              <a:gd name="T65" fmla="*/ 81 h 224"/>
              <a:gd name="T66" fmla="*/ 304 w 304"/>
              <a:gd name="T67" fmla="*/ 81 h 224"/>
              <a:gd name="T68" fmla="*/ 286 w 304"/>
              <a:gd name="T69" fmla="*/ 46 h 2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04" h="224">
                <a:moveTo>
                  <a:pt x="286" y="46"/>
                </a:moveTo>
                <a:cubicBezTo>
                  <a:pt x="286" y="30"/>
                  <a:pt x="286" y="30"/>
                  <a:pt x="286" y="30"/>
                </a:cubicBezTo>
                <a:cubicBezTo>
                  <a:pt x="279" y="27"/>
                  <a:pt x="279" y="27"/>
                  <a:pt x="279" y="27"/>
                </a:cubicBezTo>
                <a:cubicBezTo>
                  <a:pt x="257" y="40"/>
                  <a:pt x="257" y="40"/>
                  <a:pt x="257" y="40"/>
                </a:cubicBezTo>
                <a:cubicBezTo>
                  <a:pt x="226" y="38"/>
                  <a:pt x="226" y="38"/>
                  <a:pt x="226" y="38"/>
                </a:cubicBezTo>
                <a:cubicBezTo>
                  <a:pt x="213" y="31"/>
                  <a:pt x="213" y="31"/>
                  <a:pt x="213" y="31"/>
                </a:cubicBezTo>
                <a:cubicBezTo>
                  <a:pt x="197" y="36"/>
                  <a:pt x="197" y="36"/>
                  <a:pt x="197" y="36"/>
                </a:cubicBezTo>
                <a:cubicBezTo>
                  <a:pt x="152" y="0"/>
                  <a:pt x="152" y="0"/>
                  <a:pt x="152" y="0"/>
                </a:cubicBezTo>
                <a:cubicBezTo>
                  <a:pt x="149" y="3"/>
                  <a:pt x="149" y="3"/>
                  <a:pt x="149" y="3"/>
                </a:cubicBezTo>
                <a:cubicBezTo>
                  <a:pt x="134" y="31"/>
                  <a:pt x="134" y="31"/>
                  <a:pt x="134" y="31"/>
                </a:cubicBezTo>
                <a:cubicBezTo>
                  <a:pt x="109" y="36"/>
                  <a:pt x="109" y="36"/>
                  <a:pt x="109" y="36"/>
                </a:cubicBezTo>
                <a:cubicBezTo>
                  <a:pt x="109" y="58"/>
                  <a:pt x="109" y="58"/>
                  <a:pt x="109" y="58"/>
                </a:cubicBezTo>
                <a:cubicBezTo>
                  <a:pt x="104" y="62"/>
                  <a:pt x="104" y="62"/>
                  <a:pt x="104" y="62"/>
                </a:cubicBezTo>
                <a:cubicBezTo>
                  <a:pt x="100" y="59"/>
                  <a:pt x="100" y="59"/>
                  <a:pt x="100" y="59"/>
                </a:cubicBezTo>
                <a:cubicBezTo>
                  <a:pt x="63" y="59"/>
                  <a:pt x="63" y="59"/>
                  <a:pt x="63" y="59"/>
                </a:cubicBezTo>
                <a:cubicBezTo>
                  <a:pt x="42" y="69"/>
                  <a:pt x="42" y="69"/>
                  <a:pt x="42" y="69"/>
                </a:cubicBezTo>
                <a:cubicBezTo>
                  <a:pt x="29" y="62"/>
                  <a:pt x="29" y="62"/>
                  <a:pt x="29" y="62"/>
                </a:cubicBezTo>
                <a:cubicBezTo>
                  <a:pt x="19" y="75"/>
                  <a:pt x="19" y="75"/>
                  <a:pt x="19" y="75"/>
                </a:cubicBezTo>
                <a:cubicBezTo>
                  <a:pt x="4" y="76"/>
                  <a:pt x="4" y="76"/>
                  <a:pt x="4" y="76"/>
                </a:cubicBezTo>
                <a:cubicBezTo>
                  <a:pt x="0" y="83"/>
                  <a:pt x="0" y="83"/>
                  <a:pt x="0" y="83"/>
                </a:cubicBezTo>
                <a:cubicBezTo>
                  <a:pt x="6" y="93"/>
                  <a:pt x="6" y="93"/>
                  <a:pt x="6" y="93"/>
                </a:cubicBezTo>
                <a:cubicBezTo>
                  <a:pt x="7" y="109"/>
                  <a:pt x="7" y="109"/>
                  <a:pt x="7" y="109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31" y="112"/>
                  <a:pt x="31" y="112"/>
                  <a:pt x="31" y="112"/>
                </a:cubicBezTo>
                <a:cubicBezTo>
                  <a:pt x="43" y="112"/>
                  <a:pt x="43" y="112"/>
                  <a:pt x="43" y="112"/>
                </a:cubicBezTo>
                <a:cubicBezTo>
                  <a:pt x="44" y="95"/>
                  <a:pt x="44" y="95"/>
                  <a:pt x="44" y="95"/>
                </a:cubicBezTo>
                <a:cubicBezTo>
                  <a:pt x="45" y="86"/>
                  <a:pt x="45" y="86"/>
                  <a:pt x="45" y="86"/>
                </a:cubicBezTo>
                <a:cubicBezTo>
                  <a:pt x="54" y="86"/>
                  <a:pt x="54" y="86"/>
                  <a:pt x="54" y="86"/>
                </a:cubicBezTo>
                <a:cubicBezTo>
                  <a:pt x="64" y="98"/>
                  <a:pt x="64" y="98"/>
                  <a:pt x="64" y="98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0" y="131"/>
                  <a:pt x="80" y="131"/>
                  <a:pt x="80" y="131"/>
                </a:cubicBezTo>
                <a:cubicBezTo>
                  <a:pt x="84" y="145"/>
                  <a:pt x="84" y="145"/>
                  <a:pt x="84" y="145"/>
                </a:cubicBezTo>
                <a:cubicBezTo>
                  <a:pt x="96" y="151"/>
                  <a:pt x="96" y="151"/>
                  <a:pt x="96" y="151"/>
                </a:cubicBezTo>
                <a:cubicBezTo>
                  <a:pt x="98" y="161"/>
                  <a:pt x="98" y="161"/>
                  <a:pt x="98" y="161"/>
                </a:cubicBezTo>
                <a:cubicBezTo>
                  <a:pt x="136" y="184"/>
                  <a:pt x="136" y="184"/>
                  <a:pt x="136" y="184"/>
                </a:cubicBezTo>
                <a:cubicBezTo>
                  <a:pt x="143" y="188"/>
                  <a:pt x="143" y="188"/>
                  <a:pt x="143" y="188"/>
                </a:cubicBezTo>
                <a:cubicBezTo>
                  <a:pt x="147" y="201"/>
                  <a:pt x="147" y="201"/>
                  <a:pt x="147" y="201"/>
                </a:cubicBezTo>
                <a:cubicBezTo>
                  <a:pt x="167" y="191"/>
                  <a:pt x="167" y="191"/>
                  <a:pt x="167" y="191"/>
                </a:cubicBezTo>
                <a:cubicBezTo>
                  <a:pt x="173" y="201"/>
                  <a:pt x="173" y="201"/>
                  <a:pt x="173" y="201"/>
                </a:cubicBezTo>
                <a:cubicBezTo>
                  <a:pt x="191" y="199"/>
                  <a:pt x="191" y="199"/>
                  <a:pt x="191" y="199"/>
                </a:cubicBezTo>
                <a:cubicBezTo>
                  <a:pt x="196" y="202"/>
                  <a:pt x="196" y="202"/>
                  <a:pt x="196" y="202"/>
                </a:cubicBezTo>
                <a:cubicBezTo>
                  <a:pt x="199" y="212"/>
                  <a:pt x="199" y="212"/>
                  <a:pt x="199" y="212"/>
                </a:cubicBezTo>
                <a:cubicBezTo>
                  <a:pt x="225" y="222"/>
                  <a:pt x="225" y="222"/>
                  <a:pt x="225" y="222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239" y="224"/>
                  <a:pt x="239" y="224"/>
                  <a:pt x="239" y="224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181" y="187"/>
                  <a:pt x="181" y="187"/>
                  <a:pt x="181" y="187"/>
                </a:cubicBezTo>
                <a:cubicBezTo>
                  <a:pt x="143" y="160"/>
                  <a:pt x="143" y="160"/>
                  <a:pt x="143" y="160"/>
                </a:cubicBezTo>
                <a:cubicBezTo>
                  <a:pt x="134" y="156"/>
                  <a:pt x="134" y="156"/>
                  <a:pt x="134" y="156"/>
                </a:cubicBezTo>
                <a:cubicBezTo>
                  <a:pt x="130" y="147"/>
                  <a:pt x="130" y="147"/>
                  <a:pt x="130" y="147"/>
                </a:cubicBezTo>
                <a:cubicBezTo>
                  <a:pt x="130" y="135"/>
                  <a:pt x="130" y="135"/>
                  <a:pt x="130" y="135"/>
                </a:cubicBezTo>
                <a:cubicBezTo>
                  <a:pt x="133" y="125"/>
                  <a:pt x="133" y="125"/>
                  <a:pt x="133" y="125"/>
                </a:cubicBezTo>
                <a:cubicBezTo>
                  <a:pt x="133" y="113"/>
                  <a:pt x="133" y="113"/>
                  <a:pt x="133" y="113"/>
                </a:cubicBezTo>
                <a:cubicBezTo>
                  <a:pt x="126" y="94"/>
                  <a:pt x="126" y="94"/>
                  <a:pt x="126" y="94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49" y="98"/>
                  <a:pt x="149" y="98"/>
                  <a:pt x="149" y="98"/>
                </a:cubicBezTo>
                <a:cubicBezTo>
                  <a:pt x="165" y="81"/>
                  <a:pt x="165" y="81"/>
                  <a:pt x="165" y="81"/>
                </a:cubicBezTo>
                <a:cubicBezTo>
                  <a:pt x="180" y="85"/>
                  <a:pt x="180" y="85"/>
                  <a:pt x="180" y="85"/>
                </a:cubicBezTo>
                <a:cubicBezTo>
                  <a:pt x="185" y="76"/>
                  <a:pt x="185" y="76"/>
                  <a:pt x="185" y="76"/>
                </a:cubicBezTo>
                <a:cubicBezTo>
                  <a:pt x="200" y="86"/>
                  <a:pt x="200" y="86"/>
                  <a:pt x="200" y="86"/>
                </a:cubicBezTo>
                <a:cubicBezTo>
                  <a:pt x="209" y="81"/>
                  <a:pt x="209" y="81"/>
                  <a:pt x="209" y="81"/>
                </a:cubicBezTo>
                <a:cubicBezTo>
                  <a:pt x="219" y="81"/>
                  <a:pt x="219" y="81"/>
                  <a:pt x="219" y="81"/>
                </a:cubicBezTo>
                <a:cubicBezTo>
                  <a:pt x="233" y="92"/>
                  <a:pt x="233" y="92"/>
                  <a:pt x="233" y="92"/>
                </a:cubicBezTo>
                <a:cubicBezTo>
                  <a:pt x="245" y="81"/>
                  <a:pt x="245" y="81"/>
                  <a:pt x="245" y="81"/>
                </a:cubicBezTo>
                <a:cubicBezTo>
                  <a:pt x="257" y="76"/>
                  <a:pt x="257" y="76"/>
                  <a:pt x="257" y="76"/>
                </a:cubicBezTo>
                <a:cubicBezTo>
                  <a:pt x="276" y="81"/>
                  <a:pt x="276" y="81"/>
                  <a:pt x="276" y="81"/>
                </a:cubicBezTo>
                <a:cubicBezTo>
                  <a:pt x="276" y="81"/>
                  <a:pt x="285" y="89"/>
                  <a:pt x="285" y="91"/>
                </a:cubicBezTo>
                <a:cubicBezTo>
                  <a:pt x="288" y="89"/>
                  <a:pt x="304" y="81"/>
                  <a:pt x="304" y="81"/>
                </a:cubicBezTo>
                <a:cubicBezTo>
                  <a:pt x="304" y="58"/>
                  <a:pt x="304" y="58"/>
                  <a:pt x="304" y="58"/>
                </a:cubicBezTo>
                <a:lnTo>
                  <a:pt x="286" y="46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5" name="Slovenia"/>
          <p:cNvSpPr>
            <a:spLocks/>
          </p:cNvSpPr>
          <p:nvPr/>
        </p:nvSpPr>
        <p:spPr bwMode="auto">
          <a:xfrm>
            <a:off x="9390588" y="4864100"/>
            <a:ext cx="452438" cy="252413"/>
          </a:xfrm>
          <a:custGeom>
            <a:avLst/>
            <a:gdLst>
              <a:gd name="T0" fmla="*/ 207 w 285"/>
              <a:gd name="T1" fmla="*/ 94 h 159"/>
              <a:gd name="T2" fmla="*/ 253 w 285"/>
              <a:gd name="T3" fmla="*/ 85 h 159"/>
              <a:gd name="T4" fmla="*/ 280 w 285"/>
              <a:gd name="T5" fmla="*/ 35 h 159"/>
              <a:gd name="T6" fmla="*/ 285 w 285"/>
              <a:gd name="T7" fmla="*/ 29 h 159"/>
              <a:gd name="T8" fmla="*/ 247 w 285"/>
              <a:gd name="T9" fmla="*/ 0 h 159"/>
              <a:gd name="T10" fmla="*/ 193 w 285"/>
              <a:gd name="T11" fmla="*/ 20 h 159"/>
              <a:gd name="T12" fmla="*/ 146 w 285"/>
              <a:gd name="T13" fmla="*/ 6 h 159"/>
              <a:gd name="T14" fmla="*/ 117 w 285"/>
              <a:gd name="T15" fmla="*/ 44 h 159"/>
              <a:gd name="T16" fmla="*/ 47 w 285"/>
              <a:gd name="T17" fmla="*/ 38 h 159"/>
              <a:gd name="T18" fmla="*/ 0 w 285"/>
              <a:gd name="T19" fmla="*/ 62 h 159"/>
              <a:gd name="T20" fmla="*/ 34 w 285"/>
              <a:gd name="T21" fmla="*/ 80 h 159"/>
              <a:gd name="T22" fmla="*/ 18 w 285"/>
              <a:gd name="T23" fmla="*/ 103 h 159"/>
              <a:gd name="T24" fmla="*/ 61 w 285"/>
              <a:gd name="T25" fmla="*/ 141 h 159"/>
              <a:gd name="T26" fmla="*/ 85 w 285"/>
              <a:gd name="T27" fmla="*/ 154 h 159"/>
              <a:gd name="T28" fmla="*/ 126 w 285"/>
              <a:gd name="T29" fmla="*/ 145 h 159"/>
              <a:gd name="T30" fmla="*/ 175 w 285"/>
              <a:gd name="T31" fmla="*/ 159 h 159"/>
              <a:gd name="T32" fmla="*/ 207 w 285"/>
              <a:gd name="T33" fmla="*/ 134 h 159"/>
              <a:gd name="T34" fmla="*/ 207 w 285"/>
              <a:gd name="T35" fmla="*/ 94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</a:cxnLst>
            <a:rect l="0" t="0" r="r" b="b"/>
            <a:pathLst>
              <a:path w="285" h="159">
                <a:moveTo>
                  <a:pt x="207" y="94"/>
                </a:moveTo>
                <a:lnTo>
                  <a:pt x="253" y="85"/>
                </a:lnTo>
                <a:lnTo>
                  <a:pt x="280" y="35"/>
                </a:lnTo>
                <a:lnTo>
                  <a:pt x="285" y="29"/>
                </a:lnTo>
                <a:lnTo>
                  <a:pt x="247" y="0"/>
                </a:lnTo>
                <a:lnTo>
                  <a:pt x="193" y="20"/>
                </a:lnTo>
                <a:lnTo>
                  <a:pt x="146" y="6"/>
                </a:lnTo>
                <a:lnTo>
                  <a:pt x="117" y="44"/>
                </a:lnTo>
                <a:lnTo>
                  <a:pt x="47" y="38"/>
                </a:lnTo>
                <a:lnTo>
                  <a:pt x="0" y="62"/>
                </a:lnTo>
                <a:lnTo>
                  <a:pt x="34" y="80"/>
                </a:lnTo>
                <a:lnTo>
                  <a:pt x="18" y="103"/>
                </a:lnTo>
                <a:lnTo>
                  <a:pt x="61" y="141"/>
                </a:lnTo>
                <a:lnTo>
                  <a:pt x="85" y="154"/>
                </a:lnTo>
                <a:lnTo>
                  <a:pt x="126" y="145"/>
                </a:lnTo>
                <a:lnTo>
                  <a:pt x="175" y="159"/>
                </a:lnTo>
                <a:lnTo>
                  <a:pt x="207" y="134"/>
                </a:lnTo>
                <a:lnTo>
                  <a:pt x="207" y="94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6" name="Switzerland"/>
          <p:cNvSpPr>
            <a:spLocks/>
          </p:cNvSpPr>
          <p:nvPr/>
        </p:nvSpPr>
        <p:spPr bwMode="auto">
          <a:xfrm>
            <a:off x="8285688" y="4695825"/>
            <a:ext cx="714375" cy="381000"/>
          </a:xfrm>
          <a:custGeom>
            <a:avLst/>
            <a:gdLst>
              <a:gd name="T0" fmla="*/ 137 w 249"/>
              <a:gd name="T1" fmla="*/ 0 h 133"/>
              <a:gd name="T2" fmla="*/ 151 w 249"/>
              <a:gd name="T3" fmla="*/ 9 h 133"/>
              <a:gd name="T4" fmla="*/ 171 w 249"/>
              <a:gd name="T5" fmla="*/ 8 h 133"/>
              <a:gd name="T6" fmla="*/ 186 w 249"/>
              <a:gd name="T7" fmla="*/ 18 h 133"/>
              <a:gd name="T8" fmla="*/ 191 w 249"/>
              <a:gd name="T9" fmla="*/ 29 h 133"/>
              <a:gd name="T10" fmla="*/ 180 w 249"/>
              <a:gd name="T11" fmla="*/ 43 h 133"/>
              <a:gd name="T12" fmla="*/ 193 w 249"/>
              <a:gd name="T13" fmla="*/ 55 h 133"/>
              <a:gd name="T14" fmla="*/ 206 w 249"/>
              <a:gd name="T15" fmla="*/ 62 h 133"/>
              <a:gd name="T16" fmla="*/ 232 w 249"/>
              <a:gd name="T17" fmla="*/ 63 h 133"/>
              <a:gd name="T18" fmla="*/ 242 w 249"/>
              <a:gd name="T19" fmla="*/ 50 h 133"/>
              <a:gd name="T20" fmla="*/ 249 w 249"/>
              <a:gd name="T21" fmla="*/ 62 h 133"/>
              <a:gd name="T22" fmla="*/ 238 w 249"/>
              <a:gd name="T23" fmla="*/ 70 h 133"/>
              <a:gd name="T24" fmla="*/ 236 w 249"/>
              <a:gd name="T25" fmla="*/ 88 h 133"/>
              <a:gd name="T26" fmla="*/ 222 w 249"/>
              <a:gd name="T27" fmla="*/ 77 h 133"/>
              <a:gd name="T28" fmla="*/ 212 w 249"/>
              <a:gd name="T29" fmla="*/ 83 h 133"/>
              <a:gd name="T30" fmla="*/ 222 w 249"/>
              <a:gd name="T31" fmla="*/ 102 h 133"/>
              <a:gd name="T32" fmla="*/ 215 w 249"/>
              <a:gd name="T33" fmla="*/ 111 h 133"/>
              <a:gd name="T34" fmla="*/ 204 w 249"/>
              <a:gd name="T35" fmla="*/ 95 h 133"/>
              <a:gd name="T36" fmla="*/ 187 w 249"/>
              <a:gd name="T37" fmla="*/ 102 h 133"/>
              <a:gd name="T38" fmla="*/ 177 w 249"/>
              <a:gd name="T39" fmla="*/ 83 h 133"/>
              <a:gd name="T40" fmla="*/ 172 w 249"/>
              <a:gd name="T41" fmla="*/ 88 h 133"/>
              <a:gd name="T42" fmla="*/ 172 w 249"/>
              <a:gd name="T43" fmla="*/ 103 h 133"/>
              <a:gd name="T44" fmla="*/ 156 w 249"/>
              <a:gd name="T45" fmla="*/ 118 h 133"/>
              <a:gd name="T46" fmla="*/ 167 w 249"/>
              <a:gd name="T47" fmla="*/ 127 h 133"/>
              <a:gd name="T48" fmla="*/ 159 w 249"/>
              <a:gd name="T49" fmla="*/ 133 h 133"/>
              <a:gd name="T50" fmla="*/ 147 w 249"/>
              <a:gd name="T51" fmla="*/ 127 h 133"/>
              <a:gd name="T52" fmla="*/ 147 w 249"/>
              <a:gd name="T53" fmla="*/ 110 h 133"/>
              <a:gd name="T54" fmla="*/ 132 w 249"/>
              <a:gd name="T55" fmla="*/ 107 h 133"/>
              <a:gd name="T56" fmla="*/ 122 w 249"/>
              <a:gd name="T57" fmla="*/ 93 h 133"/>
              <a:gd name="T58" fmla="*/ 102 w 249"/>
              <a:gd name="T59" fmla="*/ 124 h 133"/>
              <a:gd name="T60" fmla="*/ 46 w 249"/>
              <a:gd name="T61" fmla="*/ 126 h 133"/>
              <a:gd name="T62" fmla="*/ 39 w 249"/>
              <a:gd name="T63" fmla="*/ 85 h 133"/>
              <a:gd name="T64" fmla="*/ 11 w 249"/>
              <a:gd name="T65" fmla="*/ 89 h 133"/>
              <a:gd name="T66" fmla="*/ 0 w 249"/>
              <a:gd name="T67" fmla="*/ 102 h 133"/>
              <a:gd name="T68" fmla="*/ 2 w 249"/>
              <a:gd name="T69" fmla="*/ 81 h 133"/>
              <a:gd name="T70" fmla="*/ 28 w 249"/>
              <a:gd name="T71" fmla="*/ 50 h 133"/>
              <a:gd name="T72" fmla="*/ 86 w 249"/>
              <a:gd name="T73" fmla="*/ 13 h 133"/>
              <a:gd name="T74" fmla="*/ 106 w 249"/>
              <a:gd name="T75" fmla="*/ 14 h 133"/>
              <a:gd name="T76" fmla="*/ 133 w 249"/>
              <a:gd name="T77" fmla="*/ 17 h 133"/>
              <a:gd name="T78" fmla="*/ 137 w 249"/>
              <a:gd name="T79" fmla="*/ 0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</a:cxnLst>
            <a:rect l="0" t="0" r="r" b="b"/>
            <a:pathLst>
              <a:path w="249" h="133">
                <a:moveTo>
                  <a:pt x="137" y="0"/>
                </a:moveTo>
                <a:cubicBezTo>
                  <a:pt x="151" y="9"/>
                  <a:pt x="151" y="9"/>
                  <a:pt x="151" y="9"/>
                </a:cubicBezTo>
                <a:cubicBezTo>
                  <a:pt x="171" y="8"/>
                  <a:pt x="171" y="8"/>
                  <a:pt x="171" y="8"/>
                </a:cubicBezTo>
                <a:cubicBezTo>
                  <a:pt x="186" y="18"/>
                  <a:pt x="186" y="18"/>
                  <a:pt x="186" y="18"/>
                </a:cubicBezTo>
                <a:cubicBezTo>
                  <a:pt x="191" y="29"/>
                  <a:pt x="191" y="29"/>
                  <a:pt x="191" y="29"/>
                </a:cubicBezTo>
                <a:cubicBezTo>
                  <a:pt x="180" y="43"/>
                  <a:pt x="180" y="43"/>
                  <a:pt x="180" y="43"/>
                </a:cubicBezTo>
                <a:cubicBezTo>
                  <a:pt x="193" y="55"/>
                  <a:pt x="193" y="55"/>
                  <a:pt x="193" y="55"/>
                </a:cubicBezTo>
                <a:cubicBezTo>
                  <a:pt x="206" y="62"/>
                  <a:pt x="206" y="62"/>
                  <a:pt x="206" y="62"/>
                </a:cubicBezTo>
                <a:cubicBezTo>
                  <a:pt x="232" y="63"/>
                  <a:pt x="232" y="63"/>
                  <a:pt x="232" y="63"/>
                </a:cubicBezTo>
                <a:cubicBezTo>
                  <a:pt x="242" y="50"/>
                  <a:pt x="242" y="50"/>
                  <a:pt x="242" y="50"/>
                </a:cubicBezTo>
                <a:cubicBezTo>
                  <a:pt x="249" y="62"/>
                  <a:pt x="249" y="62"/>
                  <a:pt x="249" y="62"/>
                </a:cubicBezTo>
                <a:cubicBezTo>
                  <a:pt x="238" y="70"/>
                  <a:pt x="238" y="70"/>
                  <a:pt x="238" y="70"/>
                </a:cubicBezTo>
                <a:cubicBezTo>
                  <a:pt x="236" y="88"/>
                  <a:pt x="236" y="88"/>
                  <a:pt x="236" y="88"/>
                </a:cubicBezTo>
                <a:cubicBezTo>
                  <a:pt x="222" y="77"/>
                  <a:pt x="222" y="77"/>
                  <a:pt x="222" y="77"/>
                </a:cubicBezTo>
                <a:cubicBezTo>
                  <a:pt x="212" y="83"/>
                  <a:pt x="212" y="83"/>
                  <a:pt x="212" y="83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5" y="111"/>
                  <a:pt x="215" y="111"/>
                  <a:pt x="215" y="111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187" y="102"/>
                  <a:pt x="187" y="102"/>
                  <a:pt x="187" y="102"/>
                </a:cubicBezTo>
                <a:cubicBezTo>
                  <a:pt x="177" y="83"/>
                  <a:pt x="177" y="83"/>
                  <a:pt x="177" y="83"/>
                </a:cubicBezTo>
                <a:cubicBezTo>
                  <a:pt x="172" y="88"/>
                  <a:pt x="172" y="88"/>
                  <a:pt x="172" y="88"/>
                </a:cubicBezTo>
                <a:cubicBezTo>
                  <a:pt x="172" y="103"/>
                  <a:pt x="172" y="103"/>
                  <a:pt x="172" y="103"/>
                </a:cubicBezTo>
                <a:cubicBezTo>
                  <a:pt x="156" y="118"/>
                  <a:pt x="156" y="118"/>
                  <a:pt x="156" y="118"/>
                </a:cubicBezTo>
                <a:cubicBezTo>
                  <a:pt x="167" y="127"/>
                  <a:pt x="167" y="127"/>
                  <a:pt x="167" y="127"/>
                </a:cubicBezTo>
                <a:cubicBezTo>
                  <a:pt x="159" y="133"/>
                  <a:pt x="159" y="133"/>
                  <a:pt x="159" y="133"/>
                </a:cubicBezTo>
                <a:cubicBezTo>
                  <a:pt x="147" y="127"/>
                  <a:pt x="147" y="127"/>
                  <a:pt x="147" y="127"/>
                </a:cubicBezTo>
                <a:cubicBezTo>
                  <a:pt x="147" y="110"/>
                  <a:pt x="147" y="110"/>
                  <a:pt x="147" y="110"/>
                </a:cubicBezTo>
                <a:cubicBezTo>
                  <a:pt x="132" y="107"/>
                  <a:pt x="132" y="107"/>
                  <a:pt x="132" y="107"/>
                </a:cubicBezTo>
                <a:cubicBezTo>
                  <a:pt x="122" y="93"/>
                  <a:pt x="122" y="93"/>
                  <a:pt x="122" y="93"/>
                </a:cubicBezTo>
                <a:cubicBezTo>
                  <a:pt x="102" y="124"/>
                  <a:pt x="102" y="124"/>
                  <a:pt x="102" y="124"/>
                </a:cubicBezTo>
                <a:cubicBezTo>
                  <a:pt x="102" y="124"/>
                  <a:pt x="45" y="126"/>
                  <a:pt x="46" y="126"/>
                </a:cubicBezTo>
                <a:cubicBezTo>
                  <a:pt x="48" y="126"/>
                  <a:pt x="39" y="85"/>
                  <a:pt x="39" y="85"/>
                </a:cubicBezTo>
                <a:cubicBezTo>
                  <a:pt x="11" y="89"/>
                  <a:pt x="11" y="89"/>
                  <a:pt x="11" y="89"/>
                </a:cubicBezTo>
                <a:cubicBezTo>
                  <a:pt x="0" y="102"/>
                  <a:pt x="0" y="102"/>
                  <a:pt x="0" y="102"/>
                </a:cubicBezTo>
                <a:cubicBezTo>
                  <a:pt x="2" y="81"/>
                  <a:pt x="2" y="81"/>
                  <a:pt x="2" y="81"/>
                </a:cubicBezTo>
                <a:cubicBezTo>
                  <a:pt x="28" y="50"/>
                  <a:pt x="28" y="50"/>
                  <a:pt x="28" y="50"/>
                </a:cubicBezTo>
                <a:cubicBezTo>
                  <a:pt x="86" y="13"/>
                  <a:pt x="86" y="13"/>
                  <a:pt x="86" y="13"/>
                </a:cubicBezTo>
                <a:cubicBezTo>
                  <a:pt x="106" y="14"/>
                  <a:pt x="106" y="14"/>
                  <a:pt x="106" y="14"/>
                </a:cubicBezTo>
                <a:cubicBezTo>
                  <a:pt x="133" y="17"/>
                  <a:pt x="133" y="17"/>
                  <a:pt x="133" y="17"/>
                </a:cubicBezTo>
                <a:lnTo>
                  <a:pt x="137" y="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7" name="ANDORRA"/>
          <p:cNvSpPr>
            <a:spLocks noChangeArrowheads="1"/>
          </p:cNvSpPr>
          <p:nvPr/>
        </p:nvSpPr>
        <p:spPr bwMode="auto">
          <a:xfrm>
            <a:off x="7425263" y="5492750"/>
            <a:ext cx="244475" cy="246063"/>
          </a:xfrm>
          <a:prstGeom prst="rect">
            <a:avLst/>
          </a:prstGeom>
          <a:solidFill>
            <a:srgbClr val="E1E0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8" name="Portugal"/>
          <p:cNvSpPr>
            <a:spLocks/>
          </p:cNvSpPr>
          <p:nvPr/>
        </p:nvSpPr>
        <p:spPr bwMode="auto">
          <a:xfrm>
            <a:off x="5561538" y="5446713"/>
            <a:ext cx="693738" cy="989013"/>
          </a:xfrm>
          <a:custGeom>
            <a:avLst/>
            <a:gdLst>
              <a:gd name="T0" fmla="*/ 159 w 437"/>
              <a:gd name="T1" fmla="*/ 107 h 623"/>
              <a:gd name="T2" fmla="*/ 159 w 437"/>
              <a:gd name="T3" fmla="*/ 61 h 623"/>
              <a:gd name="T4" fmla="*/ 148 w 437"/>
              <a:gd name="T5" fmla="*/ 34 h 623"/>
              <a:gd name="T6" fmla="*/ 179 w 437"/>
              <a:gd name="T7" fmla="*/ 0 h 623"/>
              <a:gd name="T8" fmla="*/ 229 w 437"/>
              <a:gd name="T9" fmla="*/ 0 h 623"/>
              <a:gd name="T10" fmla="*/ 260 w 437"/>
              <a:gd name="T11" fmla="*/ 14 h 623"/>
              <a:gd name="T12" fmla="*/ 242 w 437"/>
              <a:gd name="T13" fmla="*/ 40 h 623"/>
              <a:gd name="T14" fmla="*/ 280 w 437"/>
              <a:gd name="T15" fmla="*/ 38 h 623"/>
              <a:gd name="T16" fmla="*/ 331 w 437"/>
              <a:gd name="T17" fmla="*/ 58 h 623"/>
              <a:gd name="T18" fmla="*/ 341 w 437"/>
              <a:gd name="T19" fmla="*/ 43 h 623"/>
              <a:gd name="T20" fmla="*/ 401 w 437"/>
              <a:gd name="T21" fmla="*/ 51 h 623"/>
              <a:gd name="T22" fmla="*/ 396 w 437"/>
              <a:gd name="T23" fmla="*/ 96 h 623"/>
              <a:gd name="T24" fmla="*/ 437 w 437"/>
              <a:gd name="T25" fmla="*/ 94 h 623"/>
              <a:gd name="T26" fmla="*/ 437 w 437"/>
              <a:gd name="T27" fmla="*/ 126 h 623"/>
              <a:gd name="T28" fmla="*/ 340 w 437"/>
              <a:gd name="T29" fmla="*/ 154 h 623"/>
              <a:gd name="T30" fmla="*/ 347 w 437"/>
              <a:gd name="T31" fmla="*/ 179 h 623"/>
              <a:gd name="T32" fmla="*/ 332 w 437"/>
              <a:gd name="T33" fmla="*/ 246 h 623"/>
              <a:gd name="T34" fmla="*/ 314 w 437"/>
              <a:gd name="T35" fmla="*/ 239 h 623"/>
              <a:gd name="T36" fmla="*/ 311 w 437"/>
              <a:gd name="T37" fmla="*/ 273 h 623"/>
              <a:gd name="T38" fmla="*/ 294 w 437"/>
              <a:gd name="T39" fmla="*/ 318 h 623"/>
              <a:gd name="T40" fmla="*/ 238 w 437"/>
              <a:gd name="T41" fmla="*/ 314 h 623"/>
              <a:gd name="T42" fmla="*/ 278 w 437"/>
              <a:gd name="T43" fmla="*/ 378 h 623"/>
              <a:gd name="T44" fmla="*/ 276 w 437"/>
              <a:gd name="T45" fmla="*/ 405 h 623"/>
              <a:gd name="T46" fmla="*/ 226 w 437"/>
              <a:gd name="T47" fmla="*/ 454 h 623"/>
              <a:gd name="T48" fmla="*/ 273 w 437"/>
              <a:gd name="T49" fmla="*/ 506 h 623"/>
              <a:gd name="T50" fmla="*/ 219 w 437"/>
              <a:gd name="T51" fmla="*/ 506 h 623"/>
              <a:gd name="T52" fmla="*/ 179 w 437"/>
              <a:gd name="T53" fmla="*/ 556 h 623"/>
              <a:gd name="T54" fmla="*/ 188 w 437"/>
              <a:gd name="T55" fmla="*/ 600 h 623"/>
              <a:gd name="T56" fmla="*/ 121 w 437"/>
              <a:gd name="T57" fmla="*/ 623 h 623"/>
              <a:gd name="T58" fmla="*/ 58 w 437"/>
              <a:gd name="T59" fmla="*/ 584 h 623"/>
              <a:gd name="T60" fmla="*/ 0 w 437"/>
              <a:gd name="T61" fmla="*/ 593 h 623"/>
              <a:gd name="T62" fmla="*/ 29 w 437"/>
              <a:gd name="T63" fmla="*/ 544 h 623"/>
              <a:gd name="T64" fmla="*/ 47 w 437"/>
              <a:gd name="T65" fmla="*/ 504 h 623"/>
              <a:gd name="T66" fmla="*/ 34 w 437"/>
              <a:gd name="T67" fmla="*/ 470 h 623"/>
              <a:gd name="T68" fmla="*/ 60 w 437"/>
              <a:gd name="T69" fmla="*/ 450 h 623"/>
              <a:gd name="T70" fmla="*/ 56 w 437"/>
              <a:gd name="T71" fmla="*/ 417 h 623"/>
              <a:gd name="T72" fmla="*/ 16 w 437"/>
              <a:gd name="T73" fmla="*/ 419 h 623"/>
              <a:gd name="T74" fmla="*/ 0 w 437"/>
              <a:gd name="T75" fmla="*/ 369 h 623"/>
              <a:gd name="T76" fmla="*/ 25 w 437"/>
              <a:gd name="T77" fmla="*/ 329 h 623"/>
              <a:gd name="T78" fmla="*/ 27 w 437"/>
              <a:gd name="T79" fmla="*/ 296 h 623"/>
              <a:gd name="T80" fmla="*/ 60 w 437"/>
              <a:gd name="T81" fmla="*/ 296 h 623"/>
              <a:gd name="T82" fmla="*/ 101 w 437"/>
              <a:gd name="T83" fmla="*/ 248 h 623"/>
              <a:gd name="T84" fmla="*/ 110 w 437"/>
              <a:gd name="T85" fmla="*/ 199 h 623"/>
              <a:gd name="T86" fmla="*/ 166 w 437"/>
              <a:gd name="T87" fmla="*/ 143 h 623"/>
              <a:gd name="T88" fmla="*/ 159 w 437"/>
              <a:gd name="T89" fmla="*/ 107 h 6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437" h="623">
                <a:moveTo>
                  <a:pt x="159" y="107"/>
                </a:moveTo>
                <a:lnTo>
                  <a:pt x="159" y="61"/>
                </a:lnTo>
                <a:lnTo>
                  <a:pt x="148" y="34"/>
                </a:lnTo>
                <a:lnTo>
                  <a:pt x="179" y="0"/>
                </a:lnTo>
                <a:lnTo>
                  <a:pt x="229" y="0"/>
                </a:lnTo>
                <a:lnTo>
                  <a:pt x="260" y="14"/>
                </a:lnTo>
                <a:lnTo>
                  <a:pt x="242" y="40"/>
                </a:lnTo>
                <a:lnTo>
                  <a:pt x="280" y="38"/>
                </a:lnTo>
                <a:lnTo>
                  <a:pt x="331" y="58"/>
                </a:lnTo>
                <a:lnTo>
                  <a:pt x="341" y="43"/>
                </a:lnTo>
                <a:lnTo>
                  <a:pt x="401" y="51"/>
                </a:lnTo>
                <a:lnTo>
                  <a:pt x="396" y="96"/>
                </a:lnTo>
                <a:lnTo>
                  <a:pt x="437" y="94"/>
                </a:lnTo>
                <a:lnTo>
                  <a:pt x="437" y="126"/>
                </a:lnTo>
                <a:lnTo>
                  <a:pt x="340" y="154"/>
                </a:lnTo>
                <a:lnTo>
                  <a:pt x="347" y="179"/>
                </a:lnTo>
                <a:lnTo>
                  <a:pt x="332" y="246"/>
                </a:lnTo>
                <a:lnTo>
                  <a:pt x="314" y="239"/>
                </a:lnTo>
                <a:lnTo>
                  <a:pt x="311" y="273"/>
                </a:lnTo>
                <a:lnTo>
                  <a:pt x="294" y="318"/>
                </a:lnTo>
                <a:lnTo>
                  <a:pt x="238" y="314"/>
                </a:lnTo>
                <a:lnTo>
                  <a:pt x="278" y="378"/>
                </a:lnTo>
                <a:lnTo>
                  <a:pt x="276" y="405"/>
                </a:lnTo>
                <a:lnTo>
                  <a:pt x="226" y="454"/>
                </a:lnTo>
                <a:lnTo>
                  <a:pt x="273" y="506"/>
                </a:lnTo>
                <a:lnTo>
                  <a:pt x="219" y="506"/>
                </a:lnTo>
                <a:lnTo>
                  <a:pt x="179" y="556"/>
                </a:lnTo>
                <a:lnTo>
                  <a:pt x="188" y="600"/>
                </a:lnTo>
                <a:lnTo>
                  <a:pt x="121" y="623"/>
                </a:lnTo>
                <a:lnTo>
                  <a:pt x="58" y="584"/>
                </a:lnTo>
                <a:lnTo>
                  <a:pt x="0" y="593"/>
                </a:lnTo>
                <a:lnTo>
                  <a:pt x="29" y="544"/>
                </a:lnTo>
                <a:lnTo>
                  <a:pt x="47" y="504"/>
                </a:lnTo>
                <a:lnTo>
                  <a:pt x="34" y="470"/>
                </a:lnTo>
                <a:lnTo>
                  <a:pt x="60" y="450"/>
                </a:lnTo>
                <a:lnTo>
                  <a:pt x="56" y="417"/>
                </a:lnTo>
                <a:lnTo>
                  <a:pt x="16" y="419"/>
                </a:lnTo>
                <a:lnTo>
                  <a:pt x="0" y="369"/>
                </a:lnTo>
                <a:lnTo>
                  <a:pt x="25" y="329"/>
                </a:lnTo>
                <a:lnTo>
                  <a:pt x="27" y="296"/>
                </a:lnTo>
                <a:lnTo>
                  <a:pt x="60" y="296"/>
                </a:lnTo>
                <a:lnTo>
                  <a:pt x="101" y="248"/>
                </a:lnTo>
                <a:lnTo>
                  <a:pt x="110" y="199"/>
                </a:lnTo>
                <a:lnTo>
                  <a:pt x="166" y="143"/>
                </a:lnTo>
                <a:lnTo>
                  <a:pt x="159" y="10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9" name="Spain"/>
          <p:cNvSpPr>
            <a:spLocks/>
          </p:cNvSpPr>
          <p:nvPr/>
        </p:nvSpPr>
        <p:spPr bwMode="auto">
          <a:xfrm>
            <a:off x="5825063" y="5143500"/>
            <a:ext cx="1965325" cy="1547813"/>
          </a:xfrm>
          <a:custGeom>
            <a:avLst/>
            <a:gdLst>
              <a:gd name="T0" fmla="*/ 638 w 1238"/>
              <a:gd name="T1" fmla="*/ 133 h 975"/>
              <a:gd name="T2" fmla="*/ 710 w 1238"/>
              <a:gd name="T3" fmla="*/ 169 h 975"/>
              <a:gd name="T4" fmla="*/ 779 w 1238"/>
              <a:gd name="T5" fmla="*/ 178 h 975"/>
              <a:gd name="T6" fmla="*/ 842 w 1238"/>
              <a:gd name="T7" fmla="*/ 224 h 975"/>
              <a:gd name="T8" fmla="*/ 914 w 1238"/>
              <a:gd name="T9" fmla="*/ 269 h 975"/>
              <a:gd name="T10" fmla="*/ 999 w 1238"/>
              <a:gd name="T11" fmla="*/ 256 h 975"/>
              <a:gd name="T12" fmla="*/ 1061 w 1238"/>
              <a:gd name="T13" fmla="*/ 298 h 975"/>
              <a:gd name="T14" fmla="*/ 1095 w 1238"/>
              <a:gd name="T15" fmla="*/ 316 h 975"/>
              <a:gd name="T16" fmla="*/ 1173 w 1238"/>
              <a:gd name="T17" fmla="*/ 345 h 975"/>
              <a:gd name="T18" fmla="*/ 1227 w 1238"/>
              <a:gd name="T19" fmla="*/ 397 h 975"/>
              <a:gd name="T20" fmla="*/ 1100 w 1238"/>
              <a:gd name="T21" fmla="*/ 469 h 975"/>
              <a:gd name="T22" fmla="*/ 958 w 1238"/>
              <a:gd name="T23" fmla="*/ 500 h 975"/>
              <a:gd name="T24" fmla="*/ 934 w 1238"/>
              <a:gd name="T25" fmla="*/ 532 h 975"/>
              <a:gd name="T26" fmla="*/ 826 w 1238"/>
              <a:gd name="T27" fmla="*/ 713 h 975"/>
              <a:gd name="T28" fmla="*/ 860 w 1238"/>
              <a:gd name="T29" fmla="*/ 753 h 975"/>
              <a:gd name="T30" fmla="*/ 763 w 1238"/>
              <a:gd name="T31" fmla="*/ 829 h 975"/>
              <a:gd name="T32" fmla="*/ 748 w 1238"/>
              <a:gd name="T33" fmla="*/ 869 h 975"/>
              <a:gd name="T34" fmla="*/ 703 w 1238"/>
              <a:gd name="T35" fmla="*/ 860 h 975"/>
              <a:gd name="T36" fmla="*/ 593 w 1238"/>
              <a:gd name="T37" fmla="*/ 943 h 975"/>
              <a:gd name="T38" fmla="*/ 562 w 1238"/>
              <a:gd name="T39" fmla="*/ 934 h 975"/>
              <a:gd name="T40" fmla="*/ 481 w 1238"/>
              <a:gd name="T41" fmla="*/ 926 h 975"/>
              <a:gd name="T42" fmla="*/ 338 w 1238"/>
              <a:gd name="T43" fmla="*/ 908 h 975"/>
              <a:gd name="T44" fmla="*/ 239 w 1238"/>
              <a:gd name="T45" fmla="*/ 925 h 975"/>
              <a:gd name="T46" fmla="*/ 165 w 1238"/>
              <a:gd name="T47" fmla="*/ 975 h 975"/>
              <a:gd name="T48" fmla="*/ 116 w 1238"/>
              <a:gd name="T49" fmla="*/ 908 h 975"/>
              <a:gd name="T50" fmla="*/ 116 w 1238"/>
              <a:gd name="T51" fmla="*/ 838 h 975"/>
              <a:gd name="T52" fmla="*/ 22 w 1238"/>
              <a:gd name="T53" fmla="*/ 791 h 975"/>
              <a:gd name="T54" fmla="*/ 53 w 1238"/>
              <a:gd name="T55" fmla="*/ 697 h 975"/>
              <a:gd name="T56" fmla="*/ 60 w 1238"/>
              <a:gd name="T57" fmla="*/ 645 h 975"/>
              <a:gd name="T58" fmla="*/ 112 w 1238"/>
              <a:gd name="T59" fmla="*/ 569 h 975"/>
              <a:gd name="T60" fmla="*/ 128 w 1238"/>
              <a:gd name="T61" fmla="*/ 509 h 975"/>
              <a:gd name="T62" fmla="*/ 148 w 1238"/>
              <a:gd name="T63" fmla="*/ 430 h 975"/>
              <a:gd name="T64" fmla="*/ 181 w 1238"/>
              <a:gd name="T65" fmla="*/ 370 h 975"/>
              <a:gd name="T66" fmla="*/ 271 w 1238"/>
              <a:gd name="T67" fmla="*/ 317 h 975"/>
              <a:gd name="T68" fmla="*/ 230 w 1238"/>
              <a:gd name="T69" fmla="*/ 287 h 975"/>
              <a:gd name="T70" fmla="*/ 175 w 1238"/>
              <a:gd name="T71" fmla="*/ 234 h 975"/>
              <a:gd name="T72" fmla="*/ 114 w 1238"/>
              <a:gd name="T73" fmla="*/ 229 h 975"/>
              <a:gd name="T74" fmla="*/ 94 w 1238"/>
              <a:gd name="T75" fmla="*/ 205 h 975"/>
              <a:gd name="T76" fmla="*/ 13 w 1238"/>
              <a:gd name="T77" fmla="*/ 191 h 975"/>
              <a:gd name="T78" fmla="*/ 54 w 1238"/>
              <a:gd name="T79" fmla="*/ 108 h 975"/>
              <a:gd name="T80" fmla="*/ 13 w 1238"/>
              <a:gd name="T81" fmla="*/ 110 h 975"/>
              <a:gd name="T82" fmla="*/ 27 w 1238"/>
              <a:gd name="T83" fmla="*/ 45 h 975"/>
              <a:gd name="T84" fmla="*/ 157 w 1238"/>
              <a:gd name="T85" fmla="*/ 0 h 975"/>
              <a:gd name="T86" fmla="*/ 190 w 1238"/>
              <a:gd name="T87" fmla="*/ 10 h 975"/>
              <a:gd name="T88" fmla="*/ 268 w 1238"/>
              <a:gd name="T89" fmla="*/ 56 h 975"/>
              <a:gd name="T90" fmla="*/ 356 w 1238"/>
              <a:gd name="T91" fmla="*/ 57 h 975"/>
              <a:gd name="T92" fmla="*/ 477 w 1238"/>
              <a:gd name="T93" fmla="*/ 121 h 975"/>
              <a:gd name="T94" fmla="*/ 542 w 1238"/>
              <a:gd name="T95" fmla="*/ 113 h 975"/>
              <a:gd name="T96" fmla="*/ 609 w 1238"/>
              <a:gd name="T97" fmla="*/ 157 h 9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38" h="975">
                <a:moveTo>
                  <a:pt x="609" y="157"/>
                </a:moveTo>
                <a:lnTo>
                  <a:pt x="638" y="133"/>
                </a:lnTo>
                <a:lnTo>
                  <a:pt x="672" y="157"/>
                </a:lnTo>
                <a:lnTo>
                  <a:pt x="710" y="169"/>
                </a:lnTo>
                <a:lnTo>
                  <a:pt x="763" y="162"/>
                </a:lnTo>
                <a:lnTo>
                  <a:pt x="779" y="178"/>
                </a:lnTo>
                <a:lnTo>
                  <a:pt x="779" y="204"/>
                </a:lnTo>
                <a:lnTo>
                  <a:pt x="842" y="224"/>
                </a:lnTo>
                <a:lnTo>
                  <a:pt x="898" y="252"/>
                </a:lnTo>
                <a:lnTo>
                  <a:pt x="914" y="269"/>
                </a:lnTo>
                <a:lnTo>
                  <a:pt x="990" y="278"/>
                </a:lnTo>
                <a:lnTo>
                  <a:pt x="999" y="256"/>
                </a:lnTo>
                <a:lnTo>
                  <a:pt x="1046" y="281"/>
                </a:lnTo>
                <a:lnTo>
                  <a:pt x="1061" y="298"/>
                </a:lnTo>
                <a:lnTo>
                  <a:pt x="1061" y="316"/>
                </a:lnTo>
                <a:lnTo>
                  <a:pt x="1095" y="316"/>
                </a:lnTo>
                <a:lnTo>
                  <a:pt x="1109" y="327"/>
                </a:lnTo>
                <a:lnTo>
                  <a:pt x="1173" y="345"/>
                </a:lnTo>
                <a:lnTo>
                  <a:pt x="1238" y="345"/>
                </a:lnTo>
                <a:lnTo>
                  <a:pt x="1227" y="397"/>
                </a:lnTo>
                <a:lnTo>
                  <a:pt x="1129" y="444"/>
                </a:lnTo>
                <a:lnTo>
                  <a:pt x="1100" y="469"/>
                </a:lnTo>
                <a:lnTo>
                  <a:pt x="1001" y="478"/>
                </a:lnTo>
                <a:lnTo>
                  <a:pt x="958" y="500"/>
                </a:lnTo>
                <a:lnTo>
                  <a:pt x="967" y="523"/>
                </a:lnTo>
                <a:lnTo>
                  <a:pt x="934" y="532"/>
                </a:lnTo>
                <a:lnTo>
                  <a:pt x="837" y="637"/>
                </a:lnTo>
                <a:lnTo>
                  <a:pt x="826" y="713"/>
                </a:lnTo>
                <a:lnTo>
                  <a:pt x="867" y="735"/>
                </a:lnTo>
                <a:lnTo>
                  <a:pt x="860" y="753"/>
                </a:lnTo>
                <a:lnTo>
                  <a:pt x="786" y="782"/>
                </a:lnTo>
                <a:lnTo>
                  <a:pt x="763" y="829"/>
                </a:lnTo>
                <a:lnTo>
                  <a:pt x="739" y="840"/>
                </a:lnTo>
                <a:lnTo>
                  <a:pt x="748" y="869"/>
                </a:lnTo>
                <a:lnTo>
                  <a:pt x="732" y="878"/>
                </a:lnTo>
                <a:lnTo>
                  <a:pt x="703" y="860"/>
                </a:lnTo>
                <a:lnTo>
                  <a:pt x="631" y="896"/>
                </a:lnTo>
                <a:lnTo>
                  <a:pt x="593" y="943"/>
                </a:lnTo>
                <a:lnTo>
                  <a:pt x="584" y="964"/>
                </a:lnTo>
                <a:lnTo>
                  <a:pt x="562" y="934"/>
                </a:lnTo>
                <a:lnTo>
                  <a:pt x="517" y="944"/>
                </a:lnTo>
                <a:lnTo>
                  <a:pt x="481" y="926"/>
                </a:lnTo>
                <a:lnTo>
                  <a:pt x="448" y="934"/>
                </a:lnTo>
                <a:lnTo>
                  <a:pt x="338" y="908"/>
                </a:lnTo>
                <a:lnTo>
                  <a:pt x="295" y="941"/>
                </a:lnTo>
                <a:lnTo>
                  <a:pt x="239" y="925"/>
                </a:lnTo>
                <a:lnTo>
                  <a:pt x="202" y="964"/>
                </a:lnTo>
                <a:lnTo>
                  <a:pt x="165" y="975"/>
                </a:lnTo>
                <a:lnTo>
                  <a:pt x="143" y="941"/>
                </a:lnTo>
                <a:lnTo>
                  <a:pt x="116" y="908"/>
                </a:lnTo>
                <a:lnTo>
                  <a:pt x="116" y="869"/>
                </a:lnTo>
                <a:lnTo>
                  <a:pt x="116" y="838"/>
                </a:lnTo>
                <a:lnTo>
                  <a:pt x="76" y="814"/>
                </a:lnTo>
                <a:lnTo>
                  <a:pt x="22" y="791"/>
                </a:lnTo>
                <a:lnTo>
                  <a:pt x="13" y="747"/>
                </a:lnTo>
                <a:lnTo>
                  <a:pt x="53" y="697"/>
                </a:lnTo>
                <a:lnTo>
                  <a:pt x="107" y="697"/>
                </a:lnTo>
                <a:lnTo>
                  <a:pt x="60" y="645"/>
                </a:lnTo>
                <a:lnTo>
                  <a:pt x="110" y="596"/>
                </a:lnTo>
                <a:lnTo>
                  <a:pt x="112" y="569"/>
                </a:lnTo>
                <a:lnTo>
                  <a:pt x="72" y="505"/>
                </a:lnTo>
                <a:lnTo>
                  <a:pt x="128" y="509"/>
                </a:lnTo>
                <a:lnTo>
                  <a:pt x="145" y="464"/>
                </a:lnTo>
                <a:lnTo>
                  <a:pt x="148" y="430"/>
                </a:lnTo>
                <a:lnTo>
                  <a:pt x="166" y="437"/>
                </a:lnTo>
                <a:lnTo>
                  <a:pt x="181" y="370"/>
                </a:lnTo>
                <a:lnTo>
                  <a:pt x="174" y="345"/>
                </a:lnTo>
                <a:lnTo>
                  <a:pt x="271" y="317"/>
                </a:lnTo>
                <a:lnTo>
                  <a:pt x="271" y="285"/>
                </a:lnTo>
                <a:lnTo>
                  <a:pt x="230" y="287"/>
                </a:lnTo>
                <a:lnTo>
                  <a:pt x="235" y="242"/>
                </a:lnTo>
                <a:lnTo>
                  <a:pt x="175" y="234"/>
                </a:lnTo>
                <a:lnTo>
                  <a:pt x="165" y="249"/>
                </a:lnTo>
                <a:lnTo>
                  <a:pt x="114" y="229"/>
                </a:lnTo>
                <a:lnTo>
                  <a:pt x="76" y="231"/>
                </a:lnTo>
                <a:lnTo>
                  <a:pt x="94" y="205"/>
                </a:lnTo>
                <a:lnTo>
                  <a:pt x="63" y="191"/>
                </a:lnTo>
                <a:lnTo>
                  <a:pt x="13" y="191"/>
                </a:lnTo>
                <a:lnTo>
                  <a:pt x="29" y="140"/>
                </a:lnTo>
                <a:lnTo>
                  <a:pt x="54" y="108"/>
                </a:lnTo>
                <a:lnTo>
                  <a:pt x="53" y="88"/>
                </a:lnTo>
                <a:lnTo>
                  <a:pt x="13" y="110"/>
                </a:lnTo>
                <a:lnTo>
                  <a:pt x="0" y="63"/>
                </a:lnTo>
                <a:lnTo>
                  <a:pt x="27" y="45"/>
                </a:lnTo>
                <a:lnTo>
                  <a:pt x="103" y="32"/>
                </a:lnTo>
                <a:lnTo>
                  <a:pt x="157" y="0"/>
                </a:lnTo>
                <a:lnTo>
                  <a:pt x="170" y="21"/>
                </a:lnTo>
                <a:lnTo>
                  <a:pt x="190" y="10"/>
                </a:lnTo>
                <a:lnTo>
                  <a:pt x="224" y="43"/>
                </a:lnTo>
                <a:lnTo>
                  <a:pt x="268" y="56"/>
                </a:lnTo>
                <a:lnTo>
                  <a:pt x="325" y="63"/>
                </a:lnTo>
                <a:lnTo>
                  <a:pt x="356" y="57"/>
                </a:lnTo>
                <a:lnTo>
                  <a:pt x="381" y="81"/>
                </a:lnTo>
                <a:lnTo>
                  <a:pt x="477" y="121"/>
                </a:lnTo>
                <a:lnTo>
                  <a:pt x="537" y="128"/>
                </a:lnTo>
                <a:lnTo>
                  <a:pt x="542" y="113"/>
                </a:lnTo>
                <a:lnTo>
                  <a:pt x="584" y="119"/>
                </a:lnTo>
                <a:lnTo>
                  <a:pt x="609" y="15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0" name="France"/>
          <p:cNvSpPr>
            <a:spLocks/>
          </p:cNvSpPr>
          <p:nvPr/>
        </p:nvSpPr>
        <p:spPr bwMode="auto">
          <a:xfrm>
            <a:off x="6752163" y="4013200"/>
            <a:ext cx="1889125" cy="1677988"/>
          </a:xfrm>
          <a:custGeom>
            <a:avLst/>
            <a:gdLst>
              <a:gd name="T0" fmla="*/ 246 w 659"/>
              <a:gd name="T1" fmla="*/ 109 h 585"/>
              <a:gd name="T2" fmla="*/ 336 w 659"/>
              <a:gd name="T3" fmla="*/ 64 h 585"/>
              <a:gd name="T4" fmla="*/ 386 w 659"/>
              <a:gd name="T5" fmla="*/ 0 h 585"/>
              <a:gd name="T6" fmla="*/ 454 w 659"/>
              <a:gd name="T7" fmla="*/ 54 h 585"/>
              <a:gd name="T8" fmla="*/ 490 w 659"/>
              <a:gd name="T9" fmla="*/ 73 h 585"/>
              <a:gd name="T10" fmla="*/ 551 w 659"/>
              <a:gd name="T11" fmla="*/ 120 h 585"/>
              <a:gd name="T12" fmla="*/ 594 w 659"/>
              <a:gd name="T13" fmla="*/ 150 h 585"/>
              <a:gd name="T14" fmla="*/ 628 w 659"/>
              <a:gd name="T15" fmla="*/ 200 h 585"/>
              <a:gd name="T16" fmla="*/ 563 w 659"/>
              <a:gd name="T17" fmla="*/ 288 h 585"/>
              <a:gd name="T18" fmla="*/ 535 w 659"/>
              <a:gd name="T19" fmla="*/ 340 h 585"/>
              <a:gd name="T20" fmla="*/ 575 w 659"/>
              <a:gd name="T21" fmla="*/ 323 h 585"/>
              <a:gd name="T22" fmla="*/ 568 w 659"/>
              <a:gd name="T23" fmla="*/ 370 h 585"/>
              <a:gd name="T24" fmla="*/ 567 w 659"/>
              <a:gd name="T25" fmla="*/ 414 h 585"/>
              <a:gd name="T26" fmla="*/ 575 w 659"/>
              <a:gd name="T27" fmla="*/ 466 h 585"/>
              <a:gd name="T28" fmla="*/ 606 w 659"/>
              <a:gd name="T29" fmla="*/ 507 h 585"/>
              <a:gd name="T30" fmla="*/ 488 w 659"/>
              <a:gd name="T31" fmla="*/ 536 h 585"/>
              <a:gd name="T32" fmla="*/ 450 w 659"/>
              <a:gd name="T33" fmla="*/ 528 h 585"/>
              <a:gd name="T34" fmla="*/ 362 w 659"/>
              <a:gd name="T35" fmla="*/ 529 h 585"/>
              <a:gd name="T36" fmla="*/ 362 w 659"/>
              <a:gd name="T37" fmla="*/ 585 h 585"/>
              <a:gd name="T38" fmla="*/ 291 w 659"/>
              <a:gd name="T39" fmla="*/ 575 h 585"/>
              <a:gd name="T40" fmla="*/ 264 w 659"/>
              <a:gd name="T41" fmla="*/ 559 h 585"/>
              <a:gd name="T42" fmla="*/ 230 w 659"/>
              <a:gd name="T43" fmla="*/ 536 h 585"/>
              <a:gd name="T44" fmla="*/ 183 w 659"/>
              <a:gd name="T45" fmla="*/ 543 h 585"/>
              <a:gd name="T46" fmla="*/ 143 w 659"/>
              <a:gd name="T47" fmla="*/ 518 h 585"/>
              <a:gd name="T48" fmla="*/ 108 w 659"/>
              <a:gd name="T49" fmla="*/ 493 h 585"/>
              <a:gd name="T50" fmla="*/ 121 w 659"/>
              <a:gd name="T51" fmla="*/ 463 h 585"/>
              <a:gd name="T52" fmla="*/ 151 w 659"/>
              <a:gd name="T53" fmla="*/ 351 h 585"/>
              <a:gd name="T54" fmla="*/ 155 w 659"/>
              <a:gd name="T55" fmla="*/ 337 h 585"/>
              <a:gd name="T56" fmla="*/ 159 w 659"/>
              <a:gd name="T57" fmla="*/ 296 h 585"/>
              <a:gd name="T58" fmla="*/ 126 w 659"/>
              <a:gd name="T59" fmla="*/ 266 h 585"/>
              <a:gd name="T60" fmla="*/ 122 w 659"/>
              <a:gd name="T61" fmla="*/ 242 h 585"/>
              <a:gd name="T62" fmla="*/ 113 w 659"/>
              <a:gd name="T63" fmla="*/ 207 h 585"/>
              <a:gd name="T64" fmla="*/ 45 w 659"/>
              <a:gd name="T65" fmla="*/ 177 h 585"/>
              <a:gd name="T66" fmla="*/ 0 w 659"/>
              <a:gd name="T67" fmla="*/ 156 h 585"/>
              <a:gd name="T68" fmla="*/ 5 w 659"/>
              <a:gd name="T69" fmla="*/ 132 h 585"/>
              <a:gd name="T70" fmla="*/ 43 w 659"/>
              <a:gd name="T71" fmla="*/ 111 h 585"/>
              <a:gd name="T72" fmla="*/ 85 w 659"/>
              <a:gd name="T73" fmla="*/ 110 h 585"/>
              <a:gd name="T74" fmla="*/ 123 w 659"/>
              <a:gd name="T75" fmla="*/ 126 h 585"/>
              <a:gd name="T76" fmla="*/ 172 w 659"/>
              <a:gd name="T77" fmla="*/ 143 h 585"/>
              <a:gd name="T78" fmla="*/ 174 w 659"/>
              <a:gd name="T79" fmla="*/ 100 h 585"/>
              <a:gd name="T80" fmla="*/ 163 w 659"/>
              <a:gd name="T81" fmla="*/ 65 h 585"/>
              <a:gd name="T82" fmla="*/ 188 w 659"/>
              <a:gd name="T83" fmla="*/ 94 h 5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659" h="585">
                <a:moveTo>
                  <a:pt x="201" y="92"/>
                </a:moveTo>
                <a:cubicBezTo>
                  <a:pt x="246" y="109"/>
                  <a:pt x="246" y="109"/>
                  <a:pt x="246" y="109"/>
                </a:cubicBezTo>
                <a:cubicBezTo>
                  <a:pt x="262" y="80"/>
                  <a:pt x="262" y="80"/>
                  <a:pt x="262" y="80"/>
                </a:cubicBezTo>
                <a:cubicBezTo>
                  <a:pt x="336" y="64"/>
                  <a:pt x="336" y="64"/>
                  <a:pt x="336" y="64"/>
                </a:cubicBezTo>
                <a:cubicBezTo>
                  <a:pt x="339" y="6"/>
                  <a:pt x="339" y="6"/>
                  <a:pt x="339" y="6"/>
                </a:cubicBezTo>
                <a:cubicBezTo>
                  <a:pt x="386" y="0"/>
                  <a:pt x="386" y="0"/>
                  <a:pt x="386" y="0"/>
                </a:cubicBezTo>
                <a:cubicBezTo>
                  <a:pt x="408" y="29"/>
                  <a:pt x="408" y="29"/>
                  <a:pt x="408" y="29"/>
                </a:cubicBezTo>
                <a:cubicBezTo>
                  <a:pt x="454" y="54"/>
                  <a:pt x="454" y="54"/>
                  <a:pt x="454" y="54"/>
                </a:cubicBezTo>
                <a:cubicBezTo>
                  <a:pt x="464" y="82"/>
                  <a:pt x="464" y="82"/>
                  <a:pt x="464" y="82"/>
                </a:cubicBezTo>
                <a:cubicBezTo>
                  <a:pt x="490" y="73"/>
                  <a:pt x="490" y="73"/>
                  <a:pt x="490" y="73"/>
                </a:cubicBezTo>
                <a:cubicBezTo>
                  <a:pt x="522" y="120"/>
                  <a:pt x="522" y="120"/>
                  <a:pt x="522" y="120"/>
                </a:cubicBezTo>
                <a:cubicBezTo>
                  <a:pt x="551" y="120"/>
                  <a:pt x="551" y="120"/>
                  <a:pt x="551" y="120"/>
                </a:cubicBezTo>
                <a:cubicBezTo>
                  <a:pt x="571" y="122"/>
                  <a:pt x="571" y="122"/>
                  <a:pt x="571" y="122"/>
                </a:cubicBezTo>
                <a:cubicBezTo>
                  <a:pt x="594" y="150"/>
                  <a:pt x="594" y="150"/>
                  <a:pt x="594" y="150"/>
                </a:cubicBezTo>
                <a:cubicBezTo>
                  <a:pt x="659" y="153"/>
                  <a:pt x="659" y="153"/>
                  <a:pt x="659" y="153"/>
                </a:cubicBezTo>
                <a:cubicBezTo>
                  <a:pt x="628" y="200"/>
                  <a:pt x="628" y="200"/>
                  <a:pt x="628" y="200"/>
                </a:cubicBezTo>
                <a:cubicBezTo>
                  <a:pt x="621" y="251"/>
                  <a:pt x="621" y="251"/>
                  <a:pt x="621" y="251"/>
                </a:cubicBezTo>
                <a:cubicBezTo>
                  <a:pt x="563" y="288"/>
                  <a:pt x="563" y="288"/>
                  <a:pt x="563" y="288"/>
                </a:cubicBezTo>
                <a:cubicBezTo>
                  <a:pt x="537" y="319"/>
                  <a:pt x="537" y="319"/>
                  <a:pt x="537" y="319"/>
                </a:cubicBezTo>
                <a:cubicBezTo>
                  <a:pt x="535" y="340"/>
                  <a:pt x="535" y="340"/>
                  <a:pt x="535" y="340"/>
                </a:cubicBezTo>
                <a:cubicBezTo>
                  <a:pt x="549" y="324"/>
                  <a:pt x="549" y="324"/>
                  <a:pt x="549" y="324"/>
                </a:cubicBezTo>
                <a:cubicBezTo>
                  <a:pt x="575" y="323"/>
                  <a:pt x="575" y="323"/>
                  <a:pt x="575" y="323"/>
                </a:cubicBezTo>
                <a:cubicBezTo>
                  <a:pt x="583" y="364"/>
                  <a:pt x="583" y="364"/>
                  <a:pt x="583" y="364"/>
                </a:cubicBezTo>
                <a:cubicBezTo>
                  <a:pt x="568" y="370"/>
                  <a:pt x="568" y="370"/>
                  <a:pt x="568" y="370"/>
                </a:cubicBezTo>
                <a:cubicBezTo>
                  <a:pt x="590" y="389"/>
                  <a:pt x="590" y="389"/>
                  <a:pt x="590" y="389"/>
                </a:cubicBezTo>
                <a:cubicBezTo>
                  <a:pt x="567" y="414"/>
                  <a:pt x="567" y="414"/>
                  <a:pt x="567" y="414"/>
                </a:cubicBezTo>
                <a:cubicBezTo>
                  <a:pt x="581" y="434"/>
                  <a:pt x="581" y="434"/>
                  <a:pt x="581" y="434"/>
                </a:cubicBezTo>
                <a:cubicBezTo>
                  <a:pt x="575" y="466"/>
                  <a:pt x="575" y="466"/>
                  <a:pt x="575" y="466"/>
                </a:cubicBezTo>
                <a:cubicBezTo>
                  <a:pt x="619" y="473"/>
                  <a:pt x="619" y="473"/>
                  <a:pt x="619" y="473"/>
                </a:cubicBezTo>
                <a:cubicBezTo>
                  <a:pt x="606" y="507"/>
                  <a:pt x="606" y="507"/>
                  <a:pt x="606" y="507"/>
                </a:cubicBezTo>
                <a:cubicBezTo>
                  <a:pt x="540" y="547"/>
                  <a:pt x="540" y="547"/>
                  <a:pt x="540" y="547"/>
                </a:cubicBezTo>
                <a:cubicBezTo>
                  <a:pt x="488" y="536"/>
                  <a:pt x="488" y="536"/>
                  <a:pt x="488" y="536"/>
                </a:cubicBezTo>
                <a:cubicBezTo>
                  <a:pt x="472" y="511"/>
                  <a:pt x="472" y="511"/>
                  <a:pt x="472" y="511"/>
                </a:cubicBezTo>
                <a:cubicBezTo>
                  <a:pt x="472" y="511"/>
                  <a:pt x="454" y="528"/>
                  <a:pt x="450" y="528"/>
                </a:cubicBezTo>
                <a:cubicBezTo>
                  <a:pt x="445" y="528"/>
                  <a:pt x="411" y="509"/>
                  <a:pt x="411" y="509"/>
                </a:cubicBezTo>
                <a:cubicBezTo>
                  <a:pt x="362" y="529"/>
                  <a:pt x="362" y="529"/>
                  <a:pt x="362" y="529"/>
                </a:cubicBezTo>
                <a:cubicBezTo>
                  <a:pt x="356" y="556"/>
                  <a:pt x="356" y="556"/>
                  <a:pt x="356" y="556"/>
                </a:cubicBezTo>
                <a:cubicBezTo>
                  <a:pt x="362" y="585"/>
                  <a:pt x="362" y="585"/>
                  <a:pt x="362" y="585"/>
                </a:cubicBezTo>
                <a:cubicBezTo>
                  <a:pt x="326" y="585"/>
                  <a:pt x="326" y="585"/>
                  <a:pt x="326" y="585"/>
                </a:cubicBezTo>
                <a:cubicBezTo>
                  <a:pt x="291" y="575"/>
                  <a:pt x="291" y="575"/>
                  <a:pt x="291" y="575"/>
                </a:cubicBezTo>
                <a:cubicBezTo>
                  <a:pt x="278" y="556"/>
                  <a:pt x="278" y="556"/>
                  <a:pt x="278" y="556"/>
                </a:cubicBezTo>
                <a:cubicBezTo>
                  <a:pt x="264" y="559"/>
                  <a:pt x="264" y="559"/>
                  <a:pt x="264" y="559"/>
                </a:cubicBezTo>
                <a:cubicBezTo>
                  <a:pt x="256" y="550"/>
                  <a:pt x="256" y="550"/>
                  <a:pt x="256" y="550"/>
                </a:cubicBezTo>
                <a:cubicBezTo>
                  <a:pt x="230" y="536"/>
                  <a:pt x="230" y="536"/>
                  <a:pt x="230" y="536"/>
                </a:cubicBezTo>
                <a:cubicBezTo>
                  <a:pt x="225" y="548"/>
                  <a:pt x="225" y="548"/>
                  <a:pt x="225" y="548"/>
                </a:cubicBezTo>
                <a:cubicBezTo>
                  <a:pt x="183" y="543"/>
                  <a:pt x="183" y="543"/>
                  <a:pt x="183" y="543"/>
                </a:cubicBezTo>
                <a:cubicBezTo>
                  <a:pt x="174" y="534"/>
                  <a:pt x="174" y="534"/>
                  <a:pt x="174" y="534"/>
                </a:cubicBezTo>
                <a:cubicBezTo>
                  <a:pt x="143" y="518"/>
                  <a:pt x="143" y="518"/>
                  <a:pt x="143" y="518"/>
                </a:cubicBezTo>
                <a:cubicBezTo>
                  <a:pt x="108" y="507"/>
                  <a:pt x="108" y="507"/>
                  <a:pt x="108" y="507"/>
                </a:cubicBezTo>
                <a:cubicBezTo>
                  <a:pt x="108" y="493"/>
                  <a:pt x="108" y="493"/>
                  <a:pt x="108" y="493"/>
                </a:cubicBezTo>
                <a:cubicBezTo>
                  <a:pt x="99" y="484"/>
                  <a:pt x="99" y="484"/>
                  <a:pt x="99" y="484"/>
                </a:cubicBezTo>
                <a:cubicBezTo>
                  <a:pt x="121" y="463"/>
                  <a:pt x="121" y="463"/>
                  <a:pt x="121" y="463"/>
                </a:cubicBezTo>
                <a:cubicBezTo>
                  <a:pt x="131" y="397"/>
                  <a:pt x="131" y="397"/>
                  <a:pt x="131" y="397"/>
                </a:cubicBezTo>
                <a:cubicBezTo>
                  <a:pt x="151" y="351"/>
                  <a:pt x="151" y="351"/>
                  <a:pt x="151" y="351"/>
                </a:cubicBezTo>
                <a:cubicBezTo>
                  <a:pt x="171" y="371"/>
                  <a:pt x="171" y="371"/>
                  <a:pt x="171" y="371"/>
                </a:cubicBezTo>
                <a:cubicBezTo>
                  <a:pt x="155" y="337"/>
                  <a:pt x="155" y="337"/>
                  <a:pt x="155" y="337"/>
                </a:cubicBezTo>
                <a:cubicBezTo>
                  <a:pt x="159" y="318"/>
                  <a:pt x="159" y="318"/>
                  <a:pt x="159" y="318"/>
                </a:cubicBezTo>
                <a:cubicBezTo>
                  <a:pt x="159" y="296"/>
                  <a:pt x="159" y="296"/>
                  <a:pt x="159" y="296"/>
                </a:cubicBezTo>
                <a:cubicBezTo>
                  <a:pt x="128" y="285"/>
                  <a:pt x="128" y="285"/>
                  <a:pt x="128" y="285"/>
                </a:cubicBezTo>
                <a:cubicBezTo>
                  <a:pt x="126" y="266"/>
                  <a:pt x="126" y="266"/>
                  <a:pt x="126" y="266"/>
                </a:cubicBezTo>
                <a:cubicBezTo>
                  <a:pt x="117" y="254"/>
                  <a:pt x="117" y="254"/>
                  <a:pt x="117" y="254"/>
                </a:cubicBezTo>
                <a:cubicBezTo>
                  <a:pt x="122" y="242"/>
                  <a:pt x="122" y="242"/>
                  <a:pt x="122" y="242"/>
                </a:cubicBezTo>
                <a:cubicBezTo>
                  <a:pt x="103" y="225"/>
                  <a:pt x="103" y="225"/>
                  <a:pt x="103" y="225"/>
                </a:cubicBezTo>
                <a:cubicBezTo>
                  <a:pt x="113" y="207"/>
                  <a:pt x="113" y="207"/>
                  <a:pt x="113" y="207"/>
                </a:cubicBezTo>
                <a:cubicBezTo>
                  <a:pt x="72" y="192"/>
                  <a:pt x="72" y="192"/>
                  <a:pt x="72" y="192"/>
                </a:cubicBezTo>
                <a:cubicBezTo>
                  <a:pt x="45" y="177"/>
                  <a:pt x="45" y="177"/>
                  <a:pt x="45" y="177"/>
                </a:cubicBezTo>
                <a:cubicBezTo>
                  <a:pt x="13" y="175"/>
                  <a:pt x="13" y="175"/>
                  <a:pt x="13" y="175"/>
                </a:cubicBezTo>
                <a:cubicBezTo>
                  <a:pt x="0" y="156"/>
                  <a:pt x="0" y="156"/>
                  <a:pt x="0" y="156"/>
                </a:cubicBezTo>
                <a:cubicBezTo>
                  <a:pt x="26" y="138"/>
                  <a:pt x="26" y="138"/>
                  <a:pt x="26" y="138"/>
                </a:cubicBezTo>
                <a:cubicBezTo>
                  <a:pt x="5" y="132"/>
                  <a:pt x="5" y="132"/>
                  <a:pt x="5" y="132"/>
                </a:cubicBezTo>
                <a:cubicBezTo>
                  <a:pt x="12" y="115"/>
                  <a:pt x="12" y="115"/>
                  <a:pt x="12" y="115"/>
                </a:cubicBezTo>
                <a:cubicBezTo>
                  <a:pt x="43" y="111"/>
                  <a:pt x="43" y="111"/>
                  <a:pt x="43" y="111"/>
                </a:cubicBezTo>
                <a:cubicBezTo>
                  <a:pt x="65" y="122"/>
                  <a:pt x="65" y="122"/>
                  <a:pt x="65" y="122"/>
                </a:cubicBezTo>
                <a:cubicBezTo>
                  <a:pt x="85" y="110"/>
                  <a:pt x="85" y="110"/>
                  <a:pt x="85" y="110"/>
                </a:cubicBezTo>
                <a:cubicBezTo>
                  <a:pt x="108" y="132"/>
                  <a:pt x="108" y="132"/>
                  <a:pt x="108" y="132"/>
                </a:cubicBezTo>
                <a:cubicBezTo>
                  <a:pt x="123" y="126"/>
                  <a:pt x="123" y="126"/>
                  <a:pt x="123" y="126"/>
                </a:cubicBezTo>
                <a:cubicBezTo>
                  <a:pt x="140" y="143"/>
                  <a:pt x="140" y="143"/>
                  <a:pt x="140" y="143"/>
                </a:cubicBezTo>
                <a:cubicBezTo>
                  <a:pt x="172" y="143"/>
                  <a:pt x="172" y="143"/>
                  <a:pt x="172" y="143"/>
                </a:cubicBezTo>
                <a:cubicBezTo>
                  <a:pt x="159" y="128"/>
                  <a:pt x="159" y="128"/>
                  <a:pt x="159" y="128"/>
                </a:cubicBezTo>
                <a:cubicBezTo>
                  <a:pt x="174" y="100"/>
                  <a:pt x="174" y="100"/>
                  <a:pt x="174" y="100"/>
                </a:cubicBezTo>
                <a:cubicBezTo>
                  <a:pt x="159" y="79"/>
                  <a:pt x="159" y="79"/>
                  <a:pt x="159" y="79"/>
                </a:cubicBezTo>
                <a:cubicBezTo>
                  <a:pt x="163" y="65"/>
                  <a:pt x="163" y="65"/>
                  <a:pt x="163" y="65"/>
                </a:cubicBezTo>
                <a:cubicBezTo>
                  <a:pt x="191" y="71"/>
                  <a:pt x="191" y="71"/>
                  <a:pt x="191" y="71"/>
                </a:cubicBezTo>
                <a:cubicBezTo>
                  <a:pt x="188" y="94"/>
                  <a:pt x="188" y="94"/>
                  <a:pt x="188" y="94"/>
                </a:cubicBezTo>
                <a:lnTo>
                  <a:pt x="201" y="9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1" name="Belgium"/>
          <p:cNvSpPr>
            <a:spLocks/>
          </p:cNvSpPr>
          <p:nvPr/>
        </p:nvSpPr>
        <p:spPr bwMode="auto">
          <a:xfrm>
            <a:off x="7858651" y="3957638"/>
            <a:ext cx="533400" cy="398463"/>
          </a:xfrm>
          <a:custGeom>
            <a:avLst/>
            <a:gdLst>
              <a:gd name="T0" fmla="*/ 0 w 336"/>
              <a:gd name="T1" fmla="*/ 35 h 251"/>
              <a:gd name="T2" fmla="*/ 34 w 336"/>
              <a:gd name="T3" fmla="*/ 17 h 251"/>
              <a:gd name="T4" fmla="*/ 85 w 336"/>
              <a:gd name="T5" fmla="*/ 8 h 251"/>
              <a:gd name="T6" fmla="*/ 105 w 336"/>
              <a:gd name="T7" fmla="*/ 20 h 251"/>
              <a:gd name="T8" fmla="*/ 130 w 336"/>
              <a:gd name="T9" fmla="*/ 8 h 251"/>
              <a:gd name="T10" fmla="*/ 150 w 336"/>
              <a:gd name="T11" fmla="*/ 35 h 251"/>
              <a:gd name="T12" fmla="*/ 161 w 336"/>
              <a:gd name="T13" fmla="*/ 8 h 251"/>
              <a:gd name="T14" fmla="*/ 188 w 336"/>
              <a:gd name="T15" fmla="*/ 20 h 251"/>
              <a:gd name="T16" fmla="*/ 195 w 336"/>
              <a:gd name="T17" fmla="*/ 0 h 251"/>
              <a:gd name="T18" fmla="*/ 215 w 336"/>
              <a:gd name="T19" fmla="*/ 11 h 251"/>
              <a:gd name="T20" fmla="*/ 242 w 336"/>
              <a:gd name="T21" fmla="*/ 35 h 251"/>
              <a:gd name="T22" fmla="*/ 276 w 336"/>
              <a:gd name="T23" fmla="*/ 40 h 251"/>
              <a:gd name="T24" fmla="*/ 271 w 336"/>
              <a:gd name="T25" fmla="*/ 69 h 251"/>
              <a:gd name="T26" fmla="*/ 276 w 336"/>
              <a:gd name="T27" fmla="*/ 105 h 251"/>
              <a:gd name="T28" fmla="*/ 311 w 336"/>
              <a:gd name="T29" fmla="*/ 105 h 251"/>
              <a:gd name="T30" fmla="*/ 331 w 336"/>
              <a:gd name="T31" fmla="*/ 125 h 251"/>
              <a:gd name="T32" fmla="*/ 336 w 336"/>
              <a:gd name="T33" fmla="*/ 138 h 251"/>
              <a:gd name="T34" fmla="*/ 289 w 336"/>
              <a:gd name="T35" fmla="*/ 163 h 251"/>
              <a:gd name="T36" fmla="*/ 271 w 336"/>
              <a:gd name="T37" fmla="*/ 190 h 251"/>
              <a:gd name="T38" fmla="*/ 296 w 336"/>
              <a:gd name="T39" fmla="*/ 251 h 251"/>
              <a:gd name="T40" fmla="*/ 246 w 336"/>
              <a:gd name="T41" fmla="*/ 251 h 251"/>
              <a:gd name="T42" fmla="*/ 188 w 336"/>
              <a:gd name="T43" fmla="*/ 167 h 251"/>
              <a:gd name="T44" fmla="*/ 141 w 336"/>
              <a:gd name="T45" fmla="*/ 183 h 251"/>
              <a:gd name="T46" fmla="*/ 123 w 336"/>
              <a:gd name="T47" fmla="*/ 132 h 251"/>
              <a:gd name="T48" fmla="*/ 40 w 336"/>
              <a:gd name="T49" fmla="*/ 87 h 251"/>
              <a:gd name="T50" fmla="*/ 0 w 336"/>
              <a:gd name="T51" fmla="*/ 35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336" h="251">
                <a:moveTo>
                  <a:pt x="0" y="35"/>
                </a:moveTo>
                <a:lnTo>
                  <a:pt x="34" y="17"/>
                </a:lnTo>
                <a:lnTo>
                  <a:pt x="85" y="8"/>
                </a:lnTo>
                <a:lnTo>
                  <a:pt x="105" y="20"/>
                </a:lnTo>
                <a:lnTo>
                  <a:pt x="130" y="8"/>
                </a:lnTo>
                <a:lnTo>
                  <a:pt x="150" y="35"/>
                </a:lnTo>
                <a:lnTo>
                  <a:pt x="161" y="8"/>
                </a:lnTo>
                <a:lnTo>
                  <a:pt x="188" y="20"/>
                </a:lnTo>
                <a:lnTo>
                  <a:pt x="195" y="0"/>
                </a:lnTo>
                <a:lnTo>
                  <a:pt x="215" y="11"/>
                </a:lnTo>
                <a:lnTo>
                  <a:pt x="242" y="35"/>
                </a:lnTo>
                <a:lnTo>
                  <a:pt x="276" y="40"/>
                </a:lnTo>
                <a:lnTo>
                  <a:pt x="271" y="69"/>
                </a:lnTo>
                <a:lnTo>
                  <a:pt x="276" y="105"/>
                </a:lnTo>
                <a:lnTo>
                  <a:pt x="311" y="105"/>
                </a:lnTo>
                <a:lnTo>
                  <a:pt x="331" y="125"/>
                </a:lnTo>
                <a:lnTo>
                  <a:pt x="336" y="138"/>
                </a:lnTo>
                <a:lnTo>
                  <a:pt x="289" y="163"/>
                </a:lnTo>
                <a:lnTo>
                  <a:pt x="271" y="190"/>
                </a:lnTo>
                <a:lnTo>
                  <a:pt x="296" y="251"/>
                </a:lnTo>
                <a:lnTo>
                  <a:pt x="246" y="251"/>
                </a:lnTo>
                <a:lnTo>
                  <a:pt x="188" y="167"/>
                </a:lnTo>
                <a:lnTo>
                  <a:pt x="141" y="183"/>
                </a:lnTo>
                <a:lnTo>
                  <a:pt x="123" y="132"/>
                </a:lnTo>
                <a:lnTo>
                  <a:pt x="40" y="87"/>
                </a:lnTo>
                <a:lnTo>
                  <a:pt x="0" y="3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2" name="Netherlands"/>
          <p:cNvSpPr>
            <a:spLocks/>
          </p:cNvSpPr>
          <p:nvPr/>
        </p:nvSpPr>
        <p:spPr bwMode="auto">
          <a:xfrm>
            <a:off x="8022163" y="3593344"/>
            <a:ext cx="514800" cy="533400"/>
          </a:xfrm>
          <a:custGeom>
            <a:avLst/>
            <a:gdLst>
              <a:gd name="T0" fmla="*/ 43 w 325"/>
              <a:gd name="T1" fmla="*/ 262 h 336"/>
              <a:gd name="T2" fmla="*/ 45 w 325"/>
              <a:gd name="T3" fmla="*/ 231 h 336"/>
              <a:gd name="T4" fmla="*/ 0 w 325"/>
              <a:gd name="T5" fmla="*/ 195 h 336"/>
              <a:gd name="T6" fmla="*/ 33 w 325"/>
              <a:gd name="T7" fmla="*/ 188 h 336"/>
              <a:gd name="T8" fmla="*/ 36 w 325"/>
              <a:gd name="T9" fmla="*/ 163 h 336"/>
              <a:gd name="T10" fmla="*/ 51 w 325"/>
              <a:gd name="T11" fmla="*/ 163 h 336"/>
              <a:gd name="T12" fmla="*/ 58 w 325"/>
              <a:gd name="T13" fmla="*/ 148 h 336"/>
              <a:gd name="T14" fmla="*/ 74 w 325"/>
              <a:gd name="T15" fmla="*/ 148 h 336"/>
              <a:gd name="T16" fmla="*/ 99 w 325"/>
              <a:gd name="T17" fmla="*/ 101 h 336"/>
              <a:gd name="T18" fmla="*/ 94 w 325"/>
              <a:gd name="T19" fmla="*/ 63 h 336"/>
              <a:gd name="T20" fmla="*/ 105 w 325"/>
              <a:gd name="T21" fmla="*/ 49 h 336"/>
              <a:gd name="T22" fmla="*/ 132 w 325"/>
              <a:gd name="T23" fmla="*/ 58 h 336"/>
              <a:gd name="T24" fmla="*/ 155 w 325"/>
              <a:gd name="T25" fmla="*/ 78 h 336"/>
              <a:gd name="T26" fmla="*/ 132 w 325"/>
              <a:gd name="T27" fmla="*/ 121 h 336"/>
              <a:gd name="T28" fmla="*/ 190 w 325"/>
              <a:gd name="T29" fmla="*/ 105 h 336"/>
              <a:gd name="T30" fmla="*/ 190 w 325"/>
              <a:gd name="T31" fmla="*/ 65 h 336"/>
              <a:gd name="T32" fmla="*/ 170 w 325"/>
              <a:gd name="T33" fmla="*/ 63 h 336"/>
              <a:gd name="T34" fmla="*/ 163 w 325"/>
              <a:gd name="T35" fmla="*/ 34 h 336"/>
              <a:gd name="T36" fmla="*/ 220 w 325"/>
              <a:gd name="T37" fmla="*/ 0 h 336"/>
              <a:gd name="T38" fmla="*/ 285 w 325"/>
              <a:gd name="T39" fmla="*/ 0 h 336"/>
              <a:gd name="T40" fmla="*/ 311 w 325"/>
              <a:gd name="T41" fmla="*/ 29 h 336"/>
              <a:gd name="T42" fmla="*/ 325 w 325"/>
              <a:gd name="T43" fmla="*/ 29 h 336"/>
              <a:gd name="T44" fmla="*/ 294 w 325"/>
              <a:gd name="T45" fmla="*/ 99 h 336"/>
              <a:gd name="T46" fmla="*/ 275 w 325"/>
              <a:gd name="T47" fmla="*/ 107 h 336"/>
              <a:gd name="T48" fmla="*/ 293 w 325"/>
              <a:gd name="T49" fmla="*/ 134 h 336"/>
              <a:gd name="T50" fmla="*/ 285 w 325"/>
              <a:gd name="T51" fmla="*/ 166 h 336"/>
              <a:gd name="T52" fmla="*/ 269 w 325"/>
              <a:gd name="T53" fmla="*/ 164 h 336"/>
              <a:gd name="T54" fmla="*/ 278 w 325"/>
              <a:gd name="T55" fmla="*/ 192 h 336"/>
              <a:gd name="T56" fmla="*/ 206 w 325"/>
              <a:gd name="T57" fmla="*/ 193 h 336"/>
              <a:gd name="T58" fmla="*/ 224 w 325"/>
              <a:gd name="T59" fmla="*/ 244 h 336"/>
              <a:gd name="T60" fmla="*/ 213 w 325"/>
              <a:gd name="T61" fmla="*/ 275 h 336"/>
              <a:gd name="T62" fmla="*/ 217 w 325"/>
              <a:gd name="T63" fmla="*/ 293 h 336"/>
              <a:gd name="T64" fmla="*/ 199 w 325"/>
              <a:gd name="T65" fmla="*/ 304 h 336"/>
              <a:gd name="T66" fmla="*/ 208 w 325"/>
              <a:gd name="T67" fmla="*/ 336 h 336"/>
              <a:gd name="T68" fmla="*/ 173 w 325"/>
              <a:gd name="T69" fmla="*/ 336 h 336"/>
              <a:gd name="T70" fmla="*/ 168 w 325"/>
              <a:gd name="T71" fmla="*/ 300 h 336"/>
              <a:gd name="T72" fmla="*/ 173 w 325"/>
              <a:gd name="T73" fmla="*/ 271 h 336"/>
              <a:gd name="T74" fmla="*/ 139 w 325"/>
              <a:gd name="T75" fmla="*/ 266 h 336"/>
              <a:gd name="T76" fmla="*/ 114 w 325"/>
              <a:gd name="T77" fmla="*/ 242 h 336"/>
              <a:gd name="T78" fmla="*/ 92 w 325"/>
              <a:gd name="T79" fmla="*/ 231 h 336"/>
              <a:gd name="T80" fmla="*/ 85 w 325"/>
              <a:gd name="T81" fmla="*/ 251 h 336"/>
              <a:gd name="T82" fmla="*/ 60 w 325"/>
              <a:gd name="T83" fmla="*/ 240 h 336"/>
              <a:gd name="T84" fmla="*/ 47 w 325"/>
              <a:gd name="T85" fmla="*/ 266 h 336"/>
              <a:gd name="T86" fmla="*/ 43 w 325"/>
              <a:gd name="T87" fmla="*/ 262 h 3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25" h="336">
                <a:moveTo>
                  <a:pt x="43" y="262"/>
                </a:moveTo>
                <a:lnTo>
                  <a:pt x="45" y="231"/>
                </a:lnTo>
                <a:lnTo>
                  <a:pt x="0" y="195"/>
                </a:lnTo>
                <a:lnTo>
                  <a:pt x="33" y="188"/>
                </a:lnTo>
                <a:lnTo>
                  <a:pt x="36" y="163"/>
                </a:lnTo>
                <a:lnTo>
                  <a:pt x="51" y="163"/>
                </a:lnTo>
                <a:lnTo>
                  <a:pt x="58" y="148"/>
                </a:lnTo>
                <a:lnTo>
                  <a:pt x="74" y="148"/>
                </a:lnTo>
                <a:lnTo>
                  <a:pt x="99" y="101"/>
                </a:lnTo>
                <a:lnTo>
                  <a:pt x="94" y="63"/>
                </a:lnTo>
                <a:lnTo>
                  <a:pt x="105" y="49"/>
                </a:lnTo>
                <a:lnTo>
                  <a:pt x="132" y="58"/>
                </a:lnTo>
                <a:lnTo>
                  <a:pt x="155" y="78"/>
                </a:lnTo>
                <a:lnTo>
                  <a:pt x="132" y="121"/>
                </a:lnTo>
                <a:lnTo>
                  <a:pt x="190" y="105"/>
                </a:lnTo>
                <a:lnTo>
                  <a:pt x="190" y="65"/>
                </a:lnTo>
                <a:lnTo>
                  <a:pt x="170" y="63"/>
                </a:lnTo>
                <a:lnTo>
                  <a:pt x="163" y="34"/>
                </a:lnTo>
                <a:lnTo>
                  <a:pt x="220" y="0"/>
                </a:lnTo>
                <a:lnTo>
                  <a:pt x="285" y="0"/>
                </a:lnTo>
                <a:lnTo>
                  <a:pt x="311" y="29"/>
                </a:lnTo>
                <a:lnTo>
                  <a:pt x="325" y="29"/>
                </a:lnTo>
                <a:lnTo>
                  <a:pt x="294" y="99"/>
                </a:lnTo>
                <a:lnTo>
                  <a:pt x="275" y="107"/>
                </a:lnTo>
                <a:lnTo>
                  <a:pt x="293" y="134"/>
                </a:lnTo>
                <a:lnTo>
                  <a:pt x="285" y="166"/>
                </a:lnTo>
                <a:lnTo>
                  <a:pt x="269" y="164"/>
                </a:lnTo>
                <a:lnTo>
                  <a:pt x="278" y="192"/>
                </a:lnTo>
                <a:lnTo>
                  <a:pt x="206" y="193"/>
                </a:lnTo>
                <a:lnTo>
                  <a:pt x="224" y="244"/>
                </a:lnTo>
                <a:lnTo>
                  <a:pt x="213" y="275"/>
                </a:lnTo>
                <a:lnTo>
                  <a:pt x="217" y="293"/>
                </a:lnTo>
                <a:lnTo>
                  <a:pt x="199" y="304"/>
                </a:lnTo>
                <a:lnTo>
                  <a:pt x="208" y="336"/>
                </a:lnTo>
                <a:lnTo>
                  <a:pt x="173" y="336"/>
                </a:lnTo>
                <a:lnTo>
                  <a:pt x="168" y="300"/>
                </a:lnTo>
                <a:lnTo>
                  <a:pt x="173" y="271"/>
                </a:lnTo>
                <a:lnTo>
                  <a:pt x="139" y="266"/>
                </a:lnTo>
                <a:lnTo>
                  <a:pt x="114" y="242"/>
                </a:lnTo>
                <a:lnTo>
                  <a:pt x="92" y="231"/>
                </a:lnTo>
                <a:lnTo>
                  <a:pt x="85" y="251"/>
                </a:lnTo>
                <a:lnTo>
                  <a:pt x="60" y="240"/>
                </a:lnTo>
                <a:lnTo>
                  <a:pt x="47" y="266"/>
                </a:lnTo>
                <a:lnTo>
                  <a:pt x="43" y="26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3" name="Germany"/>
          <p:cNvSpPr>
            <a:spLocks/>
          </p:cNvSpPr>
          <p:nvPr/>
        </p:nvSpPr>
        <p:spPr bwMode="auto">
          <a:xfrm>
            <a:off x="8288863" y="3324225"/>
            <a:ext cx="1287463" cy="1471613"/>
          </a:xfrm>
          <a:custGeom>
            <a:avLst/>
            <a:gdLst>
              <a:gd name="T0" fmla="*/ 157 w 811"/>
              <a:gd name="T1" fmla="*/ 145 h 927"/>
              <a:gd name="T2" fmla="*/ 237 w 811"/>
              <a:gd name="T3" fmla="*/ 190 h 927"/>
              <a:gd name="T4" fmla="*/ 260 w 811"/>
              <a:gd name="T5" fmla="*/ 136 h 927"/>
              <a:gd name="T6" fmla="*/ 284 w 811"/>
              <a:gd name="T7" fmla="*/ 132 h 927"/>
              <a:gd name="T8" fmla="*/ 293 w 811"/>
              <a:gd name="T9" fmla="*/ 123 h 927"/>
              <a:gd name="T10" fmla="*/ 260 w 811"/>
              <a:gd name="T11" fmla="*/ 74 h 927"/>
              <a:gd name="T12" fmla="*/ 262 w 811"/>
              <a:gd name="T13" fmla="*/ 16 h 927"/>
              <a:gd name="T14" fmla="*/ 340 w 811"/>
              <a:gd name="T15" fmla="*/ 16 h 927"/>
              <a:gd name="T16" fmla="*/ 378 w 811"/>
              <a:gd name="T17" fmla="*/ 58 h 927"/>
              <a:gd name="T18" fmla="*/ 423 w 811"/>
              <a:gd name="T19" fmla="*/ 71 h 927"/>
              <a:gd name="T20" fmla="*/ 457 w 811"/>
              <a:gd name="T21" fmla="*/ 63 h 927"/>
              <a:gd name="T22" fmla="*/ 466 w 811"/>
              <a:gd name="T23" fmla="*/ 92 h 927"/>
              <a:gd name="T24" fmla="*/ 472 w 811"/>
              <a:gd name="T25" fmla="*/ 110 h 927"/>
              <a:gd name="T26" fmla="*/ 517 w 811"/>
              <a:gd name="T27" fmla="*/ 90 h 927"/>
              <a:gd name="T28" fmla="*/ 578 w 811"/>
              <a:gd name="T29" fmla="*/ 56 h 927"/>
              <a:gd name="T30" fmla="*/ 627 w 811"/>
              <a:gd name="T31" fmla="*/ 42 h 927"/>
              <a:gd name="T32" fmla="*/ 656 w 811"/>
              <a:gd name="T33" fmla="*/ 36 h 927"/>
              <a:gd name="T34" fmla="*/ 676 w 811"/>
              <a:gd name="T35" fmla="*/ 65 h 927"/>
              <a:gd name="T36" fmla="*/ 649 w 811"/>
              <a:gd name="T37" fmla="*/ 83 h 927"/>
              <a:gd name="T38" fmla="*/ 686 w 811"/>
              <a:gd name="T39" fmla="*/ 98 h 927"/>
              <a:gd name="T40" fmla="*/ 714 w 811"/>
              <a:gd name="T41" fmla="*/ 137 h 927"/>
              <a:gd name="T42" fmla="*/ 712 w 811"/>
              <a:gd name="T43" fmla="*/ 233 h 927"/>
              <a:gd name="T44" fmla="*/ 742 w 811"/>
              <a:gd name="T45" fmla="*/ 296 h 927"/>
              <a:gd name="T46" fmla="*/ 762 w 811"/>
              <a:gd name="T47" fmla="*/ 370 h 927"/>
              <a:gd name="T48" fmla="*/ 800 w 811"/>
              <a:gd name="T49" fmla="*/ 419 h 927"/>
              <a:gd name="T50" fmla="*/ 811 w 811"/>
              <a:gd name="T51" fmla="*/ 479 h 927"/>
              <a:gd name="T52" fmla="*/ 764 w 811"/>
              <a:gd name="T53" fmla="*/ 455 h 927"/>
              <a:gd name="T54" fmla="*/ 748 w 811"/>
              <a:gd name="T55" fmla="*/ 479 h 927"/>
              <a:gd name="T56" fmla="*/ 632 w 811"/>
              <a:gd name="T57" fmla="*/ 526 h 927"/>
              <a:gd name="T58" fmla="*/ 609 w 811"/>
              <a:gd name="T59" fmla="*/ 542 h 927"/>
              <a:gd name="T60" fmla="*/ 556 w 811"/>
              <a:gd name="T61" fmla="*/ 560 h 927"/>
              <a:gd name="T62" fmla="*/ 587 w 811"/>
              <a:gd name="T63" fmla="*/ 623 h 927"/>
              <a:gd name="T64" fmla="*/ 643 w 811"/>
              <a:gd name="T65" fmla="*/ 678 h 927"/>
              <a:gd name="T66" fmla="*/ 696 w 811"/>
              <a:gd name="T67" fmla="*/ 712 h 927"/>
              <a:gd name="T68" fmla="*/ 723 w 811"/>
              <a:gd name="T69" fmla="*/ 764 h 927"/>
              <a:gd name="T70" fmla="*/ 679 w 811"/>
              <a:gd name="T71" fmla="*/ 791 h 927"/>
              <a:gd name="T72" fmla="*/ 652 w 811"/>
              <a:gd name="T73" fmla="*/ 847 h 927"/>
              <a:gd name="T74" fmla="*/ 640 w 811"/>
              <a:gd name="T75" fmla="*/ 896 h 927"/>
              <a:gd name="T76" fmla="*/ 540 w 811"/>
              <a:gd name="T77" fmla="*/ 880 h 927"/>
              <a:gd name="T78" fmla="*/ 452 w 811"/>
              <a:gd name="T79" fmla="*/ 893 h 927"/>
              <a:gd name="T80" fmla="*/ 396 w 811"/>
              <a:gd name="T81" fmla="*/ 927 h 927"/>
              <a:gd name="T82" fmla="*/ 334 w 811"/>
              <a:gd name="T83" fmla="*/ 896 h 927"/>
              <a:gd name="T84" fmla="*/ 271 w 811"/>
              <a:gd name="T85" fmla="*/ 880 h 927"/>
              <a:gd name="T86" fmla="*/ 238 w 811"/>
              <a:gd name="T87" fmla="*/ 894 h 927"/>
              <a:gd name="T88" fmla="*/ 150 w 811"/>
              <a:gd name="T89" fmla="*/ 887 h 927"/>
              <a:gd name="T90" fmla="*/ 222 w 811"/>
              <a:gd name="T91" fmla="*/ 710 h 927"/>
              <a:gd name="T92" fmla="*/ 63 w 811"/>
              <a:gd name="T93" fmla="*/ 654 h 927"/>
              <a:gd name="T94" fmla="*/ 0 w 811"/>
              <a:gd name="T95" fmla="*/ 589 h 927"/>
              <a:gd name="T96" fmla="*/ 65 w 811"/>
              <a:gd name="T97" fmla="*/ 537 h 927"/>
              <a:gd name="T98" fmla="*/ 40 w 811"/>
              <a:gd name="T99" fmla="*/ 504 h 927"/>
              <a:gd name="T100" fmla="*/ 49 w 811"/>
              <a:gd name="T101" fmla="*/ 461 h 927"/>
              <a:gd name="T102" fmla="*/ 56 w 811"/>
              <a:gd name="T103" fmla="*/ 412 h 927"/>
              <a:gd name="T104" fmla="*/ 110 w 811"/>
              <a:gd name="T105" fmla="*/ 360 h 927"/>
              <a:gd name="T106" fmla="*/ 117 w 811"/>
              <a:gd name="T107" fmla="*/ 334 h 927"/>
              <a:gd name="T108" fmla="*/ 107 w 811"/>
              <a:gd name="T109" fmla="*/ 275 h 927"/>
              <a:gd name="T110" fmla="*/ 157 w 811"/>
              <a:gd name="T111" fmla="*/ 197 h 927"/>
              <a:gd name="T112" fmla="*/ 128 w 811"/>
              <a:gd name="T113" fmla="*/ 181 h 9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811" h="927">
                <a:moveTo>
                  <a:pt x="128" y="181"/>
                </a:moveTo>
                <a:lnTo>
                  <a:pt x="157" y="145"/>
                </a:lnTo>
                <a:lnTo>
                  <a:pt x="222" y="145"/>
                </a:lnTo>
                <a:lnTo>
                  <a:pt x="237" y="190"/>
                </a:lnTo>
                <a:lnTo>
                  <a:pt x="260" y="197"/>
                </a:lnTo>
                <a:lnTo>
                  <a:pt x="260" y="136"/>
                </a:lnTo>
                <a:lnTo>
                  <a:pt x="273" y="123"/>
                </a:lnTo>
                <a:lnTo>
                  <a:pt x="284" y="132"/>
                </a:lnTo>
                <a:lnTo>
                  <a:pt x="318" y="136"/>
                </a:lnTo>
                <a:lnTo>
                  <a:pt x="293" y="123"/>
                </a:lnTo>
                <a:lnTo>
                  <a:pt x="296" y="83"/>
                </a:lnTo>
                <a:lnTo>
                  <a:pt x="260" y="74"/>
                </a:lnTo>
                <a:lnTo>
                  <a:pt x="298" y="58"/>
                </a:lnTo>
                <a:lnTo>
                  <a:pt x="262" y="16"/>
                </a:lnTo>
                <a:lnTo>
                  <a:pt x="267" y="0"/>
                </a:lnTo>
                <a:lnTo>
                  <a:pt x="340" y="16"/>
                </a:lnTo>
                <a:lnTo>
                  <a:pt x="381" y="22"/>
                </a:lnTo>
                <a:lnTo>
                  <a:pt x="378" y="58"/>
                </a:lnTo>
                <a:lnTo>
                  <a:pt x="392" y="72"/>
                </a:lnTo>
                <a:lnTo>
                  <a:pt x="423" y="71"/>
                </a:lnTo>
                <a:lnTo>
                  <a:pt x="437" y="74"/>
                </a:lnTo>
                <a:lnTo>
                  <a:pt x="457" y="63"/>
                </a:lnTo>
                <a:lnTo>
                  <a:pt x="472" y="67"/>
                </a:lnTo>
                <a:lnTo>
                  <a:pt x="466" y="92"/>
                </a:lnTo>
                <a:lnTo>
                  <a:pt x="444" y="119"/>
                </a:lnTo>
                <a:lnTo>
                  <a:pt x="472" y="110"/>
                </a:lnTo>
                <a:lnTo>
                  <a:pt x="482" y="123"/>
                </a:lnTo>
                <a:lnTo>
                  <a:pt x="517" y="90"/>
                </a:lnTo>
                <a:lnTo>
                  <a:pt x="555" y="98"/>
                </a:lnTo>
                <a:lnTo>
                  <a:pt x="578" y="56"/>
                </a:lnTo>
                <a:lnTo>
                  <a:pt x="612" y="60"/>
                </a:lnTo>
                <a:lnTo>
                  <a:pt x="627" y="42"/>
                </a:lnTo>
                <a:lnTo>
                  <a:pt x="643" y="22"/>
                </a:lnTo>
                <a:lnTo>
                  <a:pt x="656" y="36"/>
                </a:lnTo>
                <a:lnTo>
                  <a:pt x="663" y="43"/>
                </a:lnTo>
                <a:lnTo>
                  <a:pt x="676" y="65"/>
                </a:lnTo>
                <a:lnTo>
                  <a:pt x="667" y="78"/>
                </a:lnTo>
                <a:lnTo>
                  <a:pt x="649" y="83"/>
                </a:lnTo>
                <a:lnTo>
                  <a:pt x="650" y="98"/>
                </a:lnTo>
                <a:lnTo>
                  <a:pt x="686" y="98"/>
                </a:lnTo>
                <a:lnTo>
                  <a:pt x="686" y="130"/>
                </a:lnTo>
                <a:lnTo>
                  <a:pt x="714" y="137"/>
                </a:lnTo>
                <a:lnTo>
                  <a:pt x="742" y="197"/>
                </a:lnTo>
                <a:lnTo>
                  <a:pt x="712" y="233"/>
                </a:lnTo>
                <a:lnTo>
                  <a:pt x="750" y="264"/>
                </a:lnTo>
                <a:lnTo>
                  <a:pt x="742" y="296"/>
                </a:lnTo>
                <a:lnTo>
                  <a:pt x="770" y="336"/>
                </a:lnTo>
                <a:lnTo>
                  <a:pt x="762" y="370"/>
                </a:lnTo>
                <a:lnTo>
                  <a:pt x="773" y="392"/>
                </a:lnTo>
                <a:lnTo>
                  <a:pt x="800" y="419"/>
                </a:lnTo>
                <a:lnTo>
                  <a:pt x="811" y="461"/>
                </a:lnTo>
                <a:lnTo>
                  <a:pt x="811" y="479"/>
                </a:lnTo>
                <a:lnTo>
                  <a:pt x="786" y="479"/>
                </a:lnTo>
                <a:lnTo>
                  <a:pt x="764" y="455"/>
                </a:lnTo>
                <a:lnTo>
                  <a:pt x="746" y="461"/>
                </a:lnTo>
                <a:lnTo>
                  <a:pt x="748" y="479"/>
                </a:lnTo>
                <a:lnTo>
                  <a:pt x="665" y="526"/>
                </a:lnTo>
                <a:lnTo>
                  <a:pt x="632" y="526"/>
                </a:lnTo>
                <a:lnTo>
                  <a:pt x="627" y="542"/>
                </a:lnTo>
                <a:lnTo>
                  <a:pt x="609" y="542"/>
                </a:lnTo>
                <a:lnTo>
                  <a:pt x="578" y="569"/>
                </a:lnTo>
                <a:lnTo>
                  <a:pt x="556" y="560"/>
                </a:lnTo>
                <a:lnTo>
                  <a:pt x="594" y="602"/>
                </a:lnTo>
                <a:lnTo>
                  <a:pt x="587" y="623"/>
                </a:lnTo>
                <a:lnTo>
                  <a:pt x="614" y="667"/>
                </a:lnTo>
                <a:lnTo>
                  <a:pt x="643" y="678"/>
                </a:lnTo>
                <a:lnTo>
                  <a:pt x="656" y="699"/>
                </a:lnTo>
                <a:lnTo>
                  <a:pt x="696" y="712"/>
                </a:lnTo>
                <a:lnTo>
                  <a:pt x="723" y="739"/>
                </a:lnTo>
                <a:lnTo>
                  <a:pt x="723" y="764"/>
                </a:lnTo>
                <a:lnTo>
                  <a:pt x="683" y="775"/>
                </a:lnTo>
                <a:lnTo>
                  <a:pt x="679" y="791"/>
                </a:lnTo>
                <a:lnTo>
                  <a:pt x="630" y="822"/>
                </a:lnTo>
                <a:lnTo>
                  <a:pt x="652" y="847"/>
                </a:lnTo>
                <a:lnTo>
                  <a:pt x="641" y="875"/>
                </a:lnTo>
                <a:lnTo>
                  <a:pt x="640" y="896"/>
                </a:lnTo>
                <a:lnTo>
                  <a:pt x="582" y="862"/>
                </a:lnTo>
                <a:lnTo>
                  <a:pt x="540" y="880"/>
                </a:lnTo>
                <a:lnTo>
                  <a:pt x="475" y="914"/>
                </a:lnTo>
                <a:lnTo>
                  <a:pt x="452" y="893"/>
                </a:lnTo>
                <a:lnTo>
                  <a:pt x="425" y="889"/>
                </a:lnTo>
                <a:lnTo>
                  <a:pt x="396" y="927"/>
                </a:lnTo>
                <a:lnTo>
                  <a:pt x="374" y="893"/>
                </a:lnTo>
                <a:lnTo>
                  <a:pt x="334" y="896"/>
                </a:lnTo>
                <a:lnTo>
                  <a:pt x="307" y="878"/>
                </a:lnTo>
                <a:lnTo>
                  <a:pt x="271" y="880"/>
                </a:lnTo>
                <a:lnTo>
                  <a:pt x="246" y="864"/>
                </a:lnTo>
                <a:lnTo>
                  <a:pt x="238" y="894"/>
                </a:lnTo>
                <a:lnTo>
                  <a:pt x="190" y="889"/>
                </a:lnTo>
                <a:lnTo>
                  <a:pt x="150" y="887"/>
                </a:lnTo>
                <a:lnTo>
                  <a:pt x="168" y="793"/>
                </a:lnTo>
                <a:lnTo>
                  <a:pt x="222" y="710"/>
                </a:lnTo>
                <a:lnTo>
                  <a:pt x="107" y="706"/>
                </a:lnTo>
                <a:lnTo>
                  <a:pt x="63" y="654"/>
                </a:lnTo>
                <a:lnTo>
                  <a:pt x="25" y="650"/>
                </a:lnTo>
                <a:lnTo>
                  <a:pt x="0" y="589"/>
                </a:lnTo>
                <a:lnTo>
                  <a:pt x="18" y="562"/>
                </a:lnTo>
                <a:lnTo>
                  <a:pt x="65" y="537"/>
                </a:lnTo>
                <a:lnTo>
                  <a:pt x="60" y="524"/>
                </a:lnTo>
                <a:lnTo>
                  <a:pt x="40" y="504"/>
                </a:lnTo>
                <a:lnTo>
                  <a:pt x="31" y="472"/>
                </a:lnTo>
                <a:lnTo>
                  <a:pt x="49" y="461"/>
                </a:lnTo>
                <a:lnTo>
                  <a:pt x="45" y="443"/>
                </a:lnTo>
                <a:lnTo>
                  <a:pt x="56" y="412"/>
                </a:lnTo>
                <a:lnTo>
                  <a:pt x="38" y="361"/>
                </a:lnTo>
                <a:lnTo>
                  <a:pt x="110" y="360"/>
                </a:lnTo>
                <a:lnTo>
                  <a:pt x="101" y="332"/>
                </a:lnTo>
                <a:lnTo>
                  <a:pt x="117" y="334"/>
                </a:lnTo>
                <a:lnTo>
                  <a:pt x="125" y="302"/>
                </a:lnTo>
                <a:lnTo>
                  <a:pt x="107" y="275"/>
                </a:lnTo>
                <a:lnTo>
                  <a:pt x="126" y="267"/>
                </a:lnTo>
                <a:lnTo>
                  <a:pt x="157" y="197"/>
                </a:lnTo>
                <a:lnTo>
                  <a:pt x="143" y="197"/>
                </a:lnTo>
                <a:lnTo>
                  <a:pt x="128" y="181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4" name="Luxembourg"/>
          <p:cNvSpPr>
            <a:spLocks/>
          </p:cNvSpPr>
          <p:nvPr/>
        </p:nvSpPr>
        <p:spPr bwMode="auto">
          <a:xfrm>
            <a:off x="8288863" y="4259263"/>
            <a:ext cx="100013" cy="103188"/>
          </a:xfrm>
          <a:custGeom>
            <a:avLst/>
            <a:gdLst>
              <a:gd name="T0" fmla="*/ 23 w 63"/>
              <a:gd name="T1" fmla="*/ 7 h 65"/>
              <a:gd name="T2" fmla="*/ 0 w 63"/>
              <a:gd name="T3" fmla="*/ 0 h 65"/>
              <a:gd name="T4" fmla="*/ 25 w 63"/>
              <a:gd name="T5" fmla="*/ 61 h 65"/>
              <a:gd name="T6" fmla="*/ 63 w 63"/>
              <a:gd name="T7" fmla="*/ 65 h 65"/>
              <a:gd name="T8" fmla="*/ 54 w 63"/>
              <a:gd name="T9" fmla="*/ 33 h 65"/>
              <a:gd name="T10" fmla="*/ 23 w 63"/>
              <a:gd name="T11" fmla="*/ 7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63" h="65">
                <a:moveTo>
                  <a:pt x="23" y="7"/>
                </a:moveTo>
                <a:lnTo>
                  <a:pt x="0" y="0"/>
                </a:lnTo>
                <a:lnTo>
                  <a:pt x="25" y="61"/>
                </a:lnTo>
                <a:lnTo>
                  <a:pt x="63" y="65"/>
                </a:lnTo>
                <a:lnTo>
                  <a:pt x="54" y="33"/>
                </a:lnTo>
                <a:lnTo>
                  <a:pt x="23" y="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grpSp>
        <p:nvGrpSpPr>
          <p:cNvPr id="55" name="Ireland"/>
          <p:cNvGrpSpPr/>
          <p:nvPr/>
        </p:nvGrpSpPr>
        <p:grpSpPr>
          <a:xfrm>
            <a:off x="6183838" y="3011488"/>
            <a:ext cx="760413" cy="677863"/>
            <a:chOff x="6204858" y="3011488"/>
            <a:chExt cx="760413" cy="677863"/>
          </a:xfrm>
          <a:solidFill>
            <a:srgbClr val="E1E0DC"/>
          </a:solidFill>
        </p:grpSpPr>
        <p:sp>
          <p:nvSpPr>
            <p:cNvPr id="56" name="Ireland"/>
            <p:cNvSpPr>
              <a:spLocks/>
            </p:cNvSpPr>
            <p:nvPr/>
          </p:nvSpPr>
          <p:spPr bwMode="auto">
            <a:xfrm>
              <a:off x="6204858" y="3011488"/>
              <a:ext cx="630238" cy="677863"/>
            </a:xfrm>
            <a:custGeom>
              <a:avLst/>
              <a:gdLst>
                <a:gd name="T0" fmla="*/ 347 w 397"/>
                <a:gd name="T1" fmla="*/ 155 h 427"/>
                <a:gd name="T2" fmla="*/ 322 w 397"/>
                <a:gd name="T3" fmla="*/ 174 h 427"/>
                <a:gd name="T4" fmla="*/ 276 w 397"/>
                <a:gd name="T5" fmla="*/ 145 h 427"/>
                <a:gd name="T6" fmla="*/ 287 w 397"/>
                <a:gd name="T7" fmla="*/ 101 h 427"/>
                <a:gd name="T8" fmla="*/ 329 w 397"/>
                <a:gd name="T9" fmla="*/ 85 h 427"/>
                <a:gd name="T10" fmla="*/ 338 w 397"/>
                <a:gd name="T11" fmla="*/ 78 h 427"/>
                <a:gd name="T12" fmla="*/ 354 w 397"/>
                <a:gd name="T13" fmla="*/ 33 h 427"/>
                <a:gd name="T14" fmla="*/ 341 w 397"/>
                <a:gd name="T15" fmla="*/ 18 h 427"/>
                <a:gd name="T16" fmla="*/ 303 w 397"/>
                <a:gd name="T17" fmla="*/ 0 h 427"/>
                <a:gd name="T18" fmla="*/ 262 w 397"/>
                <a:gd name="T19" fmla="*/ 18 h 427"/>
                <a:gd name="T20" fmla="*/ 262 w 397"/>
                <a:gd name="T21" fmla="*/ 45 h 427"/>
                <a:gd name="T22" fmla="*/ 229 w 397"/>
                <a:gd name="T23" fmla="*/ 45 h 427"/>
                <a:gd name="T24" fmla="*/ 231 w 397"/>
                <a:gd name="T25" fmla="*/ 62 h 427"/>
                <a:gd name="T26" fmla="*/ 262 w 397"/>
                <a:gd name="T27" fmla="*/ 80 h 427"/>
                <a:gd name="T28" fmla="*/ 224 w 397"/>
                <a:gd name="T29" fmla="*/ 101 h 427"/>
                <a:gd name="T30" fmla="*/ 199 w 397"/>
                <a:gd name="T31" fmla="*/ 103 h 427"/>
                <a:gd name="T32" fmla="*/ 163 w 397"/>
                <a:gd name="T33" fmla="*/ 76 h 427"/>
                <a:gd name="T34" fmla="*/ 107 w 397"/>
                <a:gd name="T35" fmla="*/ 87 h 427"/>
                <a:gd name="T36" fmla="*/ 137 w 397"/>
                <a:gd name="T37" fmla="*/ 134 h 427"/>
                <a:gd name="T38" fmla="*/ 79 w 397"/>
                <a:gd name="T39" fmla="*/ 155 h 427"/>
                <a:gd name="T40" fmla="*/ 72 w 397"/>
                <a:gd name="T41" fmla="*/ 172 h 427"/>
                <a:gd name="T42" fmla="*/ 116 w 397"/>
                <a:gd name="T43" fmla="*/ 181 h 427"/>
                <a:gd name="T44" fmla="*/ 117 w 397"/>
                <a:gd name="T45" fmla="*/ 208 h 427"/>
                <a:gd name="T46" fmla="*/ 168 w 397"/>
                <a:gd name="T47" fmla="*/ 213 h 427"/>
                <a:gd name="T48" fmla="*/ 137 w 397"/>
                <a:gd name="T49" fmla="*/ 228 h 427"/>
                <a:gd name="T50" fmla="*/ 117 w 397"/>
                <a:gd name="T51" fmla="*/ 242 h 427"/>
                <a:gd name="T52" fmla="*/ 99 w 397"/>
                <a:gd name="T53" fmla="*/ 266 h 427"/>
                <a:gd name="T54" fmla="*/ 94 w 397"/>
                <a:gd name="T55" fmla="*/ 293 h 427"/>
                <a:gd name="T56" fmla="*/ 54 w 397"/>
                <a:gd name="T57" fmla="*/ 298 h 427"/>
                <a:gd name="T58" fmla="*/ 51 w 397"/>
                <a:gd name="T59" fmla="*/ 309 h 427"/>
                <a:gd name="T60" fmla="*/ 16 w 397"/>
                <a:gd name="T61" fmla="*/ 318 h 427"/>
                <a:gd name="T62" fmla="*/ 36 w 397"/>
                <a:gd name="T63" fmla="*/ 342 h 427"/>
                <a:gd name="T64" fmla="*/ 0 w 397"/>
                <a:gd name="T65" fmla="*/ 354 h 427"/>
                <a:gd name="T66" fmla="*/ 23 w 397"/>
                <a:gd name="T67" fmla="*/ 380 h 427"/>
                <a:gd name="T68" fmla="*/ 38 w 397"/>
                <a:gd name="T69" fmla="*/ 396 h 427"/>
                <a:gd name="T70" fmla="*/ 32 w 397"/>
                <a:gd name="T71" fmla="*/ 427 h 427"/>
                <a:gd name="T72" fmla="*/ 78 w 397"/>
                <a:gd name="T73" fmla="*/ 417 h 427"/>
                <a:gd name="T74" fmla="*/ 145 w 397"/>
                <a:gd name="T75" fmla="*/ 417 h 427"/>
                <a:gd name="T76" fmla="*/ 168 w 397"/>
                <a:gd name="T77" fmla="*/ 396 h 427"/>
                <a:gd name="T78" fmla="*/ 179 w 397"/>
                <a:gd name="T79" fmla="*/ 410 h 427"/>
                <a:gd name="T80" fmla="*/ 226 w 397"/>
                <a:gd name="T81" fmla="*/ 392 h 427"/>
                <a:gd name="T82" fmla="*/ 258 w 397"/>
                <a:gd name="T83" fmla="*/ 385 h 427"/>
                <a:gd name="T84" fmla="*/ 305 w 397"/>
                <a:gd name="T85" fmla="*/ 385 h 427"/>
                <a:gd name="T86" fmla="*/ 336 w 397"/>
                <a:gd name="T87" fmla="*/ 385 h 427"/>
                <a:gd name="T88" fmla="*/ 354 w 397"/>
                <a:gd name="T89" fmla="*/ 347 h 427"/>
                <a:gd name="T90" fmla="*/ 392 w 397"/>
                <a:gd name="T91" fmla="*/ 298 h 427"/>
                <a:gd name="T92" fmla="*/ 383 w 397"/>
                <a:gd name="T93" fmla="*/ 271 h 427"/>
                <a:gd name="T94" fmla="*/ 394 w 397"/>
                <a:gd name="T95" fmla="*/ 190 h 427"/>
                <a:gd name="T96" fmla="*/ 397 w 397"/>
                <a:gd name="T97" fmla="*/ 186 h 427"/>
                <a:gd name="T98" fmla="*/ 387 w 397"/>
                <a:gd name="T99" fmla="*/ 161 h 427"/>
                <a:gd name="T100" fmla="*/ 347 w 397"/>
                <a:gd name="T101" fmla="*/ 155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97" h="427">
                  <a:moveTo>
                    <a:pt x="347" y="155"/>
                  </a:moveTo>
                  <a:lnTo>
                    <a:pt x="322" y="174"/>
                  </a:lnTo>
                  <a:lnTo>
                    <a:pt x="276" y="145"/>
                  </a:lnTo>
                  <a:lnTo>
                    <a:pt x="287" y="101"/>
                  </a:lnTo>
                  <a:lnTo>
                    <a:pt x="329" y="85"/>
                  </a:lnTo>
                  <a:lnTo>
                    <a:pt x="338" y="78"/>
                  </a:lnTo>
                  <a:lnTo>
                    <a:pt x="354" y="33"/>
                  </a:lnTo>
                  <a:lnTo>
                    <a:pt x="341" y="18"/>
                  </a:lnTo>
                  <a:lnTo>
                    <a:pt x="303" y="0"/>
                  </a:lnTo>
                  <a:lnTo>
                    <a:pt x="262" y="18"/>
                  </a:lnTo>
                  <a:lnTo>
                    <a:pt x="262" y="45"/>
                  </a:lnTo>
                  <a:lnTo>
                    <a:pt x="229" y="45"/>
                  </a:lnTo>
                  <a:lnTo>
                    <a:pt x="231" y="62"/>
                  </a:lnTo>
                  <a:lnTo>
                    <a:pt x="262" y="80"/>
                  </a:lnTo>
                  <a:lnTo>
                    <a:pt x="224" y="101"/>
                  </a:lnTo>
                  <a:lnTo>
                    <a:pt x="199" y="103"/>
                  </a:lnTo>
                  <a:lnTo>
                    <a:pt x="163" y="76"/>
                  </a:lnTo>
                  <a:lnTo>
                    <a:pt x="107" y="87"/>
                  </a:lnTo>
                  <a:lnTo>
                    <a:pt x="137" y="134"/>
                  </a:lnTo>
                  <a:lnTo>
                    <a:pt x="79" y="155"/>
                  </a:lnTo>
                  <a:lnTo>
                    <a:pt x="72" y="172"/>
                  </a:lnTo>
                  <a:lnTo>
                    <a:pt x="116" y="181"/>
                  </a:lnTo>
                  <a:lnTo>
                    <a:pt x="117" y="208"/>
                  </a:lnTo>
                  <a:lnTo>
                    <a:pt x="168" y="213"/>
                  </a:lnTo>
                  <a:lnTo>
                    <a:pt x="137" y="228"/>
                  </a:lnTo>
                  <a:lnTo>
                    <a:pt x="117" y="242"/>
                  </a:lnTo>
                  <a:lnTo>
                    <a:pt x="99" y="266"/>
                  </a:lnTo>
                  <a:lnTo>
                    <a:pt x="94" y="293"/>
                  </a:lnTo>
                  <a:lnTo>
                    <a:pt x="54" y="298"/>
                  </a:lnTo>
                  <a:lnTo>
                    <a:pt x="51" y="309"/>
                  </a:lnTo>
                  <a:lnTo>
                    <a:pt x="16" y="318"/>
                  </a:lnTo>
                  <a:lnTo>
                    <a:pt x="36" y="342"/>
                  </a:lnTo>
                  <a:lnTo>
                    <a:pt x="0" y="354"/>
                  </a:lnTo>
                  <a:lnTo>
                    <a:pt x="23" y="380"/>
                  </a:lnTo>
                  <a:lnTo>
                    <a:pt x="38" y="396"/>
                  </a:lnTo>
                  <a:lnTo>
                    <a:pt x="32" y="427"/>
                  </a:lnTo>
                  <a:lnTo>
                    <a:pt x="78" y="417"/>
                  </a:lnTo>
                  <a:lnTo>
                    <a:pt x="145" y="417"/>
                  </a:lnTo>
                  <a:lnTo>
                    <a:pt x="168" y="396"/>
                  </a:lnTo>
                  <a:lnTo>
                    <a:pt x="179" y="410"/>
                  </a:lnTo>
                  <a:lnTo>
                    <a:pt x="226" y="392"/>
                  </a:lnTo>
                  <a:lnTo>
                    <a:pt x="258" y="385"/>
                  </a:lnTo>
                  <a:lnTo>
                    <a:pt x="305" y="385"/>
                  </a:lnTo>
                  <a:lnTo>
                    <a:pt x="336" y="385"/>
                  </a:lnTo>
                  <a:lnTo>
                    <a:pt x="354" y="347"/>
                  </a:lnTo>
                  <a:lnTo>
                    <a:pt x="392" y="298"/>
                  </a:lnTo>
                  <a:lnTo>
                    <a:pt x="383" y="271"/>
                  </a:lnTo>
                  <a:lnTo>
                    <a:pt x="394" y="190"/>
                  </a:lnTo>
                  <a:lnTo>
                    <a:pt x="397" y="186"/>
                  </a:lnTo>
                  <a:lnTo>
                    <a:pt x="387" y="161"/>
                  </a:lnTo>
                  <a:lnTo>
                    <a:pt x="347" y="1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57" name="Ireland"/>
            <p:cNvSpPr>
              <a:spLocks/>
            </p:cNvSpPr>
            <p:nvPr/>
          </p:nvSpPr>
          <p:spPr bwMode="auto">
            <a:xfrm>
              <a:off x="6643008" y="3049588"/>
              <a:ext cx="322263" cy="257175"/>
            </a:xfrm>
            <a:custGeom>
              <a:avLst/>
              <a:gdLst>
                <a:gd name="T0" fmla="*/ 203 w 203"/>
                <a:gd name="T1" fmla="*/ 122 h 162"/>
                <a:gd name="T2" fmla="*/ 194 w 203"/>
                <a:gd name="T3" fmla="*/ 66 h 162"/>
                <a:gd name="T4" fmla="*/ 177 w 203"/>
                <a:gd name="T5" fmla="*/ 57 h 162"/>
                <a:gd name="T6" fmla="*/ 177 w 203"/>
                <a:gd name="T7" fmla="*/ 12 h 162"/>
                <a:gd name="T8" fmla="*/ 150 w 203"/>
                <a:gd name="T9" fmla="*/ 0 h 162"/>
                <a:gd name="T10" fmla="*/ 130 w 203"/>
                <a:gd name="T11" fmla="*/ 7 h 162"/>
                <a:gd name="T12" fmla="*/ 109 w 203"/>
                <a:gd name="T13" fmla="*/ 0 h 162"/>
                <a:gd name="T14" fmla="*/ 82 w 203"/>
                <a:gd name="T15" fmla="*/ 12 h 162"/>
                <a:gd name="T16" fmla="*/ 78 w 203"/>
                <a:gd name="T17" fmla="*/ 9 h 162"/>
                <a:gd name="T18" fmla="*/ 62 w 203"/>
                <a:gd name="T19" fmla="*/ 54 h 162"/>
                <a:gd name="T20" fmla="*/ 53 w 203"/>
                <a:gd name="T21" fmla="*/ 61 h 162"/>
                <a:gd name="T22" fmla="*/ 11 w 203"/>
                <a:gd name="T23" fmla="*/ 77 h 162"/>
                <a:gd name="T24" fmla="*/ 0 w 203"/>
                <a:gd name="T25" fmla="*/ 121 h 162"/>
                <a:gd name="T26" fmla="*/ 46 w 203"/>
                <a:gd name="T27" fmla="*/ 150 h 162"/>
                <a:gd name="T28" fmla="*/ 71 w 203"/>
                <a:gd name="T29" fmla="*/ 131 h 162"/>
                <a:gd name="T30" fmla="*/ 111 w 203"/>
                <a:gd name="T31" fmla="*/ 137 h 162"/>
                <a:gd name="T32" fmla="*/ 121 w 203"/>
                <a:gd name="T33" fmla="*/ 162 h 162"/>
                <a:gd name="T34" fmla="*/ 154 w 203"/>
                <a:gd name="T35" fmla="*/ 131 h 162"/>
                <a:gd name="T36" fmla="*/ 203 w 203"/>
                <a:gd name="T37" fmla="*/ 122 h 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3" h="162">
                  <a:moveTo>
                    <a:pt x="203" y="122"/>
                  </a:moveTo>
                  <a:lnTo>
                    <a:pt x="194" y="66"/>
                  </a:lnTo>
                  <a:lnTo>
                    <a:pt x="177" y="57"/>
                  </a:lnTo>
                  <a:lnTo>
                    <a:pt x="177" y="12"/>
                  </a:lnTo>
                  <a:lnTo>
                    <a:pt x="150" y="0"/>
                  </a:lnTo>
                  <a:lnTo>
                    <a:pt x="130" y="7"/>
                  </a:lnTo>
                  <a:lnTo>
                    <a:pt x="109" y="0"/>
                  </a:lnTo>
                  <a:lnTo>
                    <a:pt x="82" y="12"/>
                  </a:lnTo>
                  <a:lnTo>
                    <a:pt x="78" y="9"/>
                  </a:lnTo>
                  <a:lnTo>
                    <a:pt x="62" y="54"/>
                  </a:lnTo>
                  <a:lnTo>
                    <a:pt x="53" y="61"/>
                  </a:lnTo>
                  <a:lnTo>
                    <a:pt x="11" y="77"/>
                  </a:lnTo>
                  <a:lnTo>
                    <a:pt x="0" y="121"/>
                  </a:lnTo>
                  <a:lnTo>
                    <a:pt x="46" y="150"/>
                  </a:lnTo>
                  <a:lnTo>
                    <a:pt x="71" y="131"/>
                  </a:lnTo>
                  <a:lnTo>
                    <a:pt x="111" y="137"/>
                  </a:lnTo>
                  <a:lnTo>
                    <a:pt x="121" y="162"/>
                  </a:lnTo>
                  <a:lnTo>
                    <a:pt x="154" y="131"/>
                  </a:lnTo>
                  <a:lnTo>
                    <a:pt x="203" y="12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grpSp>
        <p:nvGrpSpPr>
          <p:cNvPr id="58" name="UK"/>
          <p:cNvGrpSpPr/>
          <p:nvPr/>
        </p:nvGrpSpPr>
        <p:grpSpPr>
          <a:xfrm>
            <a:off x="6717238" y="2435225"/>
            <a:ext cx="1087438" cy="1638301"/>
            <a:chOff x="6738258" y="2435225"/>
            <a:chExt cx="1087438" cy="1638301"/>
          </a:xfrm>
          <a:solidFill>
            <a:srgbClr val="E1E0DC"/>
          </a:solidFill>
        </p:grpSpPr>
        <p:sp>
          <p:nvSpPr>
            <p:cNvPr id="59" name="UK"/>
            <p:cNvSpPr>
              <a:spLocks/>
            </p:cNvSpPr>
            <p:nvPr/>
          </p:nvSpPr>
          <p:spPr bwMode="auto">
            <a:xfrm>
              <a:off x="6933521" y="2435225"/>
              <a:ext cx="174625" cy="128588"/>
            </a:xfrm>
            <a:custGeom>
              <a:avLst/>
              <a:gdLst>
                <a:gd name="T0" fmla="*/ 41 w 110"/>
                <a:gd name="T1" fmla="*/ 29 h 81"/>
                <a:gd name="T2" fmla="*/ 58 w 110"/>
                <a:gd name="T3" fmla="*/ 5 h 81"/>
                <a:gd name="T4" fmla="*/ 110 w 110"/>
                <a:gd name="T5" fmla="*/ 0 h 81"/>
                <a:gd name="T6" fmla="*/ 76 w 110"/>
                <a:gd name="T7" fmla="*/ 67 h 81"/>
                <a:gd name="T8" fmla="*/ 49 w 110"/>
                <a:gd name="T9" fmla="*/ 58 h 81"/>
                <a:gd name="T10" fmla="*/ 14 w 110"/>
                <a:gd name="T11" fmla="*/ 81 h 81"/>
                <a:gd name="T12" fmla="*/ 0 w 110"/>
                <a:gd name="T13" fmla="*/ 69 h 81"/>
                <a:gd name="T14" fmla="*/ 9 w 110"/>
                <a:gd name="T15" fmla="*/ 40 h 81"/>
                <a:gd name="T16" fmla="*/ 20 w 110"/>
                <a:gd name="T17" fmla="*/ 23 h 81"/>
                <a:gd name="T18" fmla="*/ 41 w 110"/>
                <a:gd name="T19" fmla="*/ 29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0" h="81">
                  <a:moveTo>
                    <a:pt x="41" y="29"/>
                  </a:moveTo>
                  <a:lnTo>
                    <a:pt x="58" y="5"/>
                  </a:lnTo>
                  <a:lnTo>
                    <a:pt x="110" y="0"/>
                  </a:lnTo>
                  <a:lnTo>
                    <a:pt x="76" y="67"/>
                  </a:lnTo>
                  <a:lnTo>
                    <a:pt x="49" y="58"/>
                  </a:lnTo>
                  <a:lnTo>
                    <a:pt x="14" y="81"/>
                  </a:lnTo>
                  <a:lnTo>
                    <a:pt x="0" y="69"/>
                  </a:lnTo>
                  <a:lnTo>
                    <a:pt x="9" y="40"/>
                  </a:lnTo>
                  <a:lnTo>
                    <a:pt x="20" y="23"/>
                  </a:lnTo>
                  <a:lnTo>
                    <a:pt x="41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60" name="UK"/>
            <p:cNvSpPr>
              <a:spLocks/>
            </p:cNvSpPr>
            <p:nvPr/>
          </p:nvSpPr>
          <p:spPr bwMode="auto">
            <a:xfrm>
              <a:off x="6738258" y="2443163"/>
              <a:ext cx="1087438" cy="1630363"/>
            </a:xfrm>
            <a:custGeom>
              <a:avLst/>
              <a:gdLst>
                <a:gd name="T0" fmla="*/ 349 w 685"/>
                <a:gd name="T1" fmla="*/ 27 h 1027"/>
                <a:gd name="T2" fmla="*/ 417 w 685"/>
                <a:gd name="T3" fmla="*/ 73 h 1027"/>
                <a:gd name="T4" fmla="*/ 394 w 685"/>
                <a:gd name="T5" fmla="*/ 134 h 1027"/>
                <a:gd name="T6" fmla="*/ 502 w 685"/>
                <a:gd name="T7" fmla="*/ 161 h 1027"/>
                <a:gd name="T8" fmla="*/ 406 w 685"/>
                <a:gd name="T9" fmla="*/ 286 h 1027"/>
                <a:gd name="T10" fmla="*/ 406 w 685"/>
                <a:gd name="T11" fmla="*/ 309 h 1027"/>
                <a:gd name="T12" fmla="*/ 363 w 685"/>
                <a:gd name="T13" fmla="*/ 344 h 1027"/>
                <a:gd name="T14" fmla="*/ 448 w 685"/>
                <a:gd name="T15" fmla="*/ 367 h 1027"/>
                <a:gd name="T16" fmla="*/ 482 w 685"/>
                <a:gd name="T17" fmla="*/ 521 h 1027"/>
                <a:gd name="T18" fmla="*/ 546 w 685"/>
                <a:gd name="T19" fmla="*/ 622 h 1027"/>
                <a:gd name="T20" fmla="*/ 549 w 685"/>
                <a:gd name="T21" fmla="*/ 745 h 1027"/>
                <a:gd name="T22" fmla="*/ 593 w 685"/>
                <a:gd name="T23" fmla="*/ 745 h 1027"/>
                <a:gd name="T24" fmla="*/ 685 w 685"/>
                <a:gd name="T25" fmla="*/ 792 h 1027"/>
                <a:gd name="T26" fmla="*/ 567 w 685"/>
                <a:gd name="T27" fmla="*/ 920 h 1027"/>
                <a:gd name="T28" fmla="*/ 636 w 685"/>
                <a:gd name="T29" fmla="*/ 943 h 1027"/>
                <a:gd name="T30" fmla="*/ 486 w 685"/>
                <a:gd name="T31" fmla="*/ 992 h 1027"/>
                <a:gd name="T32" fmla="*/ 383 w 685"/>
                <a:gd name="T33" fmla="*/ 976 h 1027"/>
                <a:gd name="T34" fmla="*/ 233 w 685"/>
                <a:gd name="T35" fmla="*/ 969 h 1027"/>
                <a:gd name="T36" fmla="*/ 179 w 685"/>
                <a:gd name="T37" fmla="*/ 1027 h 1027"/>
                <a:gd name="T38" fmla="*/ 40 w 685"/>
                <a:gd name="T39" fmla="*/ 1027 h 1027"/>
                <a:gd name="T40" fmla="*/ 0 w 685"/>
                <a:gd name="T41" fmla="*/ 992 h 1027"/>
                <a:gd name="T42" fmla="*/ 170 w 685"/>
                <a:gd name="T43" fmla="*/ 898 h 1027"/>
                <a:gd name="T44" fmla="*/ 240 w 685"/>
                <a:gd name="T45" fmla="*/ 922 h 1027"/>
                <a:gd name="T46" fmla="*/ 318 w 685"/>
                <a:gd name="T47" fmla="*/ 862 h 1027"/>
                <a:gd name="T48" fmla="*/ 204 w 685"/>
                <a:gd name="T49" fmla="*/ 871 h 1027"/>
                <a:gd name="T50" fmla="*/ 168 w 685"/>
                <a:gd name="T51" fmla="*/ 855 h 1027"/>
                <a:gd name="T52" fmla="*/ 110 w 685"/>
                <a:gd name="T53" fmla="*/ 842 h 1027"/>
                <a:gd name="T54" fmla="*/ 161 w 685"/>
                <a:gd name="T55" fmla="*/ 781 h 1027"/>
                <a:gd name="T56" fmla="*/ 202 w 685"/>
                <a:gd name="T57" fmla="*/ 694 h 1027"/>
                <a:gd name="T58" fmla="*/ 168 w 685"/>
                <a:gd name="T59" fmla="*/ 683 h 1027"/>
                <a:gd name="T60" fmla="*/ 302 w 685"/>
                <a:gd name="T61" fmla="*/ 651 h 1027"/>
                <a:gd name="T62" fmla="*/ 320 w 685"/>
                <a:gd name="T63" fmla="*/ 568 h 1027"/>
                <a:gd name="T64" fmla="*/ 316 w 685"/>
                <a:gd name="T65" fmla="*/ 476 h 1027"/>
                <a:gd name="T66" fmla="*/ 302 w 685"/>
                <a:gd name="T67" fmla="*/ 467 h 1027"/>
                <a:gd name="T68" fmla="*/ 233 w 685"/>
                <a:gd name="T69" fmla="*/ 450 h 1027"/>
                <a:gd name="T70" fmla="*/ 190 w 685"/>
                <a:gd name="T71" fmla="*/ 443 h 1027"/>
                <a:gd name="T72" fmla="*/ 224 w 685"/>
                <a:gd name="T73" fmla="*/ 344 h 1027"/>
                <a:gd name="T74" fmla="*/ 195 w 685"/>
                <a:gd name="T75" fmla="*/ 302 h 1027"/>
                <a:gd name="T76" fmla="*/ 161 w 685"/>
                <a:gd name="T77" fmla="*/ 389 h 1027"/>
                <a:gd name="T78" fmla="*/ 181 w 685"/>
                <a:gd name="T79" fmla="*/ 313 h 1027"/>
                <a:gd name="T80" fmla="*/ 202 w 685"/>
                <a:gd name="T81" fmla="*/ 241 h 1027"/>
                <a:gd name="T82" fmla="*/ 145 w 685"/>
                <a:gd name="T83" fmla="*/ 264 h 1027"/>
                <a:gd name="T84" fmla="*/ 222 w 685"/>
                <a:gd name="T85" fmla="*/ 183 h 1027"/>
                <a:gd name="T86" fmla="*/ 217 w 685"/>
                <a:gd name="T87" fmla="*/ 85 h 1027"/>
                <a:gd name="T88" fmla="*/ 304 w 685"/>
                <a:gd name="T89" fmla="*/ 0 h 10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685" h="1027">
                  <a:moveTo>
                    <a:pt x="304" y="0"/>
                  </a:moveTo>
                  <a:lnTo>
                    <a:pt x="349" y="27"/>
                  </a:lnTo>
                  <a:lnTo>
                    <a:pt x="446" y="27"/>
                  </a:lnTo>
                  <a:lnTo>
                    <a:pt x="417" y="73"/>
                  </a:lnTo>
                  <a:lnTo>
                    <a:pt x="320" y="134"/>
                  </a:lnTo>
                  <a:lnTo>
                    <a:pt x="394" y="134"/>
                  </a:lnTo>
                  <a:lnTo>
                    <a:pt x="428" y="149"/>
                  </a:lnTo>
                  <a:lnTo>
                    <a:pt x="502" y="161"/>
                  </a:lnTo>
                  <a:lnTo>
                    <a:pt x="509" y="181"/>
                  </a:lnTo>
                  <a:lnTo>
                    <a:pt x="406" y="286"/>
                  </a:lnTo>
                  <a:lnTo>
                    <a:pt x="379" y="297"/>
                  </a:lnTo>
                  <a:lnTo>
                    <a:pt x="406" y="309"/>
                  </a:lnTo>
                  <a:lnTo>
                    <a:pt x="350" y="329"/>
                  </a:lnTo>
                  <a:lnTo>
                    <a:pt x="363" y="344"/>
                  </a:lnTo>
                  <a:lnTo>
                    <a:pt x="385" y="344"/>
                  </a:lnTo>
                  <a:lnTo>
                    <a:pt x="448" y="367"/>
                  </a:lnTo>
                  <a:lnTo>
                    <a:pt x="464" y="411"/>
                  </a:lnTo>
                  <a:lnTo>
                    <a:pt x="482" y="521"/>
                  </a:lnTo>
                  <a:lnTo>
                    <a:pt x="556" y="588"/>
                  </a:lnTo>
                  <a:lnTo>
                    <a:pt x="546" y="622"/>
                  </a:lnTo>
                  <a:lnTo>
                    <a:pt x="578" y="710"/>
                  </a:lnTo>
                  <a:lnTo>
                    <a:pt x="549" y="745"/>
                  </a:lnTo>
                  <a:lnTo>
                    <a:pt x="569" y="765"/>
                  </a:lnTo>
                  <a:lnTo>
                    <a:pt x="593" y="745"/>
                  </a:lnTo>
                  <a:lnTo>
                    <a:pt x="656" y="759"/>
                  </a:lnTo>
                  <a:lnTo>
                    <a:pt x="685" y="792"/>
                  </a:lnTo>
                  <a:lnTo>
                    <a:pt x="658" y="862"/>
                  </a:lnTo>
                  <a:lnTo>
                    <a:pt x="567" y="920"/>
                  </a:lnTo>
                  <a:lnTo>
                    <a:pt x="600" y="943"/>
                  </a:lnTo>
                  <a:lnTo>
                    <a:pt x="636" y="943"/>
                  </a:lnTo>
                  <a:lnTo>
                    <a:pt x="524" y="1014"/>
                  </a:lnTo>
                  <a:lnTo>
                    <a:pt x="486" y="992"/>
                  </a:lnTo>
                  <a:lnTo>
                    <a:pt x="423" y="992"/>
                  </a:lnTo>
                  <a:lnTo>
                    <a:pt x="383" y="976"/>
                  </a:lnTo>
                  <a:lnTo>
                    <a:pt x="291" y="1000"/>
                  </a:lnTo>
                  <a:lnTo>
                    <a:pt x="233" y="969"/>
                  </a:lnTo>
                  <a:lnTo>
                    <a:pt x="211" y="969"/>
                  </a:lnTo>
                  <a:lnTo>
                    <a:pt x="179" y="1027"/>
                  </a:lnTo>
                  <a:lnTo>
                    <a:pt x="92" y="992"/>
                  </a:lnTo>
                  <a:lnTo>
                    <a:pt x="40" y="1027"/>
                  </a:lnTo>
                  <a:lnTo>
                    <a:pt x="20" y="1007"/>
                  </a:lnTo>
                  <a:lnTo>
                    <a:pt x="0" y="992"/>
                  </a:lnTo>
                  <a:lnTo>
                    <a:pt x="49" y="987"/>
                  </a:lnTo>
                  <a:lnTo>
                    <a:pt x="170" y="898"/>
                  </a:lnTo>
                  <a:lnTo>
                    <a:pt x="202" y="906"/>
                  </a:lnTo>
                  <a:lnTo>
                    <a:pt x="240" y="922"/>
                  </a:lnTo>
                  <a:lnTo>
                    <a:pt x="267" y="895"/>
                  </a:lnTo>
                  <a:lnTo>
                    <a:pt x="318" y="862"/>
                  </a:lnTo>
                  <a:lnTo>
                    <a:pt x="233" y="893"/>
                  </a:lnTo>
                  <a:lnTo>
                    <a:pt x="204" y="871"/>
                  </a:lnTo>
                  <a:lnTo>
                    <a:pt x="201" y="853"/>
                  </a:lnTo>
                  <a:lnTo>
                    <a:pt x="168" y="855"/>
                  </a:lnTo>
                  <a:lnTo>
                    <a:pt x="157" y="828"/>
                  </a:lnTo>
                  <a:lnTo>
                    <a:pt x="110" y="842"/>
                  </a:lnTo>
                  <a:lnTo>
                    <a:pt x="79" y="792"/>
                  </a:lnTo>
                  <a:lnTo>
                    <a:pt x="161" y="781"/>
                  </a:lnTo>
                  <a:lnTo>
                    <a:pt x="213" y="743"/>
                  </a:lnTo>
                  <a:lnTo>
                    <a:pt x="202" y="694"/>
                  </a:lnTo>
                  <a:lnTo>
                    <a:pt x="168" y="709"/>
                  </a:lnTo>
                  <a:lnTo>
                    <a:pt x="168" y="683"/>
                  </a:lnTo>
                  <a:lnTo>
                    <a:pt x="226" y="645"/>
                  </a:lnTo>
                  <a:lnTo>
                    <a:pt x="302" y="651"/>
                  </a:lnTo>
                  <a:lnTo>
                    <a:pt x="341" y="579"/>
                  </a:lnTo>
                  <a:lnTo>
                    <a:pt x="320" y="568"/>
                  </a:lnTo>
                  <a:lnTo>
                    <a:pt x="293" y="513"/>
                  </a:lnTo>
                  <a:lnTo>
                    <a:pt x="316" y="476"/>
                  </a:lnTo>
                  <a:lnTo>
                    <a:pt x="352" y="467"/>
                  </a:lnTo>
                  <a:lnTo>
                    <a:pt x="302" y="467"/>
                  </a:lnTo>
                  <a:lnTo>
                    <a:pt x="258" y="474"/>
                  </a:lnTo>
                  <a:lnTo>
                    <a:pt x="233" y="450"/>
                  </a:lnTo>
                  <a:lnTo>
                    <a:pt x="233" y="479"/>
                  </a:lnTo>
                  <a:lnTo>
                    <a:pt x="190" y="443"/>
                  </a:lnTo>
                  <a:lnTo>
                    <a:pt x="238" y="373"/>
                  </a:lnTo>
                  <a:lnTo>
                    <a:pt x="224" y="344"/>
                  </a:lnTo>
                  <a:lnTo>
                    <a:pt x="247" y="297"/>
                  </a:lnTo>
                  <a:lnTo>
                    <a:pt x="195" y="302"/>
                  </a:lnTo>
                  <a:lnTo>
                    <a:pt x="199" y="336"/>
                  </a:lnTo>
                  <a:lnTo>
                    <a:pt x="161" y="389"/>
                  </a:lnTo>
                  <a:lnTo>
                    <a:pt x="146" y="376"/>
                  </a:lnTo>
                  <a:lnTo>
                    <a:pt x="181" y="313"/>
                  </a:lnTo>
                  <a:lnTo>
                    <a:pt x="195" y="264"/>
                  </a:lnTo>
                  <a:lnTo>
                    <a:pt x="202" y="241"/>
                  </a:lnTo>
                  <a:lnTo>
                    <a:pt x="172" y="268"/>
                  </a:lnTo>
                  <a:lnTo>
                    <a:pt x="145" y="264"/>
                  </a:lnTo>
                  <a:lnTo>
                    <a:pt x="191" y="185"/>
                  </a:lnTo>
                  <a:lnTo>
                    <a:pt x="222" y="183"/>
                  </a:lnTo>
                  <a:lnTo>
                    <a:pt x="233" y="134"/>
                  </a:lnTo>
                  <a:lnTo>
                    <a:pt x="217" y="85"/>
                  </a:lnTo>
                  <a:lnTo>
                    <a:pt x="280" y="55"/>
                  </a:lnTo>
                  <a:lnTo>
                    <a:pt x="304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grpSp>
        <p:nvGrpSpPr>
          <p:cNvPr id="61" name="Denmark"/>
          <p:cNvGrpSpPr/>
          <p:nvPr/>
        </p:nvGrpSpPr>
        <p:grpSpPr>
          <a:xfrm>
            <a:off x="8684151" y="2782888"/>
            <a:ext cx="525463" cy="598488"/>
            <a:chOff x="8705171" y="2782888"/>
            <a:chExt cx="525463" cy="598488"/>
          </a:xfrm>
          <a:solidFill>
            <a:schemeClr val="accent1"/>
          </a:solidFill>
        </p:grpSpPr>
        <p:sp>
          <p:nvSpPr>
            <p:cNvPr id="62" name="Denmark"/>
            <p:cNvSpPr>
              <a:spLocks/>
            </p:cNvSpPr>
            <p:nvPr/>
          </p:nvSpPr>
          <p:spPr bwMode="auto">
            <a:xfrm>
              <a:off x="8705171" y="2782888"/>
              <a:ext cx="347663" cy="576263"/>
            </a:xfrm>
            <a:custGeom>
              <a:avLst/>
              <a:gdLst>
                <a:gd name="T0" fmla="*/ 42 w 219"/>
                <a:gd name="T1" fmla="*/ 312 h 363"/>
                <a:gd name="T2" fmla="*/ 42 w 219"/>
                <a:gd name="T3" fmla="*/ 287 h 363"/>
                <a:gd name="T4" fmla="*/ 0 w 219"/>
                <a:gd name="T5" fmla="*/ 272 h 363"/>
                <a:gd name="T6" fmla="*/ 6 w 219"/>
                <a:gd name="T7" fmla="*/ 238 h 363"/>
                <a:gd name="T8" fmla="*/ 20 w 219"/>
                <a:gd name="T9" fmla="*/ 234 h 363"/>
                <a:gd name="T10" fmla="*/ 20 w 219"/>
                <a:gd name="T11" fmla="*/ 209 h 363"/>
                <a:gd name="T12" fmla="*/ 8 w 219"/>
                <a:gd name="T13" fmla="*/ 202 h 363"/>
                <a:gd name="T14" fmla="*/ 8 w 219"/>
                <a:gd name="T15" fmla="*/ 137 h 363"/>
                <a:gd name="T16" fmla="*/ 20 w 219"/>
                <a:gd name="T17" fmla="*/ 122 h 363"/>
                <a:gd name="T18" fmla="*/ 27 w 219"/>
                <a:gd name="T19" fmla="*/ 122 h 363"/>
                <a:gd name="T20" fmla="*/ 20 w 219"/>
                <a:gd name="T21" fmla="*/ 95 h 363"/>
                <a:gd name="T22" fmla="*/ 53 w 219"/>
                <a:gd name="T23" fmla="*/ 72 h 363"/>
                <a:gd name="T24" fmla="*/ 92 w 219"/>
                <a:gd name="T25" fmla="*/ 72 h 363"/>
                <a:gd name="T26" fmla="*/ 118 w 219"/>
                <a:gd name="T27" fmla="*/ 59 h 363"/>
                <a:gd name="T28" fmla="*/ 136 w 219"/>
                <a:gd name="T29" fmla="*/ 25 h 363"/>
                <a:gd name="T30" fmla="*/ 170 w 219"/>
                <a:gd name="T31" fmla="*/ 16 h 363"/>
                <a:gd name="T32" fmla="*/ 186 w 219"/>
                <a:gd name="T33" fmla="*/ 0 h 363"/>
                <a:gd name="T34" fmla="*/ 194 w 219"/>
                <a:gd name="T35" fmla="*/ 3 h 363"/>
                <a:gd name="T36" fmla="*/ 190 w 219"/>
                <a:gd name="T37" fmla="*/ 16 h 363"/>
                <a:gd name="T38" fmla="*/ 177 w 219"/>
                <a:gd name="T39" fmla="*/ 21 h 363"/>
                <a:gd name="T40" fmla="*/ 190 w 219"/>
                <a:gd name="T41" fmla="*/ 39 h 363"/>
                <a:gd name="T42" fmla="*/ 194 w 219"/>
                <a:gd name="T43" fmla="*/ 63 h 363"/>
                <a:gd name="T44" fmla="*/ 183 w 219"/>
                <a:gd name="T45" fmla="*/ 77 h 363"/>
                <a:gd name="T46" fmla="*/ 168 w 219"/>
                <a:gd name="T47" fmla="*/ 94 h 363"/>
                <a:gd name="T48" fmla="*/ 163 w 219"/>
                <a:gd name="T49" fmla="*/ 113 h 363"/>
                <a:gd name="T50" fmla="*/ 168 w 219"/>
                <a:gd name="T51" fmla="*/ 124 h 363"/>
                <a:gd name="T52" fmla="*/ 168 w 219"/>
                <a:gd name="T53" fmla="*/ 139 h 363"/>
                <a:gd name="T54" fmla="*/ 177 w 219"/>
                <a:gd name="T55" fmla="*/ 148 h 363"/>
                <a:gd name="T56" fmla="*/ 199 w 219"/>
                <a:gd name="T57" fmla="*/ 148 h 363"/>
                <a:gd name="T58" fmla="*/ 213 w 219"/>
                <a:gd name="T59" fmla="*/ 148 h 363"/>
                <a:gd name="T60" fmla="*/ 219 w 219"/>
                <a:gd name="T61" fmla="*/ 173 h 363"/>
                <a:gd name="T62" fmla="*/ 197 w 219"/>
                <a:gd name="T63" fmla="*/ 198 h 363"/>
                <a:gd name="T64" fmla="*/ 177 w 219"/>
                <a:gd name="T65" fmla="*/ 204 h 363"/>
                <a:gd name="T66" fmla="*/ 177 w 219"/>
                <a:gd name="T67" fmla="*/ 187 h 363"/>
                <a:gd name="T68" fmla="*/ 161 w 219"/>
                <a:gd name="T69" fmla="*/ 189 h 363"/>
                <a:gd name="T70" fmla="*/ 163 w 219"/>
                <a:gd name="T71" fmla="*/ 220 h 363"/>
                <a:gd name="T72" fmla="*/ 159 w 219"/>
                <a:gd name="T73" fmla="*/ 240 h 363"/>
                <a:gd name="T74" fmla="*/ 141 w 219"/>
                <a:gd name="T75" fmla="*/ 249 h 363"/>
                <a:gd name="T76" fmla="*/ 127 w 219"/>
                <a:gd name="T77" fmla="*/ 247 h 363"/>
                <a:gd name="T78" fmla="*/ 129 w 219"/>
                <a:gd name="T79" fmla="*/ 265 h 363"/>
                <a:gd name="T80" fmla="*/ 111 w 219"/>
                <a:gd name="T81" fmla="*/ 276 h 363"/>
                <a:gd name="T82" fmla="*/ 118 w 219"/>
                <a:gd name="T83" fmla="*/ 299 h 363"/>
                <a:gd name="T84" fmla="*/ 121 w 219"/>
                <a:gd name="T85" fmla="*/ 321 h 363"/>
                <a:gd name="T86" fmla="*/ 103 w 219"/>
                <a:gd name="T87" fmla="*/ 325 h 363"/>
                <a:gd name="T88" fmla="*/ 123 w 219"/>
                <a:gd name="T89" fmla="*/ 341 h 363"/>
                <a:gd name="T90" fmla="*/ 132 w 219"/>
                <a:gd name="T91" fmla="*/ 363 h 363"/>
                <a:gd name="T92" fmla="*/ 96 w 219"/>
                <a:gd name="T93" fmla="*/ 359 h 363"/>
                <a:gd name="T94" fmla="*/ 27 w 219"/>
                <a:gd name="T95" fmla="*/ 343 h 363"/>
                <a:gd name="T96" fmla="*/ 40 w 219"/>
                <a:gd name="T97" fmla="*/ 328 h 363"/>
                <a:gd name="T98" fmla="*/ 42 w 219"/>
                <a:gd name="T99" fmla="*/ 312 h 3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219" h="363">
                  <a:moveTo>
                    <a:pt x="42" y="312"/>
                  </a:moveTo>
                  <a:lnTo>
                    <a:pt x="42" y="287"/>
                  </a:lnTo>
                  <a:lnTo>
                    <a:pt x="0" y="272"/>
                  </a:lnTo>
                  <a:lnTo>
                    <a:pt x="6" y="238"/>
                  </a:lnTo>
                  <a:lnTo>
                    <a:pt x="20" y="234"/>
                  </a:lnTo>
                  <a:lnTo>
                    <a:pt x="20" y="209"/>
                  </a:lnTo>
                  <a:lnTo>
                    <a:pt x="8" y="202"/>
                  </a:lnTo>
                  <a:lnTo>
                    <a:pt x="8" y="137"/>
                  </a:lnTo>
                  <a:lnTo>
                    <a:pt x="20" y="122"/>
                  </a:lnTo>
                  <a:lnTo>
                    <a:pt x="27" y="122"/>
                  </a:lnTo>
                  <a:lnTo>
                    <a:pt x="20" y="95"/>
                  </a:lnTo>
                  <a:lnTo>
                    <a:pt x="53" y="72"/>
                  </a:lnTo>
                  <a:lnTo>
                    <a:pt x="92" y="72"/>
                  </a:lnTo>
                  <a:lnTo>
                    <a:pt x="118" y="59"/>
                  </a:lnTo>
                  <a:lnTo>
                    <a:pt x="136" y="25"/>
                  </a:lnTo>
                  <a:lnTo>
                    <a:pt x="170" y="16"/>
                  </a:lnTo>
                  <a:lnTo>
                    <a:pt x="186" y="0"/>
                  </a:lnTo>
                  <a:lnTo>
                    <a:pt x="194" y="3"/>
                  </a:lnTo>
                  <a:lnTo>
                    <a:pt x="190" y="16"/>
                  </a:lnTo>
                  <a:lnTo>
                    <a:pt x="177" y="21"/>
                  </a:lnTo>
                  <a:lnTo>
                    <a:pt x="190" y="39"/>
                  </a:lnTo>
                  <a:lnTo>
                    <a:pt x="194" y="63"/>
                  </a:lnTo>
                  <a:lnTo>
                    <a:pt x="183" y="77"/>
                  </a:lnTo>
                  <a:lnTo>
                    <a:pt x="168" y="94"/>
                  </a:lnTo>
                  <a:lnTo>
                    <a:pt x="163" y="113"/>
                  </a:lnTo>
                  <a:lnTo>
                    <a:pt x="168" y="124"/>
                  </a:lnTo>
                  <a:lnTo>
                    <a:pt x="168" y="139"/>
                  </a:lnTo>
                  <a:lnTo>
                    <a:pt x="177" y="148"/>
                  </a:lnTo>
                  <a:lnTo>
                    <a:pt x="199" y="148"/>
                  </a:lnTo>
                  <a:lnTo>
                    <a:pt x="213" y="148"/>
                  </a:lnTo>
                  <a:lnTo>
                    <a:pt x="219" y="173"/>
                  </a:lnTo>
                  <a:lnTo>
                    <a:pt x="197" y="198"/>
                  </a:lnTo>
                  <a:lnTo>
                    <a:pt x="177" y="204"/>
                  </a:lnTo>
                  <a:lnTo>
                    <a:pt x="177" y="187"/>
                  </a:lnTo>
                  <a:lnTo>
                    <a:pt x="161" y="189"/>
                  </a:lnTo>
                  <a:lnTo>
                    <a:pt x="163" y="220"/>
                  </a:lnTo>
                  <a:lnTo>
                    <a:pt x="159" y="240"/>
                  </a:lnTo>
                  <a:lnTo>
                    <a:pt x="141" y="249"/>
                  </a:lnTo>
                  <a:lnTo>
                    <a:pt x="127" y="247"/>
                  </a:lnTo>
                  <a:lnTo>
                    <a:pt x="129" y="265"/>
                  </a:lnTo>
                  <a:lnTo>
                    <a:pt x="111" y="276"/>
                  </a:lnTo>
                  <a:lnTo>
                    <a:pt x="118" y="299"/>
                  </a:lnTo>
                  <a:lnTo>
                    <a:pt x="121" y="321"/>
                  </a:lnTo>
                  <a:lnTo>
                    <a:pt x="103" y="325"/>
                  </a:lnTo>
                  <a:lnTo>
                    <a:pt x="123" y="341"/>
                  </a:lnTo>
                  <a:lnTo>
                    <a:pt x="132" y="363"/>
                  </a:lnTo>
                  <a:lnTo>
                    <a:pt x="96" y="359"/>
                  </a:lnTo>
                  <a:lnTo>
                    <a:pt x="27" y="343"/>
                  </a:lnTo>
                  <a:lnTo>
                    <a:pt x="40" y="328"/>
                  </a:lnTo>
                  <a:lnTo>
                    <a:pt x="42" y="31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63" name="Denmark"/>
            <p:cNvSpPr>
              <a:spLocks/>
            </p:cNvSpPr>
            <p:nvPr/>
          </p:nvSpPr>
          <p:spPr bwMode="auto">
            <a:xfrm>
              <a:off x="8875033" y="3181350"/>
              <a:ext cx="134938" cy="131763"/>
            </a:xfrm>
            <a:custGeom>
              <a:avLst/>
              <a:gdLst>
                <a:gd name="T0" fmla="*/ 7 w 85"/>
                <a:gd name="T1" fmla="*/ 20 h 83"/>
                <a:gd name="T2" fmla="*/ 23 w 85"/>
                <a:gd name="T3" fmla="*/ 20 h 83"/>
                <a:gd name="T4" fmla="*/ 32 w 85"/>
                <a:gd name="T5" fmla="*/ 7 h 83"/>
                <a:gd name="T6" fmla="*/ 49 w 85"/>
                <a:gd name="T7" fmla="*/ 0 h 83"/>
                <a:gd name="T8" fmla="*/ 54 w 85"/>
                <a:gd name="T9" fmla="*/ 9 h 83"/>
                <a:gd name="T10" fmla="*/ 74 w 85"/>
                <a:gd name="T11" fmla="*/ 14 h 83"/>
                <a:gd name="T12" fmla="*/ 74 w 85"/>
                <a:gd name="T13" fmla="*/ 36 h 83"/>
                <a:gd name="T14" fmla="*/ 85 w 85"/>
                <a:gd name="T15" fmla="*/ 43 h 83"/>
                <a:gd name="T16" fmla="*/ 85 w 85"/>
                <a:gd name="T17" fmla="*/ 65 h 83"/>
                <a:gd name="T18" fmla="*/ 74 w 85"/>
                <a:gd name="T19" fmla="*/ 77 h 83"/>
                <a:gd name="T20" fmla="*/ 47 w 85"/>
                <a:gd name="T21" fmla="*/ 83 h 83"/>
                <a:gd name="T22" fmla="*/ 23 w 85"/>
                <a:gd name="T23" fmla="*/ 67 h 83"/>
                <a:gd name="T24" fmla="*/ 14 w 85"/>
                <a:gd name="T25" fmla="*/ 41 h 83"/>
                <a:gd name="T26" fmla="*/ 0 w 85"/>
                <a:gd name="T27" fmla="*/ 23 h 83"/>
                <a:gd name="T28" fmla="*/ 7 w 85"/>
                <a:gd name="T29" fmla="*/ 20 h 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85" h="83">
                  <a:moveTo>
                    <a:pt x="7" y="20"/>
                  </a:moveTo>
                  <a:lnTo>
                    <a:pt x="23" y="20"/>
                  </a:lnTo>
                  <a:lnTo>
                    <a:pt x="32" y="7"/>
                  </a:lnTo>
                  <a:lnTo>
                    <a:pt x="49" y="0"/>
                  </a:lnTo>
                  <a:lnTo>
                    <a:pt x="54" y="9"/>
                  </a:lnTo>
                  <a:lnTo>
                    <a:pt x="74" y="14"/>
                  </a:lnTo>
                  <a:lnTo>
                    <a:pt x="74" y="36"/>
                  </a:lnTo>
                  <a:lnTo>
                    <a:pt x="85" y="43"/>
                  </a:lnTo>
                  <a:lnTo>
                    <a:pt x="85" y="65"/>
                  </a:lnTo>
                  <a:lnTo>
                    <a:pt x="74" y="77"/>
                  </a:lnTo>
                  <a:lnTo>
                    <a:pt x="47" y="83"/>
                  </a:lnTo>
                  <a:lnTo>
                    <a:pt x="23" y="67"/>
                  </a:lnTo>
                  <a:lnTo>
                    <a:pt x="14" y="41"/>
                  </a:lnTo>
                  <a:lnTo>
                    <a:pt x="0" y="23"/>
                  </a:lnTo>
                  <a:lnTo>
                    <a:pt x="7" y="2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64" name="Denmark"/>
            <p:cNvSpPr>
              <a:spLocks/>
            </p:cNvSpPr>
            <p:nvPr/>
          </p:nvSpPr>
          <p:spPr bwMode="auto">
            <a:xfrm>
              <a:off x="9009971" y="3068638"/>
              <a:ext cx="220663" cy="312738"/>
            </a:xfrm>
            <a:custGeom>
              <a:avLst/>
              <a:gdLst>
                <a:gd name="T0" fmla="*/ 0 w 139"/>
                <a:gd name="T1" fmla="*/ 58 h 197"/>
                <a:gd name="T2" fmla="*/ 43 w 139"/>
                <a:gd name="T3" fmla="*/ 51 h 197"/>
                <a:gd name="T4" fmla="*/ 50 w 139"/>
                <a:gd name="T5" fmla="*/ 40 h 197"/>
                <a:gd name="T6" fmla="*/ 79 w 139"/>
                <a:gd name="T7" fmla="*/ 33 h 197"/>
                <a:gd name="T8" fmla="*/ 83 w 139"/>
                <a:gd name="T9" fmla="*/ 0 h 197"/>
                <a:gd name="T10" fmla="*/ 112 w 139"/>
                <a:gd name="T11" fmla="*/ 7 h 197"/>
                <a:gd name="T12" fmla="*/ 126 w 139"/>
                <a:gd name="T13" fmla="*/ 24 h 197"/>
                <a:gd name="T14" fmla="*/ 126 w 139"/>
                <a:gd name="T15" fmla="*/ 45 h 197"/>
                <a:gd name="T16" fmla="*/ 139 w 139"/>
                <a:gd name="T17" fmla="*/ 54 h 197"/>
                <a:gd name="T18" fmla="*/ 139 w 139"/>
                <a:gd name="T19" fmla="*/ 71 h 197"/>
                <a:gd name="T20" fmla="*/ 119 w 139"/>
                <a:gd name="T21" fmla="*/ 80 h 197"/>
                <a:gd name="T22" fmla="*/ 112 w 139"/>
                <a:gd name="T23" fmla="*/ 96 h 197"/>
                <a:gd name="T24" fmla="*/ 126 w 139"/>
                <a:gd name="T25" fmla="*/ 107 h 197"/>
                <a:gd name="T26" fmla="*/ 126 w 139"/>
                <a:gd name="T27" fmla="*/ 119 h 197"/>
                <a:gd name="T28" fmla="*/ 99 w 139"/>
                <a:gd name="T29" fmla="*/ 119 h 197"/>
                <a:gd name="T30" fmla="*/ 108 w 139"/>
                <a:gd name="T31" fmla="*/ 141 h 197"/>
                <a:gd name="T32" fmla="*/ 81 w 139"/>
                <a:gd name="T33" fmla="*/ 141 h 197"/>
                <a:gd name="T34" fmla="*/ 87 w 139"/>
                <a:gd name="T35" fmla="*/ 154 h 197"/>
                <a:gd name="T36" fmla="*/ 105 w 139"/>
                <a:gd name="T37" fmla="*/ 154 h 197"/>
                <a:gd name="T38" fmla="*/ 97 w 139"/>
                <a:gd name="T39" fmla="*/ 166 h 197"/>
                <a:gd name="T40" fmla="*/ 88 w 139"/>
                <a:gd name="T41" fmla="*/ 186 h 197"/>
                <a:gd name="T42" fmla="*/ 70 w 139"/>
                <a:gd name="T43" fmla="*/ 186 h 197"/>
                <a:gd name="T44" fmla="*/ 52 w 139"/>
                <a:gd name="T45" fmla="*/ 197 h 197"/>
                <a:gd name="T46" fmla="*/ 36 w 139"/>
                <a:gd name="T47" fmla="*/ 181 h 197"/>
                <a:gd name="T48" fmla="*/ 18 w 139"/>
                <a:gd name="T49" fmla="*/ 161 h 197"/>
                <a:gd name="T50" fmla="*/ 29 w 139"/>
                <a:gd name="T51" fmla="*/ 148 h 197"/>
                <a:gd name="T52" fmla="*/ 50 w 139"/>
                <a:gd name="T53" fmla="*/ 154 h 197"/>
                <a:gd name="T54" fmla="*/ 61 w 139"/>
                <a:gd name="T55" fmla="*/ 166 h 197"/>
                <a:gd name="T56" fmla="*/ 70 w 139"/>
                <a:gd name="T57" fmla="*/ 154 h 197"/>
                <a:gd name="T58" fmla="*/ 77 w 139"/>
                <a:gd name="T59" fmla="*/ 132 h 197"/>
                <a:gd name="T60" fmla="*/ 76 w 139"/>
                <a:gd name="T61" fmla="*/ 119 h 197"/>
                <a:gd name="T62" fmla="*/ 38 w 139"/>
                <a:gd name="T63" fmla="*/ 125 h 197"/>
                <a:gd name="T64" fmla="*/ 25 w 139"/>
                <a:gd name="T65" fmla="*/ 107 h 197"/>
                <a:gd name="T66" fmla="*/ 34 w 139"/>
                <a:gd name="T67" fmla="*/ 91 h 197"/>
                <a:gd name="T68" fmla="*/ 36 w 139"/>
                <a:gd name="T69" fmla="*/ 74 h 197"/>
                <a:gd name="T70" fmla="*/ 0 w 139"/>
                <a:gd name="T71" fmla="*/ 58 h 1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39" h="197">
                  <a:moveTo>
                    <a:pt x="0" y="58"/>
                  </a:moveTo>
                  <a:lnTo>
                    <a:pt x="43" y="51"/>
                  </a:lnTo>
                  <a:lnTo>
                    <a:pt x="50" y="40"/>
                  </a:lnTo>
                  <a:lnTo>
                    <a:pt x="79" y="33"/>
                  </a:lnTo>
                  <a:lnTo>
                    <a:pt x="83" y="0"/>
                  </a:lnTo>
                  <a:lnTo>
                    <a:pt x="112" y="7"/>
                  </a:lnTo>
                  <a:lnTo>
                    <a:pt x="126" y="24"/>
                  </a:lnTo>
                  <a:lnTo>
                    <a:pt x="126" y="45"/>
                  </a:lnTo>
                  <a:lnTo>
                    <a:pt x="139" y="54"/>
                  </a:lnTo>
                  <a:lnTo>
                    <a:pt x="139" y="71"/>
                  </a:lnTo>
                  <a:lnTo>
                    <a:pt x="119" y="80"/>
                  </a:lnTo>
                  <a:lnTo>
                    <a:pt x="112" y="96"/>
                  </a:lnTo>
                  <a:lnTo>
                    <a:pt x="126" y="107"/>
                  </a:lnTo>
                  <a:lnTo>
                    <a:pt x="126" y="119"/>
                  </a:lnTo>
                  <a:lnTo>
                    <a:pt x="99" y="119"/>
                  </a:lnTo>
                  <a:lnTo>
                    <a:pt x="108" y="141"/>
                  </a:lnTo>
                  <a:lnTo>
                    <a:pt x="81" y="141"/>
                  </a:lnTo>
                  <a:lnTo>
                    <a:pt x="87" y="154"/>
                  </a:lnTo>
                  <a:lnTo>
                    <a:pt x="105" y="154"/>
                  </a:lnTo>
                  <a:lnTo>
                    <a:pt x="97" y="166"/>
                  </a:lnTo>
                  <a:lnTo>
                    <a:pt x="88" y="186"/>
                  </a:lnTo>
                  <a:lnTo>
                    <a:pt x="70" y="186"/>
                  </a:lnTo>
                  <a:lnTo>
                    <a:pt x="52" y="197"/>
                  </a:lnTo>
                  <a:lnTo>
                    <a:pt x="36" y="181"/>
                  </a:lnTo>
                  <a:lnTo>
                    <a:pt x="18" y="161"/>
                  </a:lnTo>
                  <a:lnTo>
                    <a:pt x="29" y="148"/>
                  </a:lnTo>
                  <a:lnTo>
                    <a:pt x="50" y="154"/>
                  </a:lnTo>
                  <a:lnTo>
                    <a:pt x="61" y="166"/>
                  </a:lnTo>
                  <a:lnTo>
                    <a:pt x="70" y="154"/>
                  </a:lnTo>
                  <a:lnTo>
                    <a:pt x="77" y="132"/>
                  </a:lnTo>
                  <a:lnTo>
                    <a:pt x="76" y="119"/>
                  </a:lnTo>
                  <a:lnTo>
                    <a:pt x="38" y="125"/>
                  </a:lnTo>
                  <a:lnTo>
                    <a:pt x="25" y="107"/>
                  </a:lnTo>
                  <a:lnTo>
                    <a:pt x="34" y="91"/>
                  </a:lnTo>
                  <a:lnTo>
                    <a:pt x="36" y="74"/>
                  </a:lnTo>
                  <a:lnTo>
                    <a:pt x="0" y="5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sp>
        <p:nvSpPr>
          <p:cNvPr id="65" name="Norway"/>
          <p:cNvSpPr>
            <a:spLocks/>
          </p:cNvSpPr>
          <p:nvPr/>
        </p:nvSpPr>
        <p:spPr bwMode="auto">
          <a:xfrm>
            <a:off x="8349188" y="85725"/>
            <a:ext cx="2322513" cy="2652713"/>
          </a:xfrm>
          <a:custGeom>
            <a:avLst/>
            <a:gdLst>
              <a:gd name="T0" fmla="*/ 780 w 810"/>
              <a:gd name="T1" fmla="*/ 57 h 925"/>
              <a:gd name="T2" fmla="*/ 738 w 810"/>
              <a:gd name="T3" fmla="*/ 48 h 925"/>
              <a:gd name="T4" fmla="*/ 702 w 810"/>
              <a:gd name="T5" fmla="*/ 47 h 925"/>
              <a:gd name="T6" fmla="*/ 682 w 810"/>
              <a:gd name="T7" fmla="*/ 0 h 925"/>
              <a:gd name="T8" fmla="*/ 649 w 810"/>
              <a:gd name="T9" fmla="*/ 6 h 925"/>
              <a:gd name="T10" fmla="*/ 643 w 810"/>
              <a:gd name="T11" fmla="*/ 6 h 925"/>
              <a:gd name="T12" fmla="*/ 616 w 810"/>
              <a:gd name="T13" fmla="*/ 13 h 925"/>
              <a:gd name="T14" fmla="*/ 593 w 810"/>
              <a:gd name="T15" fmla="*/ 14 h 925"/>
              <a:gd name="T16" fmla="*/ 570 w 810"/>
              <a:gd name="T17" fmla="*/ 74 h 925"/>
              <a:gd name="T18" fmla="*/ 584 w 810"/>
              <a:gd name="T19" fmla="*/ 0 h 925"/>
              <a:gd name="T20" fmla="*/ 550 w 810"/>
              <a:gd name="T21" fmla="*/ 43 h 925"/>
              <a:gd name="T22" fmla="*/ 515 w 810"/>
              <a:gd name="T23" fmla="*/ 57 h 925"/>
              <a:gd name="T24" fmla="*/ 518 w 810"/>
              <a:gd name="T25" fmla="*/ 86 h 925"/>
              <a:gd name="T26" fmla="*/ 480 w 810"/>
              <a:gd name="T27" fmla="*/ 90 h 925"/>
              <a:gd name="T28" fmla="*/ 439 w 810"/>
              <a:gd name="T29" fmla="*/ 99 h 925"/>
              <a:gd name="T30" fmla="*/ 402 w 810"/>
              <a:gd name="T31" fmla="*/ 132 h 925"/>
              <a:gd name="T32" fmla="*/ 396 w 810"/>
              <a:gd name="T33" fmla="*/ 177 h 925"/>
              <a:gd name="T34" fmla="*/ 337 w 810"/>
              <a:gd name="T35" fmla="*/ 189 h 925"/>
              <a:gd name="T36" fmla="*/ 339 w 810"/>
              <a:gd name="T37" fmla="*/ 214 h 925"/>
              <a:gd name="T38" fmla="*/ 334 w 810"/>
              <a:gd name="T39" fmla="*/ 256 h 925"/>
              <a:gd name="T40" fmla="*/ 309 w 810"/>
              <a:gd name="T41" fmla="*/ 314 h 925"/>
              <a:gd name="T42" fmla="*/ 276 w 810"/>
              <a:gd name="T43" fmla="*/ 355 h 925"/>
              <a:gd name="T44" fmla="*/ 275 w 810"/>
              <a:gd name="T45" fmla="*/ 447 h 925"/>
              <a:gd name="T46" fmla="*/ 217 w 810"/>
              <a:gd name="T47" fmla="*/ 478 h 925"/>
              <a:gd name="T48" fmla="*/ 139 w 810"/>
              <a:gd name="T49" fmla="*/ 562 h 925"/>
              <a:gd name="T50" fmla="*/ 88 w 810"/>
              <a:gd name="T51" fmla="*/ 582 h 925"/>
              <a:gd name="T52" fmla="*/ 61 w 810"/>
              <a:gd name="T53" fmla="*/ 613 h 925"/>
              <a:gd name="T54" fmla="*/ 19 w 810"/>
              <a:gd name="T55" fmla="*/ 637 h 925"/>
              <a:gd name="T56" fmla="*/ 8 w 810"/>
              <a:gd name="T57" fmla="*/ 709 h 925"/>
              <a:gd name="T58" fmla="*/ 7 w 810"/>
              <a:gd name="T59" fmla="*/ 756 h 925"/>
              <a:gd name="T60" fmla="*/ 34 w 810"/>
              <a:gd name="T61" fmla="*/ 769 h 925"/>
              <a:gd name="T62" fmla="*/ 29 w 810"/>
              <a:gd name="T63" fmla="*/ 802 h 925"/>
              <a:gd name="T64" fmla="*/ 18 w 810"/>
              <a:gd name="T65" fmla="*/ 834 h 925"/>
              <a:gd name="T66" fmla="*/ 44 w 810"/>
              <a:gd name="T67" fmla="*/ 834 h 925"/>
              <a:gd name="T68" fmla="*/ 16 w 810"/>
              <a:gd name="T69" fmla="*/ 884 h 925"/>
              <a:gd name="T70" fmla="*/ 74 w 810"/>
              <a:gd name="T71" fmla="*/ 925 h 925"/>
              <a:gd name="T72" fmla="*/ 142 w 810"/>
              <a:gd name="T73" fmla="*/ 878 h 925"/>
              <a:gd name="T74" fmla="*/ 183 w 810"/>
              <a:gd name="T75" fmla="*/ 864 h 925"/>
              <a:gd name="T76" fmla="*/ 210 w 810"/>
              <a:gd name="T77" fmla="*/ 797 h 925"/>
              <a:gd name="T78" fmla="*/ 240 w 810"/>
              <a:gd name="T79" fmla="*/ 850 h 925"/>
              <a:gd name="T80" fmla="*/ 259 w 810"/>
              <a:gd name="T81" fmla="*/ 795 h 925"/>
              <a:gd name="T82" fmla="*/ 279 w 810"/>
              <a:gd name="T83" fmla="*/ 720 h 925"/>
              <a:gd name="T84" fmla="*/ 253 w 810"/>
              <a:gd name="T85" fmla="*/ 614 h 925"/>
              <a:gd name="T86" fmla="*/ 275 w 810"/>
              <a:gd name="T87" fmla="*/ 522 h 925"/>
              <a:gd name="T88" fmla="*/ 307 w 810"/>
              <a:gd name="T89" fmla="*/ 480 h 925"/>
              <a:gd name="T90" fmla="*/ 354 w 810"/>
              <a:gd name="T91" fmla="*/ 355 h 925"/>
              <a:gd name="T92" fmla="*/ 373 w 810"/>
              <a:gd name="T93" fmla="*/ 281 h 925"/>
              <a:gd name="T94" fmla="*/ 447 w 810"/>
              <a:gd name="T95" fmla="*/ 209 h 925"/>
              <a:gd name="T96" fmla="*/ 472 w 810"/>
              <a:gd name="T97" fmla="*/ 175 h 925"/>
              <a:gd name="T98" fmla="*/ 513 w 810"/>
              <a:gd name="T99" fmla="*/ 155 h 925"/>
              <a:gd name="T100" fmla="*/ 602 w 810"/>
              <a:gd name="T101" fmla="*/ 190 h 925"/>
              <a:gd name="T102" fmla="*/ 723 w 810"/>
              <a:gd name="T103" fmla="*/ 171 h 925"/>
              <a:gd name="T104" fmla="*/ 784 w 810"/>
              <a:gd name="T105" fmla="*/ 106 h 925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72 w 10000"/>
              <a:gd name="connsiteY207" fmla="*/ 1685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8948 w 10000"/>
              <a:gd name="connsiteY207" fmla="*/ 1825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102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067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</a:cxnLst>
            <a:rect l="l" t="t" r="r" b="b"/>
            <a:pathLst>
              <a:path w="10000" h="10000">
                <a:moveTo>
                  <a:pt x="9914" y="627"/>
                </a:moveTo>
                <a:cubicBezTo>
                  <a:pt x="9914" y="573"/>
                  <a:pt x="9753" y="692"/>
                  <a:pt x="9753" y="692"/>
                </a:cubicBezTo>
                <a:cubicBezTo>
                  <a:pt x="9737" y="685"/>
                  <a:pt x="9720" y="677"/>
                  <a:pt x="9704" y="670"/>
                </a:cubicBezTo>
                <a:cubicBezTo>
                  <a:pt x="9704" y="670"/>
                  <a:pt x="9605" y="627"/>
                  <a:pt x="9630" y="616"/>
                </a:cubicBezTo>
                <a:cubicBezTo>
                  <a:pt x="9654" y="605"/>
                  <a:pt x="9543" y="562"/>
                  <a:pt x="9543" y="562"/>
                </a:cubicBezTo>
                <a:lnTo>
                  <a:pt x="9296" y="616"/>
                </a:lnTo>
                <a:lnTo>
                  <a:pt x="9173" y="703"/>
                </a:lnTo>
                <a:cubicBezTo>
                  <a:pt x="9152" y="642"/>
                  <a:pt x="9132" y="580"/>
                  <a:pt x="9111" y="519"/>
                </a:cubicBezTo>
                <a:lnTo>
                  <a:pt x="8728" y="573"/>
                </a:lnTo>
                <a:lnTo>
                  <a:pt x="8420" y="616"/>
                </a:lnTo>
                <a:lnTo>
                  <a:pt x="8235" y="541"/>
                </a:lnTo>
                <a:lnTo>
                  <a:pt x="8667" y="508"/>
                </a:lnTo>
                <a:lnTo>
                  <a:pt x="8765" y="389"/>
                </a:lnTo>
                <a:lnTo>
                  <a:pt x="8901" y="259"/>
                </a:lnTo>
                <a:lnTo>
                  <a:pt x="8704" y="184"/>
                </a:lnTo>
                <a:lnTo>
                  <a:pt x="8420" y="0"/>
                </a:lnTo>
                <a:cubicBezTo>
                  <a:pt x="8445" y="32"/>
                  <a:pt x="8469" y="65"/>
                  <a:pt x="8494" y="97"/>
                </a:cubicBezTo>
                <a:lnTo>
                  <a:pt x="8309" y="205"/>
                </a:lnTo>
                <a:lnTo>
                  <a:pt x="8210" y="43"/>
                </a:lnTo>
                <a:lnTo>
                  <a:pt x="8012" y="65"/>
                </a:lnTo>
                <a:lnTo>
                  <a:pt x="8012" y="281"/>
                </a:lnTo>
                <a:cubicBezTo>
                  <a:pt x="7987" y="306"/>
                  <a:pt x="7963" y="332"/>
                  <a:pt x="7938" y="357"/>
                </a:cubicBezTo>
                <a:cubicBezTo>
                  <a:pt x="7918" y="321"/>
                  <a:pt x="7897" y="285"/>
                  <a:pt x="7877" y="249"/>
                </a:cubicBezTo>
                <a:cubicBezTo>
                  <a:pt x="7897" y="188"/>
                  <a:pt x="7918" y="126"/>
                  <a:pt x="7938" y="65"/>
                </a:cubicBezTo>
                <a:lnTo>
                  <a:pt x="7827" y="0"/>
                </a:lnTo>
                <a:lnTo>
                  <a:pt x="7654" y="0"/>
                </a:lnTo>
                <a:lnTo>
                  <a:pt x="7556" y="86"/>
                </a:lnTo>
                <a:lnTo>
                  <a:pt x="7605" y="141"/>
                </a:lnTo>
                <a:lnTo>
                  <a:pt x="7605" y="368"/>
                </a:lnTo>
                <a:cubicBezTo>
                  <a:pt x="7589" y="411"/>
                  <a:pt x="7572" y="454"/>
                  <a:pt x="7556" y="497"/>
                </a:cubicBezTo>
                <a:cubicBezTo>
                  <a:pt x="7511" y="439"/>
                  <a:pt x="7465" y="382"/>
                  <a:pt x="7420" y="324"/>
                </a:cubicBezTo>
                <a:cubicBezTo>
                  <a:pt x="7387" y="266"/>
                  <a:pt x="7354" y="209"/>
                  <a:pt x="7321" y="151"/>
                </a:cubicBezTo>
                <a:lnTo>
                  <a:pt x="7210" y="422"/>
                </a:lnTo>
                <a:lnTo>
                  <a:pt x="7210" y="627"/>
                </a:lnTo>
                <a:lnTo>
                  <a:pt x="7210" y="703"/>
                </a:lnTo>
                <a:lnTo>
                  <a:pt x="7037" y="800"/>
                </a:lnTo>
                <a:cubicBezTo>
                  <a:pt x="7041" y="742"/>
                  <a:pt x="7045" y="685"/>
                  <a:pt x="7049" y="627"/>
                </a:cubicBezTo>
                <a:lnTo>
                  <a:pt x="7049" y="551"/>
                </a:lnTo>
                <a:lnTo>
                  <a:pt x="7160" y="205"/>
                </a:lnTo>
                <a:cubicBezTo>
                  <a:pt x="7177" y="137"/>
                  <a:pt x="7193" y="68"/>
                  <a:pt x="7210" y="0"/>
                </a:cubicBezTo>
                <a:lnTo>
                  <a:pt x="6975" y="43"/>
                </a:lnTo>
                <a:lnTo>
                  <a:pt x="6975" y="184"/>
                </a:lnTo>
                <a:lnTo>
                  <a:pt x="6790" y="292"/>
                </a:lnTo>
                <a:lnTo>
                  <a:pt x="6790" y="465"/>
                </a:lnTo>
                <a:cubicBezTo>
                  <a:pt x="6745" y="487"/>
                  <a:pt x="6699" y="508"/>
                  <a:pt x="6654" y="530"/>
                </a:cubicBezTo>
                <a:lnTo>
                  <a:pt x="6420" y="465"/>
                </a:lnTo>
                <a:lnTo>
                  <a:pt x="6160" y="573"/>
                </a:lnTo>
                <a:lnTo>
                  <a:pt x="6358" y="616"/>
                </a:lnTo>
                <a:cubicBezTo>
                  <a:pt x="6370" y="638"/>
                  <a:pt x="6383" y="659"/>
                  <a:pt x="6395" y="681"/>
                </a:cubicBezTo>
                <a:cubicBezTo>
                  <a:pt x="6428" y="731"/>
                  <a:pt x="6461" y="782"/>
                  <a:pt x="6494" y="832"/>
                </a:cubicBezTo>
                <a:lnTo>
                  <a:pt x="6494" y="973"/>
                </a:lnTo>
                <a:cubicBezTo>
                  <a:pt x="6461" y="959"/>
                  <a:pt x="6428" y="944"/>
                  <a:pt x="6395" y="930"/>
                </a:cubicBezTo>
                <a:lnTo>
                  <a:pt x="6296" y="876"/>
                </a:lnTo>
                <a:lnTo>
                  <a:pt x="6111" y="800"/>
                </a:lnTo>
                <a:lnTo>
                  <a:pt x="5926" y="800"/>
                </a:lnTo>
                <a:lnTo>
                  <a:pt x="5926" y="973"/>
                </a:lnTo>
                <a:lnTo>
                  <a:pt x="5827" y="1135"/>
                </a:lnTo>
                <a:lnTo>
                  <a:pt x="5617" y="1200"/>
                </a:lnTo>
                <a:lnTo>
                  <a:pt x="5481" y="1222"/>
                </a:lnTo>
                <a:cubicBezTo>
                  <a:pt x="5461" y="1171"/>
                  <a:pt x="5440" y="1121"/>
                  <a:pt x="5420" y="1070"/>
                </a:cubicBezTo>
                <a:lnTo>
                  <a:pt x="5235" y="1232"/>
                </a:lnTo>
                <a:cubicBezTo>
                  <a:pt x="5247" y="1286"/>
                  <a:pt x="5260" y="1341"/>
                  <a:pt x="5272" y="1395"/>
                </a:cubicBezTo>
                <a:lnTo>
                  <a:pt x="5074" y="1589"/>
                </a:lnTo>
                <a:lnTo>
                  <a:pt x="4963" y="1427"/>
                </a:lnTo>
                <a:lnTo>
                  <a:pt x="4617" y="1784"/>
                </a:lnTo>
                <a:cubicBezTo>
                  <a:pt x="4650" y="1827"/>
                  <a:pt x="4683" y="1871"/>
                  <a:pt x="4716" y="1914"/>
                </a:cubicBezTo>
                <a:cubicBezTo>
                  <a:pt x="4774" y="1860"/>
                  <a:pt x="4831" y="1805"/>
                  <a:pt x="4889" y="1751"/>
                </a:cubicBezTo>
                <a:lnTo>
                  <a:pt x="4889" y="1914"/>
                </a:lnTo>
                <a:lnTo>
                  <a:pt x="4765" y="2173"/>
                </a:lnTo>
                <a:lnTo>
                  <a:pt x="4506" y="2000"/>
                </a:lnTo>
                <a:lnTo>
                  <a:pt x="4296" y="1914"/>
                </a:lnTo>
                <a:lnTo>
                  <a:pt x="4160" y="2043"/>
                </a:lnTo>
                <a:lnTo>
                  <a:pt x="3901" y="2205"/>
                </a:lnTo>
                <a:lnTo>
                  <a:pt x="4037" y="2205"/>
                </a:lnTo>
                <a:cubicBezTo>
                  <a:pt x="4045" y="2281"/>
                  <a:pt x="4054" y="2356"/>
                  <a:pt x="4062" y="2432"/>
                </a:cubicBezTo>
                <a:lnTo>
                  <a:pt x="4185" y="2314"/>
                </a:lnTo>
                <a:lnTo>
                  <a:pt x="4469" y="2314"/>
                </a:lnTo>
                <a:cubicBezTo>
                  <a:pt x="4444" y="2379"/>
                  <a:pt x="4420" y="2443"/>
                  <a:pt x="4395" y="2508"/>
                </a:cubicBezTo>
                <a:lnTo>
                  <a:pt x="4395" y="2670"/>
                </a:lnTo>
                <a:lnTo>
                  <a:pt x="4123" y="2768"/>
                </a:lnTo>
                <a:cubicBezTo>
                  <a:pt x="4090" y="2847"/>
                  <a:pt x="4058" y="2926"/>
                  <a:pt x="4025" y="3005"/>
                </a:cubicBezTo>
                <a:lnTo>
                  <a:pt x="3926" y="3254"/>
                </a:lnTo>
                <a:cubicBezTo>
                  <a:pt x="3942" y="3301"/>
                  <a:pt x="3959" y="3348"/>
                  <a:pt x="3975" y="3395"/>
                </a:cubicBezTo>
                <a:lnTo>
                  <a:pt x="3815" y="3395"/>
                </a:lnTo>
                <a:lnTo>
                  <a:pt x="3654" y="3449"/>
                </a:lnTo>
                <a:cubicBezTo>
                  <a:pt x="3671" y="3514"/>
                  <a:pt x="3687" y="3578"/>
                  <a:pt x="3704" y="3643"/>
                </a:cubicBezTo>
                <a:lnTo>
                  <a:pt x="3543" y="3643"/>
                </a:lnTo>
                <a:cubicBezTo>
                  <a:pt x="3498" y="3708"/>
                  <a:pt x="3452" y="3773"/>
                  <a:pt x="3407" y="3838"/>
                </a:cubicBezTo>
                <a:lnTo>
                  <a:pt x="3494" y="4195"/>
                </a:lnTo>
                <a:lnTo>
                  <a:pt x="3272" y="4400"/>
                </a:lnTo>
                <a:lnTo>
                  <a:pt x="3111" y="4714"/>
                </a:lnTo>
                <a:lnTo>
                  <a:pt x="3395" y="4832"/>
                </a:lnTo>
                <a:lnTo>
                  <a:pt x="2914" y="4897"/>
                </a:lnTo>
                <a:cubicBezTo>
                  <a:pt x="2893" y="4969"/>
                  <a:pt x="2873" y="5042"/>
                  <a:pt x="2852" y="5114"/>
                </a:cubicBezTo>
                <a:cubicBezTo>
                  <a:pt x="2868" y="5190"/>
                  <a:pt x="2885" y="5265"/>
                  <a:pt x="2901" y="5341"/>
                </a:cubicBezTo>
                <a:lnTo>
                  <a:pt x="2679" y="5168"/>
                </a:lnTo>
                <a:cubicBezTo>
                  <a:pt x="2650" y="5229"/>
                  <a:pt x="2622" y="5290"/>
                  <a:pt x="2593" y="5351"/>
                </a:cubicBezTo>
                <a:lnTo>
                  <a:pt x="2185" y="5741"/>
                </a:lnTo>
                <a:lnTo>
                  <a:pt x="2012" y="6032"/>
                </a:lnTo>
                <a:lnTo>
                  <a:pt x="1716" y="6076"/>
                </a:lnTo>
                <a:cubicBezTo>
                  <a:pt x="1749" y="6126"/>
                  <a:pt x="1782" y="6177"/>
                  <a:pt x="1815" y="6227"/>
                </a:cubicBezTo>
                <a:lnTo>
                  <a:pt x="1654" y="6292"/>
                </a:lnTo>
                <a:lnTo>
                  <a:pt x="1247" y="6368"/>
                </a:lnTo>
                <a:lnTo>
                  <a:pt x="1086" y="6292"/>
                </a:lnTo>
                <a:lnTo>
                  <a:pt x="975" y="6357"/>
                </a:lnTo>
                <a:lnTo>
                  <a:pt x="1086" y="6497"/>
                </a:lnTo>
                <a:lnTo>
                  <a:pt x="901" y="6573"/>
                </a:lnTo>
                <a:lnTo>
                  <a:pt x="753" y="6627"/>
                </a:lnTo>
                <a:lnTo>
                  <a:pt x="926" y="6768"/>
                </a:lnTo>
                <a:lnTo>
                  <a:pt x="580" y="6768"/>
                </a:lnTo>
                <a:lnTo>
                  <a:pt x="420" y="6886"/>
                </a:lnTo>
                <a:lnTo>
                  <a:pt x="235" y="6886"/>
                </a:lnTo>
                <a:lnTo>
                  <a:pt x="49" y="7211"/>
                </a:lnTo>
                <a:lnTo>
                  <a:pt x="160" y="7416"/>
                </a:lnTo>
                <a:lnTo>
                  <a:pt x="0" y="7416"/>
                </a:lnTo>
                <a:lnTo>
                  <a:pt x="99" y="7665"/>
                </a:lnTo>
                <a:cubicBezTo>
                  <a:pt x="66" y="7730"/>
                  <a:pt x="33" y="7794"/>
                  <a:pt x="0" y="7859"/>
                </a:cubicBezTo>
                <a:cubicBezTo>
                  <a:pt x="16" y="7924"/>
                  <a:pt x="33" y="7989"/>
                  <a:pt x="49" y="8054"/>
                </a:cubicBezTo>
                <a:lnTo>
                  <a:pt x="333" y="8173"/>
                </a:lnTo>
                <a:lnTo>
                  <a:pt x="86" y="8173"/>
                </a:lnTo>
                <a:lnTo>
                  <a:pt x="86" y="8314"/>
                </a:lnTo>
                <a:lnTo>
                  <a:pt x="222" y="8357"/>
                </a:lnTo>
                <a:cubicBezTo>
                  <a:pt x="243" y="8382"/>
                  <a:pt x="263" y="8407"/>
                  <a:pt x="284" y="8432"/>
                </a:cubicBezTo>
                <a:lnTo>
                  <a:pt x="420" y="8314"/>
                </a:lnTo>
                <a:cubicBezTo>
                  <a:pt x="449" y="8339"/>
                  <a:pt x="477" y="8364"/>
                  <a:pt x="506" y="8389"/>
                </a:cubicBezTo>
                <a:cubicBezTo>
                  <a:pt x="490" y="8411"/>
                  <a:pt x="473" y="8432"/>
                  <a:pt x="457" y="8454"/>
                </a:cubicBezTo>
                <a:lnTo>
                  <a:pt x="272" y="8616"/>
                </a:lnTo>
                <a:lnTo>
                  <a:pt x="358" y="8670"/>
                </a:lnTo>
                <a:lnTo>
                  <a:pt x="173" y="8735"/>
                </a:lnTo>
                <a:lnTo>
                  <a:pt x="49" y="8822"/>
                </a:lnTo>
                <a:lnTo>
                  <a:pt x="136" y="8930"/>
                </a:lnTo>
                <a:lnTo>
                  <a:pt x="222" y="9016"/>
                </a:lnTo>
                <a:lnTo>
                  <a:pt x="333" y="8832"/>
                </a:lnTo>
                <a:lnTo>
                  <a:pt x="444" y="8854"/>
                </a:lnTo>
                <a:cubicBezTo>
                  <a:pt x="428" y="8886"/>
                  <a:pt x="411" y="8919"/>
                  <a:pt x="395" y="8951"/>
                </a:cubicBezTo>
                <a:lnTo>
                  <a:pt x="543" y="9016"/>
                </a:lnTo>
                <a:lnTo>
                  <a:pt x="469" y="9016"/>
                </a:lnTo>
                <a:lnTo>
                  <a:pt x="272" y="9189"/>
                </a:lnTo>
                <a:lnTo>
                  <a:pt x="86" y="9308"/>
                </a:lnTo>
                <a:cubicBezTo>
                  <a:pt x="123" y="9391"/>
                  <a:pt x="161" y="9474"/>
                  <a:pt x="198" y="9557"/>
                </a:cubicBezTo>
                <a:lnTo>
                  <a:pt x="519" y="9805"/>
                </a:lnTo>
                <a:lnTo>
                  <a:pt x="753" y="9751"/>
                </a:lnTo>
                <a:lnTo>
                  <a:pt x="630" y="9892"/>
                </a:lnTo>
                <a:lnTo>
                  <a:pt x="914" y="10000"/>
                </a:lnTo>
                <a:lnTo>
                  <a:pt x="1383" y="9924"/>
                </a:lnTo>
                <a:cubicBezTo>
                  <a:pt x="1403" y="9884"/>
                  <a:pt x="1424" y="9845"/>
                  <a:pt x="1444" y="9805"/>
                </a:cubicBezTo>
                <a:lnTo>
                  <a:pt x="1568" y="9859"/>
                </a:lnTo>
                <a:cubicBezTo>
                  <a:pt x="1630" y="9737"/>
                  <a:pt x="1691" y="9614"/>
                  <a:pt x="1753" y="9492"/>
                </a:cubicBezTo>
                <a:lnTo>
                  <a:pt x="1889" y="9535"/>
                </a:lnTo>
                <a:lnTo>
                  <a:pt x="2049" y="9276"/>
                </a:lnTo>
                <a:cubicBezTo>
                  <a:pt x="2066" y="9247"/>
                  <a:pt x="2082" y="9218"/>
                  <a:pt x="2099" y="9189"/>
                </a:cubicBezTo>
                <a:cubicBezTo>
                  <a:pt x="2152" y="9240"/>
                  <a:pt x="2206" y="9290"/>
                  <a:pt x="2259" y="9341"/>
                </a:cubicBezTo>
                <a:lnTo>
                  <a:pt x="2444" y="9189"/>
                </a:lnTo>
                <a:cubicBezTo>
                  <a:pt x="2465" y="9110"/>
                  <a:pt x="2485" y="9030"/>
                  <a:pt x="2506" y="8951"/>
                </a:cubicBezTo>
                <a:cubicBezTo>
                  <a:pt x="2485" y="8879"/>
                  <a:pt x="2465" y="8807"/>
                  <a:pt x="2444" y="8735"/>
                </a:cubicBezTo>
                <a:lnTo>
                  <a:pt x="2593" y="8616"/>
                </a:lnTo>
                <a:lnTo>
                  <a:pt x="2593" y="8897"/>
                </a:lnTo>
                <a:lnTo>
                  <a:pt x="2716" y="9092"/>
                </a:lnTo>
                <a:lnTo>
                  <a:pt x="2852" y="9092"/>
                </a:lnTo>
                <a:lnTo>
                  <a:pt x="2963" y="9189"/>
                </a:lnTo>
                <a:lnTo>
                  <a:pt x="2852" y="9276"/>
                </a:lnTo>
                <a:lnTo>
                  <a:pt x="3099" y="9276"/>
                </a:lnTo>
                <a:lnTo>
                  <a:pt x="3099" y="8800"/>
                </a:lnTo>
                <a:cubicBezTo>
                  <a:pt x="3132" y="8732"/>
                  <a:pt x="3165" y="8663"/>
                  <a:pt x="3198" y="8595"/>
                </a:cubicBezTo>
                <a:lnTo>
                  <a:pt x="3506" y="8465"/>
                </a:lnTo>
                <a:cubicBezTo>
                  <a:pt x="3485" y="8324"/>
                  <a:pt x="3465" y="8184"/>
                  <a:pt x="3444" y="8043"/>
                </a:cubicBezTo>
                <a:lnTo>
                  <a:pt x="3284" y="7784"/>
                </a:lnTo>
                <a:lnTo>
                  <a:pt x="3444" y="7784"/>
                </a:lnTo>
                <a:cubicBezTo>
                  <a:pt x="3489" y="7672"/>
                  <a:pt x="3535" y="7561"/>
                  <a:pt x="3580" y="7449"/>
                </a:cubicBezTo>
                <a:lnTo>
                  <a:pt x="3272" y="7297"/>
                </a:lnTo>
                <a:cubicBezTo>
                  <a:pt x="3288" y="7146"/>
                  <a:pt x="3305" y="6994"/>
                  <a:pt x="3321" y="6843"/>
                </a:cubicBezTo>
                <a:lnTo>
                  <a:pt x="3123" y="6638"/>
                </a:lnTo>
                <a:cubicBezTo>
                  <a:pt x="3173" y="6541"/>
                  <a:pt x="3222" y="6443"/>
                  <a:pt x="3272" y="6346"/>
                </a:cubicBezTo>
                <a:cubicBezTo>
                  <a:pt x="3218" y="6296"/>
                  <a:pt x="3165" y="6245"/>
                  <a:pt x="3111" y="6195"/>
                </a:cubicBezTo>
                <a:cubicBezTo>
                  <a:pt x="3127" y="6108"/>
                  <a:pt x="3144" y="6022"/>
                  <a:pt x="3160" y="5935"/>
                </a:cubicBezTo>
                <a:lnTo>
                  <a:pt x="3395" y="5643"/>
                </a:lnTo>
                <a:lnTo>
                  <a:pt x="3568" y="5568"/>
                </a:lnTo>
                <a:lnTo>
                  <a:pt x="3852" y="5557"/>
                </a:lnTo>
                <a:cubicBezTo>
                  <a:pt x="3901" y="5481"/>
                  <a:pt x="3951" y="5406"/>
                  <a:pt x="4000" y="5330"/>
                </a:cubicBezTo>
                <a:lnTo>
                  <a:pt x="3790" y="5189"/>
                </a:lnTo>
                <a:lnTo>
                  <a:pt x="4000" y="4638"/>
                </a:lnTo>
                <a:lnTo>
                  <a:pt x="4000" y="4000"/>
                </a:lnTo>
                <a:lnTo>
                  <a:pt x="4296" y="4000"/>
                </a:lnTo>
                <a:cubicBezTo>
                  <a:pt x="4321" y="3946"/>
                  <a:pt x="4345" y="3892"/>
                  <a:pt x="4370" y="3838"/>
                </a:cubicBezTo>
                <a:lnTo>
                  <a:pt x="4247" y="3773"/>
                </a:lnTo>
                <a:lnTo>
                  <a:pt x="4704" y="3276"/>
                </a:lnTo>
                <a:lnTo>
                  <a:pt x="4444" y="3038"/>
                </a:lnTo>
                <a:lnTo>
                  <a:pt x="4605" y="3038"/>
                </a:lnTo>
                <a:cubicBezTo>
                  <a:pt x="4638" y="2908"/>
                  <a:pt x="4671" y="2779"/>
                  <a:pt x="4704" y="2649"/>
                </a:cubicBezTo>
                <a:lnTo>
                  <a:pt x="5037" y="2649"/>
                </a:lnTo>
                <a:lnTo>
                  <a:pt x="5037" y="2259"/>
                </a:lnTo>
                <a:lnTo>
                  <a:pt x="5519" y="2259"/>
                </a:lnTo>
                <a:cubicBezTo>
                  <a:pt x="5548" y="2277"/>
                  <a:pt x="5576" y="2296"/>
                  <a:pt x="5605" y="2314"/>
                </a:cubicBezTo>
                <a:lnTo>
                  <a:pt x="5753" y="2259"/>
                </a:lnTo>
                <a:lnTo>
                  <a:pt x="5753" y="2108"/>
                </a:lnTo>
                <a:cubicBezTo>
                  <a:pt x="5778" y="2036"/>
                  <a:pt x="5802" y="1964"/>
                  <a:pt x="5827" y="1892"/>
                </a:cubicBezTo>
                <a:lnTo>
                  <a:pt x="5605" y="1751"/>
                </a:lnTo>
                <a:lnTo>
                  <a:pt x="6037" y="1838"/>
                </a:lnTo>
                <a:lnTo>
                  <a:pt x="6185" y="1654"/>
                </a:lnTo>
                <a:lnTo>
                  <a:pt x="6333" y="1676"/>
                </a:lnTo>
                <a:lnTo>
                  <a:pt x="6333" y="1676"/>
                </a:lnTo>
                <a:lnTo>
                  <a:pt x="6333" y="1676"/>
                </a:lnTo>
                <a:lnTo>
                  <a:pt x="7148" y="2119"/>
                </a:lnTo>
                <a:lnTo>
                  <a:pt x="7432" y="2054"/>
                </a:lnTo>
                <a:lnTo>
                  <a:pt x="7889" y="2065"/>
                </a:lnTo>
                <a:cubicBezTo>
                  <a:pt x="8201" y="2079"/>
                  <a:pt x="9108" y="2154"/>
                  <a:pt x="9304" y="2139"/>
                </a:cubicBezTo>
                <a:cubicBezTo>
                  <a:pt x="9500" y="2124"/>
                  <a:pt x="9087" y="2038"/>
                  <a:pt x="9067" y="1975"/>
                </a:cubicBezTo>
                <a:cubicBezTo>
                  <a:pt x="9047" y="1912"/>
                  <a:pt x="9108" y="1804"/>
                  <a:pt x="9182" y="1764"/>
                </a:cubicBezTo>
                <a:cubicBezTo>
                  <a:pt x="9256" y="1724"/>
                  <a:pt x="9128" y="1730"/>
                  <a:pt x="9172" y="1685"/>
                </a:cubicBezTo>
                <a:cubicBezTo>
                  <a:pt x="9216" y="1640"/>
                  <a:pt x="9425" y="1546"/>
                  <a:pt x="9444" y="1492"/>
                </a:cubicBezTo>
                <a:cubicBezTo>
                  <a:pt x="9463" y="1438"/>
                  <a:pt x="9284" y="1362"/>
                  <a:pt x="9284" y="1362"/>
                </a:cubicBezTo>
                <a:cubicBezTo>
                  <a:pt x="9305" y="1358"/>
                  <a:pt x="9325" y="1355"/>
                  <a:pt x="9346" y="1351"/>
                </a:cubicBezTo>
                <a:lnTo>
                  <a:pt x="9679" y="1146"/>
                </a:lnTo>
                <a:lnTo>
                  <a:pt x="9938" y="1178"/>
                </a:lnTo>
                <a:cubicBezTo>
                  <a:pt x="9959" y="1074"/>
                  <a:pt x="9979" y="969"/>
                  <a:pt x="10000" y="865"/>
                </a:cubicBezTo>
                <a:cubicBezTo>
                  <a:pt x="10000" y="865"/>
                  <a:pt x="9914" y="692"/>
                  <a:pt x="9914" y="627"/>
                </a:cubicBez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6" name="Finland"/>
          <p:cNvSpPr>
            <a:spLocks/>
          </p:cNvSpPr>
          <p:nvPr/>
        </p:nvSpPr>
        <p:spPr bwMode="auto">
          <a:xfrm>
            <a:off x="9746188" y="273050"/>
            <a:ext cx="1227138" cy="1990725"/>
          </a:xfrm>
          <a:custGeom>
            <a:avLst/>
            <a:gdLst>
              <a:gd name="T0" fmla="*/ 181 w 428"/>
              <a:gd name="T1" fmla="*/ 0 h 694"/>
              <a:gd name="T2" fmla="*/ 158 w 428"/>
              <a:gd name="T3" fmla="*/ 16 h 694"/>
              <a:gd name="T4" fmla="*/ 148 w 428"/>
              <a:gd name="T5" fmla="*/ 102 h 694"/>
              <a:gd name="T6" fmla="*/ 91 w 428"/>
              <a:gd name="T7" fmla="*/ 102 h 694"/>
              <a:gd name="T8" fmla="*/ 26 w 428"/>
              <a:gd name="T9" fmla="*/ 90 h 694"/>
              <a:gd name="T10" fmla="*/ 14 w 428"/>
              <a:gd name="T11" fmla="*/ 88 h 694"/>
              <a:gd name="T12" fmla="*/ 26 w 428"/>
              <a:gd name="T13" fmla="*/ 126 h 694"/>
              <a:gd name="T14" fmla="*/ 65 w 428"/>
              <a:gd name="T15" fmla="*/ 137 h 694"/>
              <a:gd name="T16" fmla="*/ 84 w 428"/>
              <a:gd name="T17" fmla="*/ 159 h 694"/>
              <a:gd name="T18" fmla="*/ 102 w 428"/>
              <a:gd name="T19" fmla="*/ 191 h 694"/>
              <a:gd name="T20" fmla="*/ 116 w 428"/>
              <a:gd name="T21" fmla="*/ 231 h 694"/>
              <a:gd name="T22" fmla="*/ 137 w 428"/>
              <a:gd name="T23" fmla="*/ 290 h 694"/>
              <a:gd name="T24" fmla="*/ 180 w 428"/>
              <a:gd name="T25" fmla="*/ 316 h 694"/>
              <a:gd name="T26" fmla="*/ 201 w 428"/>
              <a:gd name="T27" fmla="*/ 341 h 694"/>
              <a:gd name="T28" fmla="*/ 171 w 428"/>
              <a:gd name="T29" fmla="*/ 361 h 694"/>
              <a:gd name="T30" fmla="*/ 151 w 428"/>
              <a:gd name="T31" fmla="*/ 419 h 694"/>
              <a:gd name="T32" fmla="*/ 131 w 428"/>
              <a:gd name="T33" fmla="*/ 440 h 694"/>
              <a:gd name="T34" fmla="*/ 116 w 428"/>
              <a:gd name="T35" fmla="*/ 479 h 694"/>
              <a:gd name="T36" fmla="*/ 95 w 428"/>
              <a:gd name="T37" fmla="*/ 494 h 694"/>
              <a:gd name="T38" fmla="*/ 99 w 428"/>
              <a:gd name="T39" fmla="*/ 542 h 694"/>
              <a:gd name="T40" fmla="*/ 119 w 428"/>
              <a:gd name="T41" fmla="*/ 590 h 694"/>
              <a:gd name="T42" fmla="*/ 122 w 428"/>
              <a:gd name="T43" fmla="*/ 618 h 694"/>
              <a:gd name="T44" fmla="*/ 124 w 428"/>
              <a:gd name="T45" fmla="*/ 644 h 694"/>
              <a:gd name="T46" fmla="*/ 136 w 428"/>
              <a:gd name="T47" fmla="*/ 660 h 694"/>
              <a:gd name="T48" fmla="*/ 171 w 428"/>
              <a:gd name="T49" fmla="*/ 673 h 694"/>
              <a:gd name="T50" fmla="*/ 190 w 428"/>
              <a:gd name="T51" fmla="*/ 686 h 694"/>
              <a:gd name="T52" fmla="*/ 218 w 428"/>
              <a:gd name="T53" fmla="*/ 694 h 694"/>
              <a:gd name="T54" fmla="*/ 262 w 428"/>
              <a:gd name="T55" fmla="*/ 666 h 694"/>
              <a:gd name="T56" fmla="*/ 293 w 428"/>
              <a:gd name="T57" fmla="*/ 635 h 694"/>
              <a:gd name="T58" fmla="*/ 335 w 428"/>
              <a:gd name="T59" fmla="*/ 623 h 694"/>
              <a:gd name="T60" fmla="*/ 397 w 428"/>
              <a:gd name="T61" fmla="*/ 551 h 694"/>
              <a:gd name="T62" fmla="*/ 428 w 428"/>
              <a:gd name="T63" fmla="*/ 448 h 694"/>
              <a:gd name="T64" fmla="*/ 367 w 428"/>
              <a:gd name="T65" fmla="*/ 391 h 694"/>
              <a:gd name="T66" fmla="*/ 367 w 428"/>
              <a:gd name="T67" fmla="*/ 344 h 694"/>
              <a:gd name="T68" fmla="*/ 345 w 428"/>
              <a:gd name="T69" fmla="*/ 338 h 694"/>
              <a:gd name="T70" fmla="*/ 332 w 428"/>
              <a:gd name="T71" fmla="*/ 323 h 694"/>
              <a:gd name="T72" fmla="*/ 327 w 428"/>
              <a:gd name="T73" fmla="*/ 301 h 694"/>
              <a:gd name="T74" fmla="*/ 311 w 428"/>
              <a:gd name="T75" fmla="*/ 272 h 694"/>
              <a:gd name="T76" fmla="*/ 275 w 428"/>
              <a:gd name="T77" fmla="*/ 207 h 694"/>
              <a:gd name="T78" fmla="*/ 275 w 428"/>
              <a:gd name="T79" fmla="*/ 147 h 694"/>
              <a:gd name="T80" fmla="*/ 252 w 428"/>
              <a:gd name="T81" fmla="*/ 126 h 694"/>
              <a:gd name="T82" fmla="*/ 223 w 428"/>
              <a:gd name="T83" fmla="*/ 114 h 694"/>
              <a:gd name="T84" fmla="*/ 218 w 428"/>
              <a:gd name="T85" fmla="*/ 75 h 694"/>
              <a:gd name="T86" fmla="*/ 201 w 428"/>
              <a:gd name="T87" fmla="*/ 67 h 694"/>
              <a:gd name="T88" fmla="*/ 215 w 428"/>
              <a:gd name="T89" fmla="*/ 36 h 694"/>
              <a:gd name="T90" fmla="*/ 199 w 428"/>
              <a:gd name="T91" fmla="*/ 12 h 694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023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4860 w 10000"/>
              <a:gd name="connsiteY85" fmla="*/ 1081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680 w 10000"/>
              <a:gd name="connsiteY83" fmla="*/ 1617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44 w 10000"/>
              <a:gd name="connsiteY83" fmla="*/ 1551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507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</a:cxnLst>
            <a:rect l="l" t="t" r="r" b="b"/>
            <a:pathLst>
              <a:path w="10000" h="10000">
                <a:moveTo>
                  <a:pt x="4650" y="173"/>
                </a:moveTo>
                <a:lnTo>
                  <a:pt x="4229" y="0"/>
                </a:lnTo>
                <a:cubicBezTo>
                  <a:pt x="4167" y="58"/>
                  <a:pt x="4104" y="115"/>
                  <a:pt x="4042" y="173"/>
                </a:cubicBezTo>
                <a:lnTo>
                  <a:pt x="3692" y="231"/>
                </a:lnTo>
                <a:lnTo>
                  <a:pt x="3435" y="720"/>
                </a:lnTo>
                <a:cubicBezTo>
                  <a:pt x="3443" y="970"/>
                  <a:pt x="3450" y="1220"/>
                  <a:pt x="3458" y="1470"/>
                </a:cubicBezTo>
                <a:lnTo>
                  <a:pt x="2687" y="1801"/>
                </a:lnTo>
                <a:lnTo>
                  <a:pt x="2126" y="1470"/>
                </a:lnTo>
                <a:lnTo>
                  <a:pt x="1636" y="1657"/>
                </a:lnTo>
                <a:lnTo>
                  <a:pt x="607" y="1297"/>
                </a:lnTo>
                <a:lnTo>
                  <a:pt x="607" y="1297"/>
                </a:lnTo>
                <a:lnTo>
                  <a:pt x="327" y="1268"/>
                </a:lnTo>
                <a:lnTo>
                  <a:pt x="0" y="1542"/>
                </a:lnTo>
                <a:lnTo>
                  <a:pt x="607" y="1816"/>
                </a:lnTo>
                <a:lnTo>
                  <a:pt x="724" y="1830"/>
                </a:lnTo>
                <a:lnTo>
                  <a:pt x="1519" y="1974"/>
                </a:lnTo>
                <a:lnTo>
                  <a:pt x="1636" y="2046"/>
                </a:lnTo>
                <a:lnTo>
                  <a:pt x="1963" y="2291"/>
                </a:lnTo>
                <a:cubicBezTo>
                  <a:pt x="2017" y="2445"/>
                  <a:pt x="2072" y="2598"/>
                  <a:pt x="2126" y="2752"/>
                </a:cubicBezTo>
                <a:lnTo>
                  <a:pt x="2383" y="2752"/>
                </a:lnTo>
                <a:lnTo>
                  <a:pt x="2383" y="3012"/>
                </a:lnTo>
                <a:lnTo>
                  <a:pt x="2710" y="3329"/>
                </a:lnTo>
                <a:lnTo>
                  <a:pt x="2617" y="3689"/>
                </a:lnTo>
                <a:lnTo>
                  <a:pt x="3201" y="4179"/>
                </a:lnTo>
                <a:lnTo>
                  <a:pt x="3645" y="4395"/>
                </a:lnTo>
                <a:lnTo>
                  <a:pt x="4206" y="4553"/>
                </a:lnTo>
                <a:cubicBezTo>
                  <a:pt x="4253" y="4649"/>
                  <a:pt x="4299" y="4745"/>
                  <a:pt x="4346" y="4841"/>
                </a:cubicBezTo>
                <a:lnTo>
                  <a:pt x="4696" y="4914"/>
                </a:lnTo>
                <a:lnTo>
                  <a:pt x="4346" y="5029"/>
                </a:lnTo>
                <a:lnTo>
                  <a:pt x="3995" y="5202"/>
                </a:lnTo>
                <a:lnTo>
                  <a:pt x="3645" y="5692"/>
                </a:lnTo>
                <a:lnTo>
                  <a:pt x="3528" y="6037"/>
                </a:lnTo>
                <a:lnTo>
                  <a:pt x="3178" y="6182"/>
                </a:lnTo>
                <a:lnTo>
                  <a:pt x="3061" y="6340"/>
                </a:lnTo>
                <a:lnTo>
                  <a:pt x="2687" y="6427"/>
                </a:lnTo>
                <a:cubicBezTo>
                  <a:pt x="2695" y="6585"/>
                  <a:pt x="2702" y="6744"/>
                  <a:pt x="2710" y="6902"/>
                </a:cubicBezTo>
                <a:lnTo>
                  <a:pt x="2173" y="6902"/>
                </a:lnTo>
                <a:cubicBezTo>
                  <a:pt x="2189" y="6974"/>
                  <a:pt x="2204" y="7046"/>
                  <a:pt x="2220" y="7118"/>
                </a:cubicBezTo>
                <a:lnTo>
                  <a:pt x="1963" y="7507"/>
                </a:lnTo>
                <a:lnTo>
                  <a:pt x="2313" y="7810"/>
                </a:lnTo>
                <a:lnTo>
                  <a:pt x="2313" y="8141"/>
                </a:lnTo>
                <a:lnTo>
                  <a:pt x="2780" y="8501"/>
                </a:lnTo>
                <a:lnTo>
                  <a:pt x="2570" y="8602"/>
                </a:lnTo>
                <a:lnTo>
                  <a:pt x="2850" y="8905"/>
                </a:lnTo>
                <a:lnTo>
                  <a:pt x="2570" y="9063"/>
                </a:lnTo>
                <a:lnTo>
                  <a:pt x="2897" y="9280"/>
                </a:lnTo>
                <a:lnTo>
                  <a:pt x="2897" y="9582"/>
                </a:lnTo>
                <a:lnTo>
                  <a:pt x="3178" y="9510"/>
                </a:lnTo>
                <a:lnTo>
                  <a:pt x="3645" y="9553"/>
                </a:lnTo>
                <a:lnTo>
                  <a:pt x="3995" y="9697"/>
                </a:lnTo>
                <a:lnTo>
                  <a:pt x="4346" y="9669"/>
                </a:lnTo>
                <a:lnTo>
                  <a:pt x="4439" y="9885"/>
                </a:lnTo>
                <a:lnTo>
                  <a:pt x="4720" y="9914"/>
                </a:lnTo>
                <a:lnTo>
                  <a:pt x="5093" y="10000"/>
                </a:lnTo>
                <a:lnTo>
                  <a:pt x="5444" y="9755"/>
                </a:lnTo>
                <a:lnTo>
                  <a:pt x="6121" y="9597"/>
                </a:lnTo>
                <a:lnTo>
                  <a:pt x="6846" y="9337"/>
                </a:lnTo>
                <a:lnTo>
                  <a:pt x="6846" y="9150"/>
                </a:lnTo>
                <a:lnTo>
                  <a:pt x="7407" y="9207"/>
                </a:lnTo>
                <a:lnTo>
                  <a:pt x="7827" y="8977"/>
                </a:lnTo>
                <a:lnTo>
                  <a:pt x="8248" y="8977"/>
                </a:lnTo>
                <a:lnTo>
                  <a:pt x="9276" y="7939"/>
                </a:lnTo>
                <a:lnTo>
                  <a:pt x="10000" y="6787"/>
                </a:lnTo>
                <a:lnTo>
                  <a:pt x="10000" y="6455"/>
                </a:lnTo>
                <a:lnTo>
                  <a:pt x="10000" y="6066"/>
                </a:lnTo>
                <a:lnTo>
                  <a:pt x="8575" y="5634"/>
                </a:lnTo>
                <a:lnTo>
                  <a:pt x="8785" y="5216"/>
                </a:lnTo>
                <a:lnTo>
                  <a:pt x="8575" y="4957"/>
                </a:lnTo>
                <a:lnTo>
                  <a:pt x="8271" y="5029"/>
                </a:lnTo>
                <a:lnTo>
                  <a:pt x="8061" y="4870"/>
                </a:lnTo>
                <a:cubicBezTo>
                  <a:pt x="8053" y="4784"/>
                  <a:pt x="8045" y="4697"/>
                  <a:pt x="8037" y="4611"/>
                </a:cubicBezTo>
                <a:lnTo>
                  <a:pt x="7757" y="4654"/>
                </a:lnTo>
                <a:lnTo>
                  <a:pt x="7523" y="4539"/>
                </a:lnTo>
                <a:lnTo>
                  <a:pt x="7640" y="4337"/>
                </a:lnTo>
                <a:lnTo>
                  <a:pt x="7266" y="4251"/>
                </a:lnTo>
                <a:lnTo>
                  <a:pt x="7266" y="3919"/>
                </a:lnTo>
                <a:lnTo>
                  <a:pt x="7593" y="3732"/>
                </a:lnTo>
                <a:lnTo>
                  <a:pt x="6425" y="2983"/>
                </a:lnTo>
                <a:lnTo>
                  <a:pt x="6145" y="2839"/>
                </a:lnTo>
                <a:lnTo>
                  <a:pt x="6425" y="2118"/>
                </a:lnTo>
                <a:lnTo>
                  <a:pt x="6285" y="1873"/>
                </a:lnTo>
                <a:cubicBezTo>
                  <a:pt x="6153" y="1854"/>
                  <a:pt x="6035" y="1845"/>
                  <a:pt x="5888" y="1816"/>
                </a:cubicBezTo>
                <a:cubicBezTo>
                  <a:pt x="5741" y="1787"/>
                  <a:pt x="5438" y="1750"/>
                  <a:pt x="5400" y="1697"/>
                </a:cubicBezTo>
                <a:cubicBezTo>
                  <a:pt x="5362" y="1644"/>
                  <a:pt x="5614" y="1566"/>
                  <a:pt x="5659" y="1498"/>
                </a:cubicBezTo>
                <a:cubicBezTo>
                  <a:pt x="5704" y="1430"/>
                  <a:pt x="5689" y="1340"/>
                  <a:pt x="5673" y="1290"/>
                </a:cubicBezTo>
                <a:cubicBezTo>
                  <a:pt x="5657" y="1240"/>
                  <a:pt x="5592" y="1278"/>
                  <a:pt x="5564" y="1200"/>
                </a:cubicBezTo>
                <a:cubicBezTo>
                  <a:pt x="5536" y="1122"/>
                  <a:pt x="5537" y="896"/>
                  <a:pt x="5507" y="820"/>
                </a:cubicBezTo>
                <a:cubicBezTo>
                  <a:pt x="5477" y="744"/>
                  <a:pt x="5420" y="795"/>
                  <a:pt x="5386" y="745"/>
                </a:cubicBezTo>
                <a:cubicBezTo>
                  <a:pt x="5352" y="695"/>
                  <a:pt x="5300" y="519"/>
                  <a:pt x="5300" y="519"/>
                </a:cubicBezTo>
                <a:cubicBezTo>
                  <a:pt x="5293" y="453"/>
                  <a:pt x="5200" y="413"/>
                  <a:pt x="5193" y="347"/>
                </a:cubicBezTo>
                <a:lnTo>
                  <a:pt x="4650" y="173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67" name="Sweden"/>
          <p:cNvGrpSpPr/>
          <p:nvPr/>
        </p:nvGrpSpPr>
        <p:grpSpPr>
          <a:xfrm>
            <a:off x="9011176" y="550863"/>
            <a:ext cx="1127125" cy="2687638"/>
            <a:chOff x="9032196" y="550863"/>
            <a:chExt cx="1127125" cy="2687638"/>
          </a:xfrm>
          <a:solidFill>
            <a:srgbClr val="E1E0DC"/>
          </a:solidFill>
        </p:grpSpPr>
        <p:sp>
          <p:nvSpPr>
            <p:cNvPr id="68" name="Sweden"/>
            <p:cNvSpPr>
              <a:spLocks/>
            </p:cNvSpPr>
            <p:nvPr/>
          </p:nvSpPr>
          <p:spPr bwMode="auto">
            <a:xfrm>
              <a:off x="9032196" y="550863"/>
              <a:ext cx="1127125" cy="2687638"/>
            </a:xfrm>
            <a:custGeom>
              <a:avLst/>
              <a:gdLst>
                <a:gd name="T0" fmla="*/ 36 w 710"/>
                <a:gd name="T1" fmla="*/ 1178 h 1693"/>
                <a:gd name="T2" fmla="*/ 87 w 710"/>
                <a:gd name="T3" fmla="*/ 1051 h 1693"/>
                <a:gd name="T4" fmla="*/ 107 w 710"/>
                <a:gd name="T5" fmla="*/ 952 h 1693"/>
                <a:gd name="T6" fmla="*/ 40 w 710"/>
                <a:gd name="T7" fmla="*/ 817 h 1693"/>
                <a:gd name="T8" fmla="*/ 45 w 710"/>
                <a:gd name="T9" fmla="*/ 699 h 1693"/>
                <a:gd name="T10" fmla="*/ 147 w 710"/>
                <a:gd name="T11" fmla="*/ 636 h 1693"/>
                <a:gd name="T12" fmla="*/ 168 w 710"/>
                <a:gd name="T13" fmla="*/ 482 h 1693"/>
                <a:gd name="T14" fmla="*/ 222 w 710"/>
                <a:gd name="T15" fmla="*/ 349 h 1693"/>
                <a:gd name="T16" fmla="*/ 233 w 710"/>
                <a:gd name="T17" fmla="*/ 215 h 1693"/>
                <a:gd name="T18" fmla="*/ 289 w 710"/>
                <a:gd name="T19" fmla="*/ 150 h 1693"/>
                <a:gd name="T20" fmla="*/ 390 w 710"/>
                <a:gd name="T21" fmla="*/ 85 h 1693"/>
                <a:gd name="T22" fmla="*/ 425 w 710"/>
                <a:gd name="T23" fmla="*/ 60 h 1693"/>
                <a:gd name="T24" fmla="*/ 466 w 710"/>
                <a:gd name="T25" fmla="*/ 14 h 1693"/>
                <a:gd name="T26" fmla="*/ 614 w 710"/>
                <a:gd name="T27" fmla="*/ 107 h 1693"/>
                <a:gd name="T28" fmla="*/ 647 w 710"/>
                <a:gd name="T29" fmla="*/ 197 h 1693"/>
                <a:gd name="T30" fmla="*/ 710 w 710"/>
                <a:gd name="T31" fmla="*/ 343 h 1693"/>
                <a:gd name="T32" fmla="*/ 652 w 710"/>
                <a:gd name="T33" fmla="*/ 388 h 1693"/>
                <a:gd name="T34" fmla="*/ 562 w 710"/>
                <a:gd name="T35" fmla="*/ 443 h 1693"/>
                <a:gd name="T36" fmla="*/ 604 w 710"/>
                <a:gd name="T37" fmla="*/ 537 h 1693"/>
                <a:gd name="T38" fmla="*/ 490 w 710"/>
                <a:gd name="T39" fmla="*/ 683 h 1693"/>
                <a:gd name="T40" fmla="*/ 441 w 710"/>
                <a:gd name="T41" fmla="*/ 744 h 1693"/>
                <a:gd name="T42" fmla="*/ 385 w 710"/>
                <a:gd name="T43" fmla="*/ 817 h 1693"/>
                <a:gd name="T44" fmla="*/ 376 w 710"/>
                <a:gd name="T45" fmla="*/ 903 h 1693"/>
                <a:gd name="T46" fmla="*/ 407 w 710"/>
                <a:gd name="T47" fmla="*/ 1012 h 1693"/>
                <a:gd name="T48" fmla="*/ 490 w 710"/>
                <a:gd name="T49" fmla="*/ 1060 h 1693"/>
                <a:gd name="T50" fmla="*/ 539 w 710"/>
                <a:gd name="T51" fmla="*/ 1107 h 1693"/>
                <a:gd name="T52" fmla="*/ 454 w 710"/>
                <a:gd name="T53" fmla="*/ 1156 h 1693"/>
                <a:gd name="T54" fmla="*/ 439 w 710"/>
                <a:gd name="T55" fmla="*/ 1169 h 1693"/>
                <a:gd name="T56" fmla="*/ 347 w 710"/>
                <a:gd name="T57" fmla="*/ 1187 h 1693"/>
                <a:gd name="T58" fmla="*/ 446 w 710"/>
                <a:gd name="T59" fmla="*/ 1241 h 1693"/>
                <a:gd name="T60" fmla="*/ 409 w 710"/>
                <a:gd name="T61" fmla="*/ 1312 h 1693"/>
                <a:gd name="T62" fmla="*/ 407 w 710"/>
                <a:gd name="T63" fmla="*/ 1398 h 1693"/>
                <a:gd name="T64" fmla="*/ 383 w 710"/>
                <a:gd name="T65" fmla="*/ 1523 h 1693"/>
                <a:gd name="T66" fmla="*/ 282 w 710"/>
                <a:gd name="T67" fmla="*/ 1583 h 1693"/>
                <a:gd name="T68" fmla="*/ 244 w 710"/>
                <a:gd name="T69" fmla="*/ 1626 h 1693"/>
                <a:gd name="T70" fmla="*/ 213 w 710"/>
                <a:gd name="T71" fmla="*/ 1680 h 1693"/>
                <a:gd name="T72" fmla="*/ 147 w 710"/>
                <a:gd name="T73" fmla="*/ 1659 h 1693"/>
                <a:gd name="T74" fmla="*/ 109 w 710"/>
                <a:gd name="T75" fmla="*/ 1588 h 1693"/>
                <a:gd name="T76" fmla="*/ 141 w 710"/>
                <a:gd name="T77" fmla="*/ 1537 h 1693"/>
                <a:gd name="T78" fmla="*/ 54 w 710"/>
                <a:gd name="T79" fmla="*/ 1456 h 1693"/>
                <a:gd name="T80" fmla="*/ 51 w 710"/>
                <a:gd name="T81" fmla="*/ 1348 h 1693"/>
                <a:gd name="T82" fmla="*/ 0 w 710"/>
                <a:gd name="T83" fmla="*/ 1330 h 16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10" h="1693">
                  <a:moveTo>
                    <a:pt x="0" y="1257"/>
                  </a:moveTo>
                  <a:lnTo>
                    <a:pt x="36" y="1257"/>
                  </a:lnTo>
                  <a:lnTo>
                    <a:pt x="36" y="1178"/>
                  </a:lnTo>
                  <a:lnTo>
                    <a:pt x="51" y="1144"/>
                  </a:lnTo>
                  <a:lnTo>
                    <a:pt x="96" y="1122"/>
                  </a:lnTo>
                  <a:lnTo>
                    <a:pt x="87" y="1051"/>
                  </a:lnTo>
                  <a:lnTo>
                    <a:pt x="63" y="1008"/>
                  </a:lnTo>
                  <a:lnTo>
                    <a:pt x="87" y="1008"/>
                  </a:lnTo>
                  <a:lnTo>
                    <a:pt x="107" y="952"/>
                  </a:lnTo>
                  <a:lnTo>
                    <a:pt x="62" y="927"/>
                  </a:lnTo>
                  <a:lnTo>
                    <a:pt x="69" y="851"/>
                  </a:lnTo>
                  <a:lnTo>
                    <a:pt x="40" y="817"/>
                  </a:lnTo>
                  <a:lnTo>
                    <a:pt x="62" y="768"/>
                  </a:lnTo>
                  <a:lnTo>
                    <a:pt x="38" y="743"/>
                  </a:lnTo>
                  <a:lnTo>
                    <a:pt x="45" y="699"/>
                  </a:lnTo>
                  <a:lnTo>
                    <a:pt x="74" y="654"/>
                  </a:lnTo>
                  <a:lnTo>
                    <a:pt x="107" y="636"/>
                  </a:lnTo>
                  <a:lnTo>
                    <a:pt x="147" y="636"/>
                  </a:lnTo>
                  <a:lnTo>
                    <a:pt x="168" y="598"/>
                  </a:lnTo>
                  <a:lnTo>
                    <a:pt x="138" y="574"/>
                  </a:lnTo>
                  <a:lnTo>
                    <a:pt x="168" y="482"/>
                  </a:lnTo>
                  <a:lnTo>
                    <a:pt x="168" y="376"/>
                  </a:lnTo>
                  <a:lnTo>
                    <a:pt x="212" y="376"/>
                  </a:lnTo>
                  <a:lnTo>
                    <a:pt x="222" y="349"/>
                  </a:lnTo>
                  <a:lnTo>
                    <a:pt x="204" y="338"/>
                  </a:lnTo>
                  <a:lnTo>
                    <a:pt x="271" y="255"/>
                  </a:lnTo>
                  <a:lnTo>
                    <a:pt x="233" y="215"/>
                  </a:lnTo>
                  <a:lnTo>
                    <a:pt x="257" y="215"/>
                  </a:lnTo>
                  <a:lnTo>
                    <a:pt x="271" y="150"/>
                  </a:lnTo>
                  <a:lnTo>
                    <a:pt x="289" y="150"/>
                  </a:lnTo>
                  <a:lnTo>
                    <a:pt x="320" y="150"/>
                  </a:lnTo>
                  <a:lnTo>
                    <a:pt x="320" y="85"/>
                  </a:lnTo>
                  <a:lnTo>
                    <a:pt x="390" y="85"/>
                  </a:lnTo>
                  <a:lnTo>
                    <a:pt x="403" y="94"/>
                  </a:lnTo>
                  <a:lnTo>
                    <a:pt x="425" y="85"/>
                  </a:lnTo>
                  <a:lnTo>
                    <a:pt x="425" y="60"/>
                  </a:lnTo>
                  <a:lnTo>
                    <a:pt x="436" y="23"/>
                  </a:lnTo>
                  <a:lnTo>
                    <a:pt x="403" y="0"/>
                  </a:lnTo>
                  <a:lnTo>
                    <a:pt x="466" y="14"/>
                  </a:lnTo>
                  <a:lnTo>
                    <a:pt x="510" y="47"/>
                  </a:lnTo>
                  <a:lnTo>
                    <a:pt x="580" y="67"/>
                  </a:lnTo>
                  <a:lnTo>
                    <a:pt x="614" y="107"/>
                  </a:lnTo>
                  <a:lnTo>
                    <a:pt x="627" y="164"/>
                  </a:lnTo>
                  <a:lnTo>
                    <a:pt x="647" y="164"/>
                  </a:lnTo>
                  <a:lnTo>
                    <a:pt x="647" y="197"/>
                  </a:lnTo>
                  <a:lnTo>
                    <a:pt x="674" y="237"/>
                  </a:lnTo>
                  <a:lnTo>
                    <a:pt x="667" y="285"/>
                  </a:lnTo>
                  <a:lnTo>
                    <a:pt x="710" y="343"/>
                  </a:lnTo>
                  <a:lnTo>
                    <a:pt x="710" y="363"/>
                  </a:lnTo>
                  <a:lnTo>
                    <a:pt x="656" y="370"/>
                  </a:lnTo>
                  <a:lnTo>
                    <a:pt x="652" y="388"/>
                  </a:lnTo>
                  <a:lnTo>
                    <a:pt x="620" y="372"/>
                  </a:lnTo>
                  <a:lnTo>
                    <a:pt x="589" y="426"/>
                  </a:lnTo>
                  <a:lnTo>
                    <a:pt x="562" y="443"/>
                  </a:lnTo>
                  <a:lnTo>
                    <a:pt x="580" y="462"/>
                  </a:lnTo>
                  <a:lnTo>
                    <a:pt x="564" y="508"/>
                  </a:lnTo>
                  <a:lnTo>
                    <a:pt x="604" y="537"/>
                  </a:lnTo>
                  <a:lnTo>
                    <a:pt x="564" y="602"/>
                  </a:lnTo>
                  <a:lnTo>
                    <a:pt x="562" y="638"/>
                  </a:lnTo>
                  <a:lnTo>
                    <a:pt x="490" y="683"/>
                  </a:lnTo>
                  <a:lnTo>
                    <a:pt x="477" y="712"/>
                  </a:lnTo>
                  <a:lnTo>
                    <a:pt x="454" y="714"/>
                  </a:lnTo>
                  <a:lnTo>
                    <a:pt x="441" y="744"/>
                  </a:lnTo>
                  <a:lnTo>
                    <a:pt x="414" y="773"/>
                  </a:lnTo>
                  <a:lnTo>
                    <a:pt x="416" y="791"/>
                  </a:lnTo>
                  <a:lnTo>
                    <a:pt x="385" y="817"/>
                  </a:lnTo>
                  <a:lnTo>
                    <a:pt x="400" y="851"/>
                  </a:lnTo>
                  <a:lnTo>
                    <a:pt x="412" y="902"/>
                  </a:lnTo>
                  <a:lnTo>
                    <a:pt x="376" y="903"/>
                  </a:lnTo>
                  <a:lnTo>
                    <a:pt x="387" y="932"/>
                  </a:lnTo>
                  <a:lnTo>
                    <a:pt x="381" y="970"/>
                  </a:lnTo>
                  <a:lnTo>
                    <a:pt x="407" y="1012"/>
                  </a:lnTo>
                  <a:lnTo>
                    <a:pt x="405" y="1032"/>
                  </a:lnTo>
                  <a:lnTo>
                    <a:pt x="450" y="1032"/>
                  </a:lnTo>
                  <a:lnTo>
                    <a:pt x="490" y="1060"/>
                  </a:lnTo>
                  <a:lnTo>
                    <a:pt x="497" y="1088"/>
                  </a:lnTo>
                  <a:lnTo>
                    <a:pt x="517" y="1082"/>
                  </a:lnTo>
                  <a:lnTo>
                    <a:pt x="539" y="1107"/>
                  </a:lnTo>
                  <a:lnTo>
                    <a:pt x="517" y="1135"/>
                  </a:lnTo>
                  <a:lnTo>
                    <a:pt x="484" y="1169"/>
                  </a:lnTo>
                  <a:lnTo>
                    <a:pt x="454" y="1156"/>
                  </a:lnTo>
                  <a:lnTo>
                    <a:pt x="456" y="1133"/>
                  </a:lnTo>
                  <a:lnTo>
                    <a:pt x="430" y="1129"/>
                  </a:lnTo>
                  <a:lnTo>
                    <a:pt x="439" y="1169"/>
                  </a:lnTo>
                  <a:lnTo>
                    <a:pt x="409" y="1162"/>
                  </a:lnTo>
                  <a:lnTo>
                    <a:pt x="356" y="1162"/>
                  </a:lnTo>
                  <a:lnTo>
                    <a:pt x="347" y="1187"/>
                  </a:lnTo>
                  <a:lnTo>
                    <a:pt x="418" y="1192"/>
                  </a:lnTo>
                  <a:lnTo>
                    <a:pt x="456" y="1192"/>
                  </a:lnTo>
                  <a:lnTo>
                    <a:pt x="446" y="1241"/>
                  </a:lnTo>
                  <a:lnTo>
                    <a:pt x="421" y="1263"/>
                  </a:lnTo>
                  <a:lnTo>
                    <a:pt x="394" y="1275"/>
                  </a:lnTo>
                  <a:lnTo>
                    <a:pt x="409" y="1312"/>
                  </a:lnTo>
                  <a:lnTo>
                    <a:pt x="409" y="1346"/>
                  </a:lnTo>
                  <a:lnTo>
                    <a:pt x="394" y="1368"/>
                  </a:lnTo>
                  <a:lnTo>
                    <a:pt x="407" y="1398"/>
                  </a:lnTo>
                  <a:lnTo>
                    <a:pt x="394" y="1434"/>
                  </a:lnTo>
                  <a:lnTo>
                    <a:pt x="400" y="1480"/>
                  </a:lnTo>
                  <a:lnTo>
                    <a:pt x="383" y="1523"/>
                  </a:lnTo>
                  <a:lnTo>
                    <a:pt x="372" y="1574"/>
                  </a:lnTo>
                  <a:lnTo>
                    <a:pt x="336" y="1574"/>
                  </a:lnTo>
                  <a:lnTo>
                    <a:pt x="282" y="1583"/>
                  </a:lnTo>
                  <a:lnTo>
                    <a:pt x="273" y="1603"/>
                  </a:lnTo>
                  <a:lnTo>
                    <a:pt x="242" y="1603"/>
                  </a:lnTo>
                  <a:lnTo>
                    <a:pt x="244" y="1626"/>
                  </a:lnTo>
                  <a:lnTo>
                    <a:pt x="257" y="1662"/>
                  </a:lnTo>
                  <a:lnTo>
                    <a:pt x="257" y="1680"/>
                  </a:lnTo>
                  <a:lnTo>
                    <a:pt x="213" y="1680"/>
                  </a:lnTo>
                  <a:lnTo>
                    <a:pt x="179" y="1693"/>
                  </a:lnTo>
                  <a:lnTo>
                    <a:pt x="147" y="1680"/>
                  </a:lnTo>
                  <a:lnTo>
                    <a:pt x="147" y="1659"/>
                  </a:lnTo>
                  <a:lnTo>
                    <a:pt x="148" y="1646"/>
                  </a:lnTo>
                  <a:lnTo>
                    <a:pt x="121" y="1612"/>
                  </a:lnTo>
                  <a:lnTo>
                    <a:pt x="109" y="1588"/>
                  </a:lnTo>
                  <a:lnTo>
                    <a:pt x="121" y="1574"/>
                  </a:lnTo>
                  <a:lnTo>
                    <a:pt x="119" y="1559"/>
                  </a:lnTo>
                  <a:lnTo>
                    <a:pt x="141" y="1537"/>
                  </a:lnTo>
                  <a:lnTo>
                    <a:pt x="94" y="1512"/>
                  </a:lnTo>
                  <a:lnTo>
                    <a:pt x="87" y="1481"/>
                  </a:lnTo>
                  <a:lnTo>
                    <a:pt x="54" y="1456"/>
                  </a:lnTo>
                  <a:lnTo>
                    <a:pt x="62" y="1409"/>
                  </a:lnTo>
                  <a:lnTo>
                    <a:pt x="44" y="1398"/>
                  </a:lnTo>
                  <a:lnTo>
                    <a:pt x="51" y="1348"/>
                  </a:lnTo>
                  <a:lnTo>
                    <a:pt x="42" y="1322"/>
                  </a:lnTo>
                  <a:lnTo>
                    <a:pt x="29" y="1351"/>
                  </a:lnTo>
                  <a:lnTo>
                    <a:pt x="0" y="1330"/>
                  </a:lnTo>
                  <a:lnTo>
                    <a:pt x="0" y="1299"/>
                  </a:lnTo>
                  <a:lnTo>
                    <a:pt x="0" y="12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9" name="Sweden"/>
            <p:cNvSpPr>
              <a:spLocks/>
            </p:cNvSpPr>
            <p:nvPr/>
          </p:nvSpPr>
          <p:spPr bwMode="auto">
            <a:xfrm>
              <a:off x="9864046" y="2687638"/>
              <a:ext cx="103188" cy="188913"/>
            </a:xfrm>
            <a:custGeom>
              <a:avLst/>
              <a:gdLst>
                <a:gd name="T0" fmla="*/ 0 w 65"/>
                <a:gd name="T1" fmla="*/ 43 h 119"/>
                <a:gd name="T2" fmla="*/ 38 w 65"/>
                <a:gd name="T3" fmla="*/ 0 h 119"/>
                <a:gd name="T4" fmla="*/ 65 w 65"/>
                <a:gd name="T5" fmla="*/ 7 h 119"/>
                <a:gd name="T6" fmla="*/ 49 w 65"/>
                <a:gd name="T7" fmla="*/ 49 h 119"/>
                <a:gd name="T8" fmla="*/ 62 w 65"/>
                <a:gd name="T9" fmla="*/ 58 h 119"/>
                <a:gd name="T10" fmla="*/ 20 w 65"/>
                <a:gd name="T11" fmla="*/ 119 h 119"/>
                <a:gd name="T12" fmla="*/ 7 w 65"/>
                <a:gd name="T13" fmla="*/ 116 h 119"/>
                <a:gd name="T14" fmla="*/ 0 w 65"/>
                <a:gd name="T15" fmla="*/ 72 h 119"/>
                <a:gd name="T16" fmla="*/ 0 w 65"/>
                <a:gd name="T17" fmla="*/ 43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5" h="119">
                  <a:moveTo>
                    <a:pt x="0" y="43"/>
                  </a:moveTo>
                  <a:lnTo>
                    <a:pt x="38" y="0"/>
                  </a:lnTo>
                  <a:lnTo>
                    <a:pt x="65" y="7"/>
                  </a:lnTo>
                  <a:lnTo>
                    <a:pt x="49" y="49"/>
                  </a:lnTo>
                  <a:lnTo>
                    <a:pt x="62" y="58"/>
                  </a:lnTo>
                  <a:lnTo>
                    <a:pt x="20" y="119"/>
                  </a:lnTo>
                  <a:lnTo>
                    <a:pt x="7" y="116"/>
                  </a:lnTo>
                  <a:lnTo>
                    <a:pt x="0" y="72"/>
                  </a:lnTo>
                  <a:lnTo>
                    <a:pt x="0" y="4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0" name="Sweden"/>
            <p:cNvSpPr>
              <a:spLocks/>
            </p:cNvSpPr>
            <p:nvPr/>
          </p:nvSpPr>
          <p:spPr bwMode="auto">
            <a:xfrm>
              <a:off x="9721171" y="2808288"/>
              <a:ext cx="28575" cy="74613"/>
            </a:xfrm>
            <a:custGeom>
              <a:avLst/>
              <a:gdLst>
                <a:gd name="T0" fmla="*/ 2 w 18"/>
                <a:gd name="T1" fmla="*/ 41 h 47"/>
                <a:gd name="T2" fmla="*/ 0 w 18"/>
                <a:gd name="T3" fmla="*/ 11 h 47"/>
                <a:gd name="T4" fmla="*/ 12 w 18"/>
                <a:gd name="T5" fmla="*/ 0 h 47"/>
                <a:gd name="T6" fmla="*/ 18 w 18"/>
                <a:gd name="T7" fmla="*/ 16 h 47"/>
                <a:gd name="T8" fmla="*/ 11 w 18"/>
                <a:gd name="T9" fmla="*/ 47 h 47"/>
                <a:gd name="T10" fmla="*/ 2 w 18"/>
                <a:gd name="T11" fmla="*/ 41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8" h="47">
                  <a:moveTo>
                    <a:pt x="2" y="41"/>
                  </a:moveTo>
                  <a:lnTo>
                    <a:pt x="0" y="11"/>
                  </a:lnTo>
                  <a:lnTo>
                    <a:pt x="12" y="0"/>
                  </a:lnTo>
                  <a:lnTo>
                    <a:pt x="18" y="16"/>
                  </a:lnTo>
                  <a:lnTo>
                    <a:pt x="11" y="47"/>
                  </a:lnTo>
                  <a:lnTo>
                    <a:pt x="2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1" name="Sweden"/>
            <p:cNvSpPr>
              <a:spLocks/>
            </p:cNvSpPr>
            <p:nvPr/>
          </p:nvSpPr>
          <p:spPr bwMode="auto">
            <a:xfrm>
              <a:off x="9675133" y="2882900"/>
              <a:ext cx="49213" cy="163513"/>
            </a:xfrm>
            <a:custGeom>
              <a:avLst/>
              <a:gdLst>
                <a:gd name="T0" fmla="*/ 22 w 31"/>
                <a:gd name="T1" fmla="*/ 9 h 103"/>
                <a:gd name="T2" fmla="*/ 22 w 31"/>
                <a:gd name="T3" fmla="*/ 0 h 103"/>
                <a:gd name="T4" fmla="*/ 31 w 31"/>
                <a:gd name="T5" fmla="*/ 11 h 103"/>
                <a:gd name="T6" fmla="*/ 22 w 31"/>
                <a:gd name="T7" fmla="*/ 32 h 103"/>
                <a:gd name="T8" fmla="*/ 20 w 31"/>
                <a:gd name="T9" fmla="*/ 47 h 103"/>
                <a:gd name="T10" fmla="*/ 22 w 31"/>
                <a:gd name="T11" fmla="*/ 83 h 103"/>
                <a:gd name="T12" fmla="*/ 9 w 31"/>
                <a:gd name="T13" fmla="*/ 103 h 103"/>
                <a:gd name="T14" fmla="*/ 0 w 31"/>
                <a:gd name="T15" fmla="*/ 81 h 103"/>
                <a:gd name="T16" fmla="*/ 0 w 31"/>
                <a:gd name="T17" fmla="*/ 50 h 103"/>
                <a:gd name="T18" fmla="*/ 7 w 31"/>
                <a:gd name="T19" fmla="*/ 29 h 103"/>
                <a:gd name="T20" fmla="*/ 22 w 31"/>
                <a:gd name="T21" fmla="*/ 9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31" h="103">
                  <a:moveTo>
                    <a:pt x="22" y="9"/>
                  </a:moveTo>
                  <a:lnTo>
                    <a:pt x="22" y="0"/>
                  </a:lnTo>
                  <a:lnTo>
                    <a:pt x="31" y="11"/>
                  </a:lnTo>
                  <a:lnTo>
                    <a:pt x="22" y="32"/>
                  </a:lnTo>
                  <a:lnTo>
                    <a:pt x="20" y="47"/>
                  </a:lnTo>
                  <a:lnTo>
                    <a:pt x="22" y="83"/>
                  </a:lnTo>
                  <a:lnTo>
                    <a:pt x="9" y="103"/>
                  </a:lnTo>
                  <a:lnTo>
                    <a:pt x="0" y="81"/>
                  </a:lnTo>
                  <a:lnTo>
                    <a:pt x="0" y="50"/>
                  </a:lnTo>
                  <a:lnTo>
                    <a:pt x="7" y="29"/>
                  </a:lnTo>
                  <a:lnTo>
                    <a:pt x="22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2" name="Sweden"/>
            <p:cNvSpPr>
              <a:spLocks/>
            </p:cNvSpPr>
            <p:nvPr/>
          </p:nvSpPr>
          <p:spPr bwMode="auto">
            <a:xfrm>
              <a:off x="9770383" y="2446338"/>
              <a:ext cx="57150" cy="84138"/>
            </a:xfrm>
            <a:custGeom>
              <a:avLst/>
              <a:gdLst>
                <a:gd name="T0" fmla="*/ 7 w 20"/>
                <a:gd name="T1" fmla="*/ 2 h 29"/>
                <a:gd name="T2" fmla="*/ 15 w 20"/>
                <a:gd name="T3" fmla="*/ 0 h 29"/>
                <a:gd name="T4" fmla="*/ 20 w 20"/>
                <a:gd name="T5" fmla="*/ 7 h 29"/>
                <a:gd name="T6" fmla="*/ 14 w 20"/>
                <a:gd name="T7" fmla="*/ 14 h 29"/>
                <a:gd name="T8" fmla="*/ 10 w 20"/>
                <a:gd name="T9" fmla="*/ 17 h 29"/>
                <a:gd name="T10" fmla="*/ 10 w 20"/>
                <a:gd name="T11" fmla="*/ 29 h 29"/>
                <a:gd name="T12" fmla="*/ 3 w 20"/>
                <a:gd name="T13" fmla="*/ 19 h 29"/>
                <a:gd name="T14" fmla="*/ 0 w 20"/>
                <a:gd name="T15" fmla="*/ 11 h 29"/>
                <a:gd name="T16" fmla="*/ 4 w 20"/>
                <a:gd name="T17" fmla="*/ 2 h 29"/>
                <a:gd name="T18" fmla="*/ 7 w 20"/>
                <a:gd name="T19" fmla="*/ 2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29">
                  <a:moveTo>
                    <a:pt x="7" y="2"/>
                  </a:moveTo>
                  <a:cubicBezTo>
                    <a:pt x="7" y="2"/>
                    <a:pt x="14" y="0"/>
                    <a:pt x="15" y="0"/>
                  </a:cubicBezTo>
                  <a:cubicBezTo>
                    <a:pt x="15" y="1"/>
                    <a:pt x="20" y="7"/>
                    <a:pt x="20" y="7"/>
                  </a:cubicBezTo>
                  <a:cubicBezTo>
                    <a:pt x="14" y="14"/>
                    <a:pt x="14" y="14"/>
                    <a:pt x="14" y="14"/>
                  </a:cubicBezTo>
                  <a:cubicBezTo>
                    <a:pt x="14" y="14"/>
                    <a:pt x="11" y="17"/>
                    <a:pt x="10" y="17"/>
                  </a:cubicBezTo>
                  <a:cubicBezTo>
                    <a:pt x="10" y="18"/>
                    <a:pt x="10" y="29"/>
                    <a:pt x="10" y="29"/>
                  </a:cubicBezTo>
                  <a:cubicBezTo>
                    <a:pt x="3" y="19"/>
                    <a:pt x="3" y="19"/>
                    <a:pt x="3" y="19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4" y="2"/>
                    <a:pt x="4" y="2"/>
                    <a:pt x="4" y="2"/>
                  </a:cubicBezTo>
                  <a:lnTo>
                    <a:pt x="7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3" name="Sweden"/>
            <p:cNvSpPr>
              <a:spLocks/>
            </p:cNvSpPr>
            <p:nvPr/>
          </p:nvSpPr>
          <p:spPr bwMode="auto">
            <a:xfrm>
              <a:off x="9818008" y="2424113"/>
              <a:ext cx="23813" cy="31750"/>
            </a:xfrm>
            <a:custGeom>
              <a:avLst/>
              <a:gdLst>
                <a:gd name="T0" fmla="*/ 0 w 8"/>
                <a:gd name="T1" fmla="*/ 4 h 11"/>
                <a:gd name="T2" fmla="*/ 8 w 8"/>
                <a:gd name="T3" fmla="*/ 11 h 11"/>
                <a:gd name="T4" fmla="*/ 8 w 8"/>
                <a:gd name="T5" fmla="*/ 3 h 11"/>
                <a:gd name="T6" fmla="*/ 0 w 8"/>
                <a:gd name="T7" fmla="*/ 0 h 11"/>
                <a:gd name="T8" fmla="*/ 0 w 8"/>
                <a:gd name="T9" fmla="*/ 4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1">
                  <a:moveTo>
                    <a:pt x="0" y="4"/>
                  </a:moveTo>
                  <a:cubicBezTo>
                    <a:pt x="0" y="5"/>
                    <a:pt x="8" y="11"/>
                    <a:pt x="8" y="11"/>
                  </a:cubicBezTo>
                  <a:cubicBezTo>
                    <a:pt x="8" y="3"/>
                    <a:pt x="8" y="3"/>
                    <a:pt x="8" y="3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74" name="Text"/>
          <p:cNvGrpSpPr/>
          <p:nvPr/>
        </p:nvGrpSpPr>
        <p:grpSpPr>
          <a:xfrm>
            <a:off x="5628283" y="1603376"/>
            <a:ext cx="6390770" cy="4647174"/>
            <a:chOff x="5649303" y="1603376"/>
            <a:chExt cx="6390770" cy="4647174"/>
          </a:xfrm>
        </p:grpSpPr>
        <p:sp>
          <p:nvSpPr>
            <p:cNvPr id="75" name="Turkey Text"/>
            <p:cNvSpPr txBox="1"/>
            <p:nvPr/>
          </p:nvSpPr>
          <p:spPr>
            <a:xfrm>
              <a:off x="11788401" y="5884075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76" name="Bulgaria Text"/>
            <p:cNvSpPr txBox="1"/>
            <p:nvPr/>
          </p:nvSpPr>
          <p:spPr>
            <a:xfrm>
              <a:off x="11175320" y="5448201"/>
              <a:ext cx="29976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77" name="Romania Text"/>
            <p:cNvSpPr txBox="1"/>
            <p:nvPr/>
          </p:nvSpPr>
          <p:spPr>
            <a:xfrm>
              <a:off x="10945205" y="4841670"/>
              <a:ext cx="32380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78" name="Moldova Text"/>
            <p:cNvSpPr txBox="1"/>
            <p:nvPr/>
          </p:nvSpPr>
          <p:spPr>
            <a:xfrm>
              <a:off x="11502482" y="4447743"/>
              <a:ext cx="314189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79" name="Ukraine Text"/>
            <p:cNvSpPr txBox="1"/>
            <p:nvPr/>
          </p:nvSpPr>
          <p:spPr>
            <a:xfrm>
              <a:off x="11358314" y="3914529"/>
              <a:ext cx="2837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80" name="Belarus Text"/>
            <p:cNvSpPr txBox="1"/>
            <p:nvPr/>
          </p:nvSpPr>
          <p:spPr>
            <a:xfrm>
              <a:off x="11128766" y="3253935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81" name="Lithuania Text"/>
            <p:cNvSpPr txBox="1"/>
            <p:nvPr/>
          </p:nvSpPr>
          <p:spPr>
            <a:xfrm>
              <a:off x="10446517" y="3045434"/>
              <a:ext cx="34304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82" name="Latvia Text"/>
            <p:cNvSpPr txBox="1"/>
            <p:nvPr/>
          </p:nvSpPr>
          <p:spPr>
            <a:xfrm>
              <a:off x="10625856" y="2723156"/>
              <a:ext cx="22602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83" name="Estonia Text"/>
            <p:cNvSpPr txBox="1"/>
            <p:nvPr/>
          </p:nvSpPr>
          <p:spPr>
            <a:xfrm>
              <a:off x="10520330" y="2368611"/>
              <a:ext cx="272510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84" name="Russia Text"/>
            <p:cNvSpPr txBox="1"/>
            <p:nvPr/>
          </p:nvSpPr>
          <p:spPr>
            <a:xfrm>
              <a:off x="11333686" y="1740823"/>
              <a:ext cx="23243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85" name="Greece Text"/>
            <p:cNvSpPr txBox="1"/>
            <p:nvPr/>
          </p:nvSpPr>
          <p:spPr>
            <a:xfrm>
              <a:off x="10750982" y="6160525"/>
              <a:ext cx="25167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86" name="Albania Text"/>
            <p:cNvSpPr txBox="1"/>
            <p:nvPr/>
          </p:nvSpPr>
          <p:spPr>
            <a:xfrm>
              <a:off x="10488488" y="5896499"/>
              <a:ext cx="27571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87" name="Makedonia Text"/>
            <p:cNvSpPr txBox="1"/>
            <p:nvPr/>
          </p:nvSpPr>
          <p:spPr>
            <a:xfrm>
              <a:off x="10600786" y="5673747"/>
              <a:ext cx="39594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88" name="Kosovo Text"/>
            <p:cNvSpPr txBox="1"/>
            <p:nvPr/>
          </p:nvSpPr>
          <p:spPr>
            <a:xfrm>
              <a:off x="10680608" y="5486132"/>
              <a:ext cx="269304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Kosovo</a:t>
              </a:r>
            </a:p>
          </p:txBody>
        </p:sp>
        <p:sp>
          <p:nvSpPr>
            <p:cNvPr id="89" name="Montenegro Text"/>
            <p:cNvSpPr txBox="1"/>
            <p:nvPr/>
          </p:nvSpPr>
          <p:spPr>
            <a:xfrm>
              <a:off x="10271548" y="5481130"/>
              <a:ext cx="264496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nte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negro</a:t>
              </a:r>
            </a:p>
          </p:txBody>
        </p:sp>
        <p:sp>
          <p:nvSpPr>
            <p:cNvPr id="90" name="Serbia Text"/>
            <p:cNvSpPr txBox="1"/>
            <p:nvPr/>
          </p:nvSpPr>
          <p:spPr>
            <a:xfrm>
              <a:off x="10421442" y="5199562"/>
              <a:ext cx="2308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erbia</a:t>
              </a:r>
            </a:p>
          </p:txBody>
        </p:sp>
        <p:sp>
          <p:nvSpPr>
            <p:cNvPr id="91" name="Bosnia &amp; Herzegovina Text"/>
            <p:cNvSpPr txBox="1"/>
            <p:nvPr/>
          </p:nvSpPr>
          <p:spPr>
            <a:xfrm>
              <a:off x="9856795" y="5205454"/>
              <a:ext cx="472206" cy="1800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osnia &amp; 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Herzegovina</a:t>
              </a:r>
            </a:p>
          </p:txBody>
        </p:sp>
        <p:sp>
          <p:nvSpPr>
            <p:cNvPr id="92" name="Croatia Text"/>
            <p:cNvSpPr txBox="1"/>
            <p:nvPr/>
          </p:nvSpPr>
          <p:spPr>
            <a:xfrm>
              <a:off x="9589725" y="5090075"/>
              <a:ext cx="26289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93" name="Slovenia Text"/>
            <p:cNvSpPr txBox="1"/>
            <p:nvPr/>
          </p:nvSpPr>
          <p:spPr>
            <a:xfrm>
              <a:off x="9465688" y="4946695"/>
              <a:ext cx="310983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94" name="Hungary Text"/>
            <p:cNvSpPr txBox="1"/>
            <p:nvPr/>
          </p:nvSpPr>
          <p:spPr>
            <a:xfrm>
              <a:off x="10110459" y="4708613"/>
              <a:ext cx="31098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95" name="Italy Text"/>
            <p:cNvSpPr txBox="1"/>
            <p:nvPr/>
          </p:nvSpPr>
          <p:spPr>
            <a:xfrm>
              <a:off x="9235159" y="5623720"/>
              <a:ext cx="16190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96" name="Austria Text"/>
            <p:cNvSpPr txBox="1"/>
            <p:nvPr/>
          </p:nvSpPr>
          <p:spPr>
            <a:xfrm>
              <a:off x="9453547" y="4650986"/>
              <a:ext cx="2596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97" name="Switzerland Text"/>
            <p:cNvSpPr txBox="1"/>
            <p:nvPr/>
          </p:nvSpPr>
          <p:spPr>
            <a:xfrm>
              <a:off x="8437475" y="4841670"/>
              <a:ext cx="43120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98" name="Portugal Text"/>
            <p:cNvSpPr txBox="1"/>
            <p:nvPr/>
          </p:nvSpPr>
          <p:spPr>
            <a:xfrm>
              <a:off x="5649303" y="5994326"/>
              <a:ext cx="3125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99" name="Spain Text"/>
            <p:cNvSpPr txBox="1"/>
            <p:nvPr/>
          </p:nvSpPr>
          <p:spPr>
            <a:xfrm>
              <a:off x="6556415" y="5930886"/>
              <a:ext cx="20518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100" name="Andorra Text"/>
            <p:cNvSpPr txBox="1"/>
            <p:nvPr/>
          </p:nvSpPr>
          <p:spPr>
            <a:xfrm>
              <a:off x="7509710" y="5481130"/>
              <a:ext cx="29495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101" name="France Text"/>
            <p:cNvSpPr txBox="1"/>
            <p:nvPr/>
          </p:nvSpPr>
          <p:spPr>
            <a:xfrm>
              <a:off x="7671332" y="4791656"/>
              <a:ext cx="24205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102" name="Slovakia Text"/>
            <p:cNvSpPr txBox="1"/>
            <p:nvPr/>
          </p:nvSpPr>
          <p:spPr>
            <a:xfrm>
              <a:off x="10072207" y="4420326"/>
              <a:ext cx="307777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103" name="Czech Republic Text"/>
            <p:cNvSpPr txBox="1"/>
            <p:nvPr/>
          </p:nvSpPr>
          <p:spPr>
            <a:xfrm>
              <a:off x="9402630" y="4256088"/>
              <a:ext cx="54341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zech Republic</a:t>
              </a:r>
            </a:p>
          </p:txBody>
        </p:sp>
        <p:sp>
          <p:nvSpPr>
            <p:cNvPr id="104" name="Luxembourg Text"/>
            <p:cNvSpPr txBox="1"/>
            <p:nvPr/>
          </p:nvSpPr>
          <p:spPr>
            <a:xfrm>
              <a:off x="8400256" y="4250198"/>
              <a:ext cx="46006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Luxembourg</a:t>
              </a:r>
            </a:p>
          </p:txBody>
        </p:sp>
        <p:sp>
          <p:nvSpPr>
            <p:cNvPr id="105" name="Belgium Text"/>
            <p:cNvSpPr txBox="1"/>
            <p:nvPr/>
          </p:nvSpPr>
          <p:spPr>
            <a:xfrm>
              <a:off x="7998085" y="4038430"/>
              <a:ext cx="298159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106" name="Ireland Text"/>
            <p:cNvSpPr txBox="1"/>
            <p:nvPr/>
          </p:nvSpPr>
          <p:spPr>
            <a:xfrm>
              <a:off x="6461451" y="3411767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107" name="UK Text"/>
            <p:cNvSpPr txBox="1"/>
            <p:nvPr/>
          </p:nvSpPr>
          <p:spPr>
            <a:xfrm>
              <a:off x="7279376" y="3565018"/>
              <a:ext cx="123432" cy="10002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UK</a:t>
              </a:r>
            </a:p>
          </p:txBody>
        </p:sp>
        <p:sp>
          <p:nvSpPr>
            <p:cNvPr id="108" name="Netherlands Text"/>
            <p:cNvSpPr txBox="1"/>
            <p:nvPr/>
          </p:nvSpPr>
          <p:spPr>
            <a:xfrm>
              <a:off x="8172704" y="3773074"/>
              <a:ext cx="282129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Nether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lands</a:t>
              </a:r>
            </a:p>
          </p:txBody>
        </p:sp>
        <p:sp>
          <p:nvSpPr>
            <p:cNvPr id="109" name="Poland Text"/>
            <p:cNvSpPr txBox="1"/>
            <p:nvPr/>
          </p:nvSpPr>
          <p:spPr>
            <a:xfrm>
              <a:off x="10071860" y="3731412"/>
              <a:ext cx="25327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110" name="Germany Text"/>
            <p:cNvSpPr txBox="1"/>
            <p:nvPr/>
          </p:nvSpPr>
          <p:spPr>
            <a:xfrm>
              <a:off x="8698771" y="3931659"/>
              <a:ext cx="33182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111" name="Denmark Text"/>
            <p:cNvSpPr txBox="1"/>
            <p:nvPr/>
          </p:nvSpPr>
          <p:spPr>
            <a:xfrm>
              <a:off x="8385174" y="2999574"/>
              <a:ext cx="33342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Denmark</a:t>
              </a:r>
            </a:p>
          </p:txBody>
        </p:sp>
        <p:sp>
          <p:nvSpPr>
            <p:cNvPr id="112" name="Finland Text"/>
            <p:cNvSpPr txBox="1"/>
            <p:nvPr/>
          </p:nvSpPr>
          <p:spPr>
            <a:xfrm>
              <a:off x="10402193" y="1603376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113" name="Sweden Text"/>
            <p:cNvSpPr txBox="1"/>
            <p:nvPr/>
          </p:nvSpPr>
          <p:spPr>
            <a:xfrm>
              <a:off x="9326093" y="1818976"/>
              <a:ext cx="29014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114" name="Norway Text"/>
            <p:cNvSpPr txBox="1"/>
            <p:nvPr/>
          </p:nvSpPr>
          <p:spPr>
            <a:xfrm>
              <a:off x="8623671" y="2089135"/>
              <a:ext cx="28533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Norway</a:t>
              </a:r>
            </a:p>
          </p:txBody>
        </p:sp>
      </p:grpSp>
      <p:grpSp>
        <p:nvGrpSpPr>
          <p:cNvPr id="115" name="Russia"/>
          <p:cNvGrpSpPr/>
          <p:nvPr/>
        </p:nvGrpSpPr>
        <p:grpSpPr>
          <a:xfrm>
            <a:off x="10116076" y="-3175"/>
            <a:ext cx="2084387" cy="3536950"/>
            <a:chOff x="10137096" y="-3175"/>
            <a:chExt cx="2084387" cy="3536950"/>
          </a:xfrm>
          <a:solidFill>
            <a:srgbClr val="E1E0DC"/>
          </a:solidFill>
        </p:grpSpPr>
        <p:sp>
          <p:nvSpPr>
            <p:cNvPr id="116" name="Russia"/>
            <p:cNvSpPr>
              <a:spLocks/>
            </p:cNvSpPr>
            <p:nvPr/>
          </p:nvSpPr>
          <p:spPr bwMode="auto">
            <a:xfrm>
              <a:off x="10137096" y="3149600"/>
              <a:ext cx="374650" cy="182563"/>
            </a:xfrm>
            <a:custGeom>
              <a:avLst/>
              <a:gdLst>
                <a:gd name="T0" fmla="*/ 88 w 236"/>
                <a:gd name="T1" fmla="*/ 0 h 115"/>
                <a:gd name="T2" fmla="*/ 173 w 236"/>
                <a:gd name="T3" fmla="*/ 25 h 115"/>
                <a:gd name="T4" fmla="*/ 202 w 236"/>
                <a:gd name="T5" fmla="*/ 16 h 115"/>
                <a:gd name="T6" fmla="*/ 235 w 236"/>
                <a:gd name="T7" fmla="*/ 32 h 115"/>
                <a:gd name="T8" fmla="*/ 227 w 236"/>
                <a:gd name="T9" fmla="*/ 54 h 115"/>
                <a:gd name="T10" fmla="*/ 236 w 236"/>
                <a:gd name="T11" fmla="*/ 88 h 115"/>
                <a:gd name="T12" fmla="*/ 202 w 236"/>
                <a:gd name="T13" fmla="*/ 110 h 115"/>
                <a:gd name="T14" fmla="*/ 103 w 236"/>
                <a:gd name="T15" fmla="*/ 115 h 115"/>
                <a:gd name="T16" fmla="*/ 0 w 236"/>
                <a:gd name="T17" fmla="*/ 110 h 115"/>
                <a:gd name="T18" fmla="*/ 12 w 236"/>
                <a:gd name="T19" fmla="*/ 96 h 115"/>
                <a:gd name="T20" fmla="*/ 3 w 236"/>
                <a:gd name="T21" fmla="*/ 68 h 115"/>
                <a:gd name="T22" fmla="*/ 65 w 236"/>
                <a:gd name="T23" fmla="*/ 49 h 115"/>
                <a:gd name="T24" fmla="*/ 88 w 236"/>
                <a:gd name="T25" fmla="*/ 0 h 1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6" h="115">
                  <a:moveTo>
                    <a:pt x="88" y="0"/>
                  </a:moveTo>
                  <a:lnTo>
                    <a:pt x="173" y="25"/>
                  </a:lnTo>
                  <a:lnTo>
                    <a:pt x="202" y="16"/>
                  </a:lnTo>
                  <a:lnTo>
                    <a:pt x="235" y="32"/>
                  </a:lnTo>
                  <a:lnTo>
                    <a:pt x="227" y="54"/>
                  </a:lnTo>
                  <a:lnTo>
                    <a:pt x="236" y="88"/>
                  </a:lnTo>
                  <a:lnTo>
                    <a:pt x="202" y="110"/>
                  </a:lnTo>
                  <a:lnTo>
                    <a:pt x="103" y="115"/>
                  </a:lnTo>
                  <a:lnTo>
                    <a:pt x="0" y="110"/>
                  </a:lnTo>
                  <a:lnTo>
                    <a:pt x="12" y="96"/>
                  </a:lnTo>
                  <a:lnTo>
                    <a:pt x="3" y="68"/>
                  </a:lnTo>
                  <a:lnTo>
                    <a:pt x="65" y="49"/>
                  </a:lnTo>
                  <a:lnTo>
                    <a:pt x="88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7" name="Russia"/>
            <p:cNvSpPr>
              <a:spLocks/>
            </p:cNvSpPr>
            <p:nvPr/>
          </p:nvSpPr>
          <p:spPr bwMode="auto">
            <a:xfrm>
              <a:off x="10461263" y="-3175"/>
              <a:ext cx="1760220" cy="3536950"/>
            </a:xfrm>
            <a:custGeom>
              <a:avLst/>
              <a:gdLst>
                <a:gd name="T0" fmla="*/ 517 w 638"/>
                <a:gd name="T1" fmla="*/ 44 h 1233"/>
                <a:gd name="T2" fmla="*/ 493 w 638"/>
                <a:gd name="T3" fmla="*/ 99 h 1233"/>
                <a:gd name="T4" fmla="*/ 478 w 638"/>
                <a:gd name="T5" fmla="*/ 49 h 1233"/>
                <a:gd name="T6" fmla="*/ 419 w 638"/>
                <a:gd name="T7" fmla="*/ 23 h 1233"/>
                <a:gd name="T8" fmla="*/ 406 w 638"/>
                <a:gd name="T9" fmla="*/ 59 h 1233"/>
                <a:gd name="T10" fmla="*/ 436 w 638"/>
                <a:gd name="T11" fmla="*/ 121 h 1233"/>
                <a:gd name="T12" fmla="*/ 477 w 638"/>
                <a:gd name="T13" fmla="*/ 143 h 1233"/>
                <a:gd name="T14" fmla="*/ 458 w 638"/>
                <a:gd name="T15" fmla="*/ 178 h 1233"/>
                <a:gd name="T16" fmla="*/ 406 w 638"/>
                <a:gd name="T17" fmla="*/ 225 h 1233"/>
                <a:gd name="T18" fmla="*/ 419 w 638"/>
                <a:gd name="T19" fmla="*/ 296 h 1233"/>
                <a:gd name="T20" fmla="*/ 405 w 638"/>
                <a:gd name="T21" fmla="*/ 333 h 1233"/>
                <a:gd name="T22" fmla="*/ 328 w 638"/>
                <a:gd name="T23" fmla="*/ 320 h 1233"/>
                <a:gd name="T24" fmla="*/ 318 w 638"/>
                <a:gd name="T25" fmla="*/ 348 h 1233"/>
                <a:gd name="T26" fmla="*/ 390 w 638"/>
                <a:gd name="T27" fmla="*/ 384 h 1233"/>
                <a:gd name="T28" fmla="*/ 322 w 638"/>
                <a:gd name="T29" fmla="*/ 403 h 1233"/>
                <a:gd name="T30" fmla="*/ 289 w 638"/>
                <a:gd name="T31" fmla="*/ 403 h 1233"/>
                <a:gd name="T32" fmla="*/ 247 w 638"/>
                <a:gd name="T33" fmla="*/ 353 h 1233"/>
                <a:gd name="T34" fmla="*/ 242 w 638"/>
                <a:gd name="T35" fmla="*/ 325 h 1233"/>
                <a:gd name="T36" fmla="*/ 187 w 638"/>
                <a:gd name="T37" fmla="*/ 288 h 1233"/>
                <a:gd name="T38" fmla="*/ 134 w 638"/>
                <a:gd name="T39" fmla="*/ 261 h 1233"/>
                <a:gd name="T40" fmla="*/ 148 w 638"/>
                <a:gd name="T41" fmla="*/ 247 h 1233"/>
                <a:gd name="T42" fmla="*/ 205 w 638"/>
                <a:gd name="T43" fmla="*/ 261 h 1233"/>
                <a:gd name="T44" fmla="*/ 276 w 638"/>
                <a:gd name="T45" fmla="*/ 261 h 1233"/>
                <a:gd name="T46" fmla="*/ 377 w 638"/>
                <a:gd name="T47" fmla="*/ 171 h 1233"/>
                <a:gd name="T48" fmla="*/ 300 w 638"/>
                <a:gd name="T49" fmla="*/ 121 h 1233"/>
                <a:gd name="T50" fmla="*/ 217 w 638"/>
                <a:gd name="T51" fmla="*/ 99 h 1233"/>
                <a:gd name="T52" fmla="*/ 111 w 638"/>
                <a:gd name="T53" fmla="*/ 97 h 1233"/>
                <a:gd name="T54" fmla="*/ 100 w 638"/>
                <a:gd name="T55" fmla="*/ 112 h 1233"/>
                <a:gd name="T56" fmla="*/ 89 w 638"/>
                <a:gd name="T57" fmla="*/ 135 h 1233"/>
                <a:gd name="T58" fmla="*/ 19 w 638"/>
                <a:gd name="T59" fmla="*/ 156 h 1233"/>
                <a:gd name="T60" fmla="*/ 0 w 638"/>
                <a:gd name="T61" fmla="*/ 207 h 1233"/>
                <a:gd name="T62" fmla="*/ 24 w 638"/>
                <a:gd name="T63" fmla="*/ 213 h 1233"/>
                <a:gd name="T64" fmla="*/ 57 w 638"/>
                <a:gd name="T65" fmla="*/ 243 h 1233"/>
                <a:gd name="T66" fmla="*/ 107 w 638"/>
                <a:gd name="T67" fmla="*/ 355 h 1233"/>
                <a:gd name="T68" fmla="*/ 107 w 638"/>
                <a:gd name="T69" fmla="*/ 397 h 1233"/>
                <a:gd name="T70" fmla="*/ 125 w 638"/>
                <a:gd name="T71" fmla="*/ 415 h 1233"/>
                <a:gd name="T72" fmla="*/ 148 w 638"/>
                <a:gd name="T73" fmla="*/ 441 h 1233"/>
                <a:gd name="T74" fmla="*/ 209 w 638"/>
                <a:gd name="T75" fmla="*/ 517 h 1233"/>
                <a:gd name="T76" fmla="*/ 146 w 638"/>
                <a:gd name="T77" fmla="*/ 700 h 1233"/>
                <a:gd name="T78" fmla="*/ 187 w 638"/>
                <a:gd name="T79" fmla="*/ 720 h 1233"/>
                <a:gd name="T80" fmla="*/ 242 w 638"/>
                <a:gd name="T81" fmla="*/ 739 h 1233"/>
                <a:gd name="T82" fmla="*/ 163 w 638"/>
                <a:gd name="T83" fmla="*/ 761 h 1233"/>
                <a:gd name="T84" fmla="*/ 162 w 638"/>
                <a:gd name="T85" fmla="*/ 791 h 1233"/>
                <a:gd name="T86" fmla="*/ 159 w 638"/>
                <a:gd name="T87" fmla="*/ 837 h 1233"/>
                <a:gd name="T88" fmla="*/ 180 w 638"/>
                <a:gd name="T89" fmla="*/ 865 h 1233"/>
                <a:gd name="T90" fmla="*/ 180 w 638"/>
                <a:gd name="T91" fmla="*/ 900 h 1233"/>
                <a:gd name="T92" fmla="*/ 202 w 638"/>
                <a:gd name="T93" fmla="*/ 934 h 1233"/>
                <a:gd name="T94" fmla="*/ 224 w 638"/>
                <a:gd name="T95" fmla="*/ 963 h 1233"/>
                <a:gd name="T96" fmla="*/ 260 w 638"/>
                <a:gd name="T97" fmla="*/ 983 h 1233"/>
                <a:gd name="T98" fmla="*/ 328 w 638"/>
                <a:gd name="T99" fmla="*/ 983 h 1233"/>
                <a:gd name="T100" fmla="*/ 373 w 638"/>
                <a:gd name="T101" fmla="*/ 1044 h 1233"/>
                <a:gd name="T102" fmla="*/ 417 w 638"/>
                <a:gd name="T103" fmla="*/ 1074 h 1233"/>
                <a:gd name="T104" fmla="*/ 470 w 638"/>
                <a:gd name="T105" fmla="*/ 1092 h 1233"/>
                <a:gd name="T106" fmla="*/ 441 w 638"/>
                <a:gd name="T107" fmla="*/ 1139 h 1233"/>
                <a:gd name="T108" fmla="*/ 458 w 638"/>
                <a:gd name="T109" fmla="*/ 1183 h 1233"/>
                <a:gd name="T110" fmla="*/ 501 w 638"/>
                <a:gd name="T111" fmla="*/ 1191 h 1233"/>
                <a:gd name="T112" fmla="*/ 609 w 638"/>
                <a:gd name="T113" fmla="*/ 1191 h 1233"/>
                <a:gd name="T114" fmla="*/ 638 w 638"/>
                <a:gd name="T115" fmla="*/ 1227 h 1233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395 w 10000"/>
                <a:gd name="connsiteY86" fmla="*/ 109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24 w 10000"/>
                <a:gd name="connsiteY84" fmla="*/ 709 h 10000"/>
                <a:gd name="connsiteX85" fmla="*/ 1295 w 10000"/>
                <a:gd name="connsiteY85" fmla="*/ 865 h 10000"/>
                <a:gd name="connsiteX86" fmla="*/ 940 w 10000"/>
                <a:gd name="connsiteY86" fmla="*/ 1054 h 10000"/>
                <a:gd name="connsiteX87" fmla="*/ 737 w 10000"/>
                <a:gd name="connsiteY87" fmla="*/ 1273 h 10000"/>
                <a:gd name="connsiteX88" fmla="*/ 298 w 10000"/>
                <a:gd name="connsiteY88" fmla="*/ 1265 h 10000"/>
                <a:gd name="connsiteX89" fmla="*/ 361 w 10000"/>
                <a:gd name="connsiteY89" fmla="*/ 1419 h 10000"/>
                <a:gd name="connsiteX90" fmla="*/ 219 w 10000"/>
                <a:gd name="connsiteY90" fmla="*/ 1525 h 10000"/>
                <a:gd name="connsiteX91" fmla="*/ 0 w 10000"/>
                <a:gd name="connsiteY91" fmla="*/ 1679 h 10000"/>
                <a:gd name="connsiteX92" fmla="*/ 31 w 10000"/>
                <a:gd name="connsiteY92" fmla="*/ 1687 h 10000"/>
                <a:gd name="connsiteX93" fmla="*/ 31 w 10000"/>
                <a:gd name="connsiteY93" fmla="*/ 1695 h 10000"/>
                <a:gd name="connsiteX94" fmla="*/ 376 w 10000"/>
                <a:gd name="connsiteY94" fmla="*/ 1727 h 10000"/>
                <a:gd name="connsiteX95" fmla="*/ 517 w 10000"/>
                <a:gd name="connsiteY95" fmla="*/ 1800 h 10000"/>
                <a:gd name="connsiteX96" fmla="*/ 799 w 10000"/>
                <a:gd name="connsiteY96" fmla="*/ 1833 h 10000"/>
                <a:gd name="connsiteX97" fmla="*/ 893 w 10000"/>
                <a:gd name="connsiteY97" fmla="*/ 1971 h 10000"/>
                <a:gd name="connsiteX98" fmla="*/ 690 w 10000"/>
                <a:gd name="connsiteY98" fmla="*/ 2376 h 10000"/>
                <a:gd name="connsiteX99" fmla="*/ 893 w 10000"/>
                <a:gd name="connsiteY99" fmla="*/ 2457 h 10000"/>
                <a:gd name="connsiteX100" fmla="*/ 1677 w 10000"/>
                <a:gd name="connsiteY100" fmla="*/ 2879 h 10000"/>
                <a:gd name="connsiteX101" fmla="*/ 1458 w 10000"/>
                <a:gd name="connsiteY101" fmla="*/ 2976 h 10000"/>
                <a:gd name="connsiteX102" fmla="*/ 1458 w 10000"/>
                <a:gd name="connsiteY102" fmla="*/ 3179 h 10000"/>
                <a:gd name="connsiteX103" fmla="*/ 1677 w 10000"/>
                <a:gd name="connsiteY103" fmla="*/ 3220 h 10000"/>
                <a:gd name="connsiteX104" fmla="*/ 1614 w 10000"/>
                <a:gd name="connsiteY104" fmla="*/ 3333 h 10000"/>
                <a:gd name="connsiteX105" fmla="*/ 1787 w 10000"/>
                <a:gd name="connsiteY105" fmla="*/ 3398 h 10000"/>
                <a:gd name="connsiteX106" fmla="*/ 1959 w 10000"/>
                <a:gd name="connsiteY106" fmla="*/ 3366 h 10000"/>
                <a:gd name="connsiteX107" fmla="*/ 1991 w 10000"/>
                <a:gd name="connsiteY107" fmla="*/ 3528 h 10000"/>
                <a:gd name="connsiteX108" fmla="*/ 2132 w 10000"/>
                <a:gd name="connsiteY108" fmla="*/ 3609 h 10000"/>
                <a:gd name="connsiteX109" fmla="*/ 2320 w 10000"/>
                <a:gd name="connsiteY109" fmla="*/ 3577 h 10000"/>
                <a:gd name="connsiteX110" fmla="*/ 2461 w 10000"/>
                <a:gd name="connsiteY110" fmla="*/ 3715 h 10000"/>
                <a:gd name="connsiteX111" fmla="*/ 2335 w 10000"/>
                <a:gd name="connsiteY111" fmla="*/ 3950 h 10000"/>
                <a:gd name="connsiteX112" fmla="*/ 3276 w 10000"/>
                <a:gd name="connsiteY112" fmla="*/ 4193 h 10000"/>
                <a:gd name="connsiteX113" fmla="*/ 3292 w 10000"/>
                <a:gd name="connsiteY113" fmla="*/ 4599 h 10000"/>
                <a:gd name="connsiteX114" fmla="*/ 2806 w 10000"/>
                <a:gd name="connsiteY114" fmla="*/ 5239 h 10000"/>
                <a:gd name="connsiteX115" fmla="*/ 2288 w 10000"/>
                <a:gd name="connsiteY115" fmla="*/ 5677 h 10000"/>
                <a:gd name="connsiteX116" fmla="*/ 2555 w 10000"/>
                <a:gd name="connsiteY116" fmla="*/ 5612 h 10000"/>
                <a:gd name="connsiteX117" fmla="*/ 2618 w 10000"/>
                <a:gd name="connsiteY117" fmla="*/ 5766 h 10000"/>
                <a:gd name="connsiteX118" fmla="*/ 2931 w 10000"/>
                <a:gd name="connsiteY118" fmla="*/ 5839 h 10000"/>
                <a:gd name="connsiteX119" fmla="*/ 3370 w 10000"/>
                <a:gd name="connsiteY119" fmla="*/ 5775 h 10000"/>
                <a:gd name="connsiteX120" fmla="*/ 3793 w 10000"/>
                <a:gd name="connsiteY120" fmla="*/ 5864 h 10000"/>
                <a:gd name="connsiteX121" fmla="*/ 3793 w 10000"/>
                <a:gd name="connsiteY121" fmla="*/ 5994 h 10000"/>
                <a:gd name="connsiteX122" fmla="*/ 3056 w 10000"/>
                <a:gd name="connsiteY122" fmla="*/ 5969 h 10000"/>
                <a:gd name="connsiteX123" fmla="*/ 2931 w 10000"/>
                <a:gd name="connsiteY123" fmla="*/ 6091 h 10000"/>
                <a:gd name="connsiteX124" fmla="*/ 2555 w 10000"/>
                <a:gd name="connsiteY124" fmla="*/ 6172 h 10000"/>
                <a:gd name="connsiteX125" fmla="*/ 2633 w 10000"/>
                <a:gd name="connsiteY125" fmla="*/ 6269 h 10000"/>
                <a:gd name="connsiteX126" fmla="*/ 2712 w 10000"/>
                <a:gd name="connsiteY126" fmla="*/ 6326 h 10000"/>
                <a:gd name="connsiteX127" fmla="*/ 2539 w 10000"/>
                <a:gd name="connsiteY127" fmla="*/ 6415 h 10000"/>
                <a:gd name="connsiteX128" fmla="*/ 2586 w 10000"/>
                <a:gd name="connsiteY128" fmla="*/ 6537 h 10000"/>
                <a:gd name="connsiteX129" fmla="*/ 2398 w 10000"/>
                <a:gd name="connsiteY129" fmla="*/ 6642 h 10000"/>
                <a:gd name="connsiteX130" fmla="*/ 2492 w 10000"/>
                <a:gd name="connsiteY130" fmla="*/ 6788 h 10000"/>
                <a:gd name="connsiteX131" fmla="*/ 2680 w 10000"/>
                <a:gd name="connsiteY131" fmla="*/ 6821 h 10000"/>
                <a:gd name="connsiteX132" fmla="*/ 2602 w 10000"/>
                <a:gd name="connsiteY132" fmla="*/ 6983 h 10000"/>
                <a:gd name="connsiteX133" fmla="*/ 2821 w 10000"/>
                <a:gd name="connsiteY133" fmla="*/ 7015 h 10000"/>
                <a:gd name="connsiteX134" fmla="*/ 2931 w 10000"/>
                <a:gd name="connsiteY134" fmla="*/ 7145 h 10000"/>
                <a:gd name="connsiteX135" fmla="*/ 2806 w 10000"/>
                <a:gd name="connsiteY135" fmla="*/ 7202 h 10000"/>
                <a:gd name="connsiteX136" fmla="*/ 2821 w 10000"/>
                <a:gd name="connsiteY136" fmla="*/ 7299 h 10000"/>
                <a:gd name="connsiteX137" fmla="*/ 2931 w 10000"/>
                <a:gd name="connsiteY137" fmla="*/ 7388 h 10000"/>
                <a:gd name="connsiteX138" fmla="*/ 3292 w 10000"/>
                <a:gd name="connsiteY138" fmla="*/ 7486 h 10000"/>
                <a:gd name="connsiteX139" fmla="*/ 3166 w 10000"/>
                <a:gd name="connsiteY139" fmla="*/ 7575 h 10000"/>
                <a:gd name="connsiteX140" fmla="*/ 3292 w 10000"/>
                <a:gd name="connsiteY140" fmla="*/ 7737 h 10000"/>
                <a:gd name="connsiteX141" fmla="*/ 3417 w 10000"/>
                <a:gd name="connsiteY141" fmla="*/ 7737 h 10000"/>
                <a:gd name="connsiteX142" fmla="*/ 3511 w 10000"/>
                <a:gd name="connsiteY142" fmla="*/ 7810 h 10000"/>
                <a:gd name="connsiteX143" fmla="*/ 3793 w 10000"/>
                <a:gd name="connsiteY143" fmla="*/ 7908 h 10000"/>
                <a:gd name="connsiteX144" fmla="*/ 3793 w 10000"/>
                <a:gd name="connsiteY144" fmla="*/ 7997 h 10000"/>
                <a:gd name="connsiteX145" fmla="*/ 4075 w 10000"/>
                <a:gd name="connsiteY145" fmla="*/ 7972 h 10000"/>
                <a:gd name="connsiteX146" fmla="*/ 4577 w 10000"/>
                <a:gd name="connsiteY146" fmla="*/ 7972 h 10000"/>
                <a:gd name="connsiteX147" fmla="*/ 4718 w 10000"/>
                <a:gd name="connsiteY147" fmla="*/ 8167 h 10000"/>
                <a:gd name="connsiteX148" fmla="*/ 5141 w 10000"/>
                <a:gd name="connsiteY148" fmla="*/ 7972 h 10000"/>
                <a:gd name="connsiteX149" fmla="*/ 5721 w 10000"/>
                <a:gd name="connsiteY149" fmla="*/ 8078 h 10000"/>
                <a:gd name="connsiteX150" fmla="*/ 5846 w 10000"/>
                <a:gd name="connsiteY150" fmla="*/ 8289 h 10000"/>
                <a:gd name="connsiteX151" fmla="*/ 5846 w 10000"/>
                <a:gd name="connsiteY151" fmla="*/ 8467 h 10000"/>
                <a:gd name="connsiteX152" fmla="*/ 6113 w 10000"/>
                <a:gd name="connsiteY152" fmla="*/ 8483 h 10000"/>
                <a:gd name="connsiteX153" fmla="*/ 6223 w 10000"/>
                <a:gd name="connsiteY153" fmla="*/ 8581 h 10000"/>
                <a:gd name="connsiteX154" fmla="*/ 6536 w 10000"/>
                <a:gd name="connsiteY154" fmla="*/ 8710 h 10000"/>
                <a:gd name="connsiteX155" fmla="*/ 6912 w 10000"/>
                <a:gd name="connsiteY155" fmla="*/ 8759 h 10000"/>
                <a:gd name="connsiteX156" fmla="*/ 6928 w 10000"/>
                <a:gd name="connsiteY156" fmla="*/ 8889 h 10000"/>
                <a:gd name="connsiteX157" fmla="*/ 7367 w 10000"/>
                <a:gd name="connsiteY157" fmla="*/ 8856 h 10000"/>
                <a:gd name="connsiteX158" fmla="*/ 7696 w 10000"/>
                <a:gd name="connsiteY158" fmla="*/ 9027 h 10000"/>
                <a:gd name="connsiteX159" fmla="*/ 7586 w 10000"/>
                <a:gd name="connsiteY159" fmla="*/ 9238 h 10000"/>
                <a:gd name="connsiteX160" fmla="*/ 6912 w 10000"/>
                <a:gd name="connsiteY160" fmla="*/ 9238 h 10000"/>
                <a:gd name="connsiteX161" fmla="*/ 6803 w 10000"/>
                <a:gd name="connsiteY161" fmla="*/ 9343 h 10000"/>
                <a:gd name="connsiteX162" fmla="*/ 7132 w 10000"/>
                <a:gd name="connsiteY162" fmla="*/ 9424 h 10000"/>
                <a:gd name="connsiteX163" fmla="*/ 7179 w 10000"/>
                <a:gd name="connsiteY163" fmla="*/ 9594 h 10000"/>
                <a:gd name="connsiteX164" fmla="*/ 7461 w 10000"/>
                <a:gd name="connsiteY164" fmla="*/ 9805 h 10000"/>
                <a:gd name="connsiteX165" fmla="*/ 7837 w 10000"/>
                <a:gd name="connsiteY165" fmla="*/ 9813 h 10000"/>
                <a:gd name="connsiteX166" fmla="*/ 7853 w 10000"/>
                <a:gd name="connsiteY166" fmla="*/ 9659 h 10000"/>
                <a:gd name="connsiteX167" fmla="*/ 8464 w 10000"/>
                <a:gd name="connsiteY167" fmla="*/ 9521 h 10000"/>
                <a:gd name="connsiteX168" fmla="*/ 9060 w 10000"/>
                <a:gd name="connsiteY168" fmla="*/ 9521 h 10000"/>
                <a:gd name="connsiteX169" fmla="*/ 9545 w 10000"/>
                <a:gd name="connsiteY169" fmla="*/ 9659 h 10000"/>
                <a:gd name="connsiteX170" fmla="*/ 9279 w 10000"/>
                <a:gd name="connsiteY170" fmla="*/ 9789 h 10000"/>
                <a:gd name="connsiteX171" fmla="*/ 9624 w 10000"/>
                <a:gd name="connsiteY171" fmla="*/ 10000 h 10000"/>
                <a:gd name="connsiteX172" fmla="*/ 10000 w 10000"/>
                <a:gd name="connsiteY172" fmla="*/ 9951 h 10000"/>
                <a:gd name="connsiteX173" fmla="*/ 10000 w 10000"/>
                <a:gd name="connsiteY173" fmla="*/ 0 h 10000"/>
                <a:gd name="connsiteX174" fmla="*/ 8433 w 10000"/>
                <a:gd name="connsiteY174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24 w 10000"/>
                <a:gd name="connsiteY83" fmla="*/ 709 h 10000"/>
                <a:gd name="connsiteX84" fmla="*/ 1295 w 10000"/>
                <a:gd name="connsiteY84" fmla="*/ 865 h 10000"/>
                <a:gd name="connsiteX85" fmla="*/ 940 w 10000"/>
                <a:gd name="connsiteY85" fmla="*/ 1054 h 10000"/>
                <a:gd name="connsiteX86" fmla="*/ 737 w 10000"/>
                <a:gd name="connsiteY86" fmla="*/ 1273 h 10000"/>
                <a:gd name="connsiteX87" fmla="*/ 298 w 10000"/>
                <a:gd name="connsiteY87" fmla="*/ 1265 h 10000"/>
                <a:gd name="connsiteX88" fmla="*/ 361 w 10000"/>
                <a:gd name="connsiteY88" fmla="*/ 1419 h 10000"/>
                <a:gd name="connsiteX89" fmla="*/ 219 w 10000"/>
                <a:gd name="connsiteY89" fmla="*/ 1525 h 10000"/>
                <a:gd name="connsiteX90" fmla="*/ 0 w 10000"/>
                <a:gd name="connsiteY90" fmla="*/ 1679 h 10000"/>
                <a:gd name="connsiteX91" fmla="*/ 31 w 10000"/>
                <a:gd name="connsiteY91" fmla="*/ 1687 h 10000"/>
                <a:gd name="connsiteX92" fmla="*/ 31 w 10000"/>
                <a:gd name="connsiteY92" fmla="*/ 1695 h 10000"/>
                <a:gd name="connsiteX93" fmla="*/ 376 w 10000"/>
                <a:gd name="connsiteY93" fmla="*/ 1727 h 10000"/>
                <a:gd name="connsiteX94" fmla="*/ 517 w 10000"/>
                <a:gd name="connsiteY94" fmla="*/ 1800 h 10000"/>
                <a:gd name="connsiteX95" fmla="*/ 799 w 10000"/>
                <a:gd name="connsiteY95" fmla="*/ 1833 h 10000"/>
                <a:gd name="connsiteX96" fmla="*/ 893 w 10000"/>
                <a:gd name="connsiteY96" fmla="*/ 1971 h 10000"/>
                <a:gd name="connsiteX97" fmla="*/ 690 w 10000"/>
                <a:gd name="connsiteY97" fmla="*/ 2376 h 10000"/>
                <a:gd name="connsiteX98" fmla="*/ 893 w 10000"/>
                <a:gd name="connsiteY98" fmla="*/ 2457 h 10000"/>
                <a:gd name="connsiteX99" fmla="*/ 1677 w 10000"/>
                <a:gd name="connsiteY99" fmla="*/ 2879 h 10000"/>
                <a:gd name="connsiteX100" fmla="*/ 1458 w 10000"/>
                <a:gd name="connsiteY100" fmla="*/ 2976 h 10000"/>
                <a:gd name="connsiteX101" fmla="*/ 1458 w 10000"/>
                <a:gd name="connsiteY101" fmla="*/ 3179 h 10000"/>
                <a:gd name="connsiteX102" fmla="*/ 1677 w 10000"/>
                <a:gd name="connsiteY102" fmla="*/ 3220 h 10000"/>
                <a:gd name="connsiteX103" fmla="*/ 1614 w 10000"/>
                <a:gd name="connsiteY103" fmla="*/ 3333 h 10000"/>
                <a:gd name="connsiteX104" fmla="*/ 1787 w 10000"/>
                <a:gd name="connsiteY104" fmla="*/ 3398 h 10000"/>
                <a:gd name="connsiteX105" fmla="*/ 1959 w 10000"/>
                <a:gd name="connsiteY105" fmla="*/ 3366 h 10000"/>
                <a:gd name="connsiteX106" fmla="*/ 1991 w 10000"/>
                <a:gd name="connsiteY106" fmla="*/ 3528 h 10000"/>
                <a:gd name="connsiteX107" fmla="*/ 2132 w 10000"/>
                <a:gd name="connsiteY107" fmla="*/ 3609 h 10000"/>
                <a:gd name="connsiteX108" fmla="*/ 2320 w 10000"/>
                <a:gd name="connsiteY108" fmla="*/ 3577 h 10000"/>
                <a:gd name="connsiteX109" fmla="*/ 2461 w 10000"/>
                <a:gd name="connsiteY109" fmla="*/ 3715 h 10000"/>
                <a:gd name="connsiteX110" fmla="*/ 2335 w 10000"/>
                <a:gd name="connsiteY110" fmla="*/ 3950 h 10000"/>
                <a:gd name="connsiteX111" fmla="*/ 3276 w 10000"/>
                <a:gd name="connsiteY111" fmla="*/ 4193 h 10000"/>
                <a:gd name="connsiteX112" fmla="*/ 3292 w 10000"/>
                <a:gd name="connsiteY112" fmla="*/ 4599 h 10000"/>
                <a:gd name="connsiteX113" fmla="*/ 2806 w 10000"/>
                <a:gd name="connsiteY113" fmla="*/ 5239 h 10000"/>
                <a:gd name="connsiteX114" fmla="*/ 2288 w 10000"/>
                <a:gd name="connsiteY114" fmla="*/ 5677 h 10000"/>
                <a:gd name="connsiteX115" fmla="*/ 2555 w 10000"/>
                <a:gd name="connsiteY115" fmla="*/ 5612 h 10000"/>
                <a:gd name="connsiteX116" fmla="*/ 2618 w 10000"/>
                <a:gd name="connsiteY116" fmla="*/ 5766 h 10000"/>
                <a:gd name="connsiteX117" fmla="*/ 2931 w 10000"/>
                <a:gd name="connsiteY117" fmla="*/ 5839 h 10000"/>
                <a:gd name="connsiteX118" fmla="*/ 3370 w 10000"/>
                <a:gd name="connsiteY118" fmla="*/ 5775 h 10000"/>
                <a:gd name="connsiteX119" fmla="*/ 3793 w 10000"/>
                <a:gd name="connsiteY119" fmla="*/ 5864 h 10000"/>
                <a:gd name="connsiteX120" fmla="*/ 3793 w 10000"/>
                <a:gd name="connsiteY120" fmla="*/ 5994 h 10000"/>
                <a:gd name="connsiteX121" fmla="*/ 3056 w 10000"/>
                <a:gd name="connsiteY121" fmla="*/ 5969 h 10000"/>
                <a:gd name="connsiteX122" fmla="*/ 2931 w 10000"/>
                <a:gd name="connsiteY122" fmla="*/ 6091 h 10000"/>
                <a:gd name="connsiteX123" fmla="*/ 2555 w 10000"/>
                <a:gd name="connsiteY123" fmla="*/ 6172 h 10000"/>
                <a:gd name="connsiteX124" fmla="*/ 2633 w 10000"/>
                <a:gd name="connsiteY124" fmla="*/ 6269 h 10000"/>
                <a:gd name="connsiteX125" fmla="*/ 2712 w 10000"/>
                <a:gd name="connsiteY125" fmla="*/ 6326 h 10000"/>
                <a:gd name="connsiteX126" fmla="*/ 2539 w 10000"/>
                <a:gd name="connsiteY126" fmla="*/ 6415 h 10000"/>
                <a:gd name="connsiteX127" fmla="*/ 2586 w 10000"/>
                <a:gd name="connsiteY127" fmla="*/ 6537 h 10000"/>
                <a:gd name="connsiteX128" fmla="*/ 2398 w 10000"/>
                <a:gd name="connsiteY128" fmla="*/ 6642 h 10000"/>
                <a:gd name="connsiteX129" fmla="*/ 2492 w 10000"/>
                <a:gd name="connsiteY129" fmla="*/ 6788 h 10000"/>
                <a:gd name="connsiteX130" fmla="*/ 2680 w 10000"/>
                <a:gd name="connsiteY130" fmla="*/ 6821 h 10000"/>
                <a:gd name="connsiteX131" fmla="*/ 2602 w 10000"/>
                <a:gd name="connsiteY131" fmla="*/ 6983 h 10000"/>
                <a:gd name="connsiteX132" fmla="*/ 2821 w 10000"/>
                <a:gd name="connsiteY132" fmla="*/ 7015 h 10000"/>
                <a:gd name="connsiteX133" fmla="*/ 2931 w 10000"/>
                <a:gd name="connsiteY133" fmla="*/ 7145 h 10000"/>
                <a:gd name="connsiteX134" fmla="*/ 2806 w 10000"/>
                <a:gd name="connsiteY134" fmla="*/ 7202 h 10000"/>
                <a:gd name="connsiteX135" fmla="*/ 2821 w 10000"/>
                <a:gd name="connsiteY135" fmla="*/ 7299 h 10000"/>
                <a:gd name="connsiteX136" fmla="*/ 2931 w 10000"/>
                <a:gd name="connsiteY136" fmla="*/ 7388 h 10000"/>
                <a:gd name="connsiteX137" fmla="*/ 3292 w 10000"/>
                <a:gd name="connsiteY137" fmla="*/ 7486 h 10000"/>
                <a:gd name="connsiteX138" fmla="*/ 3166 w 10000"/>
                <a:gd name="connsiteY138" fmla="*/ 7575 h 10000"/>
                <a:gd name="connsiteX139" fmla="*/ 3292 w 10000"/>
                <a:gd name="connsiteY139" fmla="*/ 7737 h 10000"/>
                <a:gd name="connsiteX140" fmla="*/ 3417 w 10000"/>
                <a:gd name="connsiteY140" fmla="*/ 7737 h 10000"/>
                <a:gd name="connsiteX141" fmla="*/ 3511 w 10000"/>
                <a:gd name="connsiteY141" fmla="*/ 7810 h 10000"/>
                <a:gd name="connsiteX142" fmla="*/ 3793 w 10000"/>
                <a:gd name="connsiteY142" fmla="*/ 7908 h 10000"/>
                <a:gd name="connsiteX143" fmla="*/ 3793 w 10000"/>
                <a:gd name="connsiteY143" fmla="*/ 7997 h 10000"/>
                <a:gd name="connsiteX144" fmla="*/ 4075 w 10000"/>
                <a:gd name="connsiteY144" fmla="*/ 7972 h 10000"/>
                <a:gd name="connsiteX145" fmla="*/ 4577 w 10000"/>
                <a:gd name="connsiteY145" fmla="*/ 7972 h 10000"/>
                <a:gd name="connsiteX146" fmla="*/ 4718 w 10000"/>
                <a:gd name="connsiteY146" fmla="*/ 8167 h 10000"/>
                <a:gd name="connsiteX147" fmla="*/ 5141 w 10000"/>
                <a:gd name="connsiteY147" fmla="*/ 7972 h 10000"/>
                <a:gd name="connsiteX148" fmla="*/ 5721 w 10000"/>
                <a:gd name="connsiteY148" fmla="*/ 8078 h 10000"/>
                <a:gd name="connsiteX149" fmla="*/ 5846 w 10000"/>
                <a:gd name="connsiteY149" fmla="*/ 8289 h 10000"/>
                <a:gd name="connsiteX150" fmla="*/ 5846 w 10000"/>
                <a:gd name="connsiteY150" fmla="*/ 8467 h 10000"/>
                <a:gd name="connsiteX151" fmla="*/ 6113 w 10000"/>
                <a:gd name="connsiteY151" fmla="*/ 8483 h 10000"/>
                <a:gd name="connsiteX152" fmla="*/ 6223 w 10000"/>
                <a:gd name="connsiteY152" fmla="*/ 8581 h 10000"/>
                <a:gd name="connsiteX153" fmla="*/ 6536 w 10000"/>
                <a:gd name="connsiteY153" fmla="*/ 8710 h 10000"/>
                <a:gd name="connsiteX154" fmla="*/ 6912 w 10000"/>
                <a:gd name="connsiteY154" fmla="*/ 8759 h 10000"/>
                <a:gd name="connsiteX155" fmla="*/ 6928 w 10000"/>
                <a:gd name="connsiteY155" fmla="*/ 8889 h 10000"/>
                <a:gd name="connsiteX156" fmla="*/ 7367 w 10000"/>
                <a:gd name="connsiteY156" fmla="*/ 8856 h 10000"/>
                <a:gd name="connsiteX157" fmla="*/ 7696 w 10000"/>
                <a:gd name="connsiteY157" fmla="*/ 9027 h 10000"/>
                <a:gd name="connsiteX158" fmla="*/ 7586 w 10000"/>
                <a:gd name="connsiteY158" fmla="*/ 9238 h 10000"/>
                <a:gd name="connsiteX159" fmla="*/ 6912 w 10000"/>
                <a:gd name="connsiteY159" fmla="*/ 9238 h 10000"/>
                <a:gd name="connsiteX160" fmla="*/ 6803 w 10000"/>
                <a:gd name="connsiteY160" fmla="*/ 9343 h 10000"/>
                <a:gd name="connsiteX161" fmla="*/ 7132 w 10000"/>
                <a:gd name="connsiteY161" fmla="*/ 9424 h 10000"/>
                <a:gd name="connsiteX162" fmla="*/ 7179 w 10000"/>
                <a:gd name="connsiteY162" fmla="*/ 9594 h 10000"/>
                <a:gd name="connsiteX163" fmla="*/ 7461 w 10000"/>
                <a:gd name="connsiteY163" fmla="*/ 9805 h 10000"/>
                <a:gd name="connsiteX164" fmla="*/ 7837 w 10000"/>
                <a:gd name="connsiteY164" fmla="*/ 9813 h 10000"/>
                <a:gd name="connsiteX165" fmla="*/ 7853 w 10000"/>
                <a:gd name="connsiteY165" fmla="*/ 9659 h 10000"/>
                <a:gd name="connsiteX166" fmla="*/ 8464 w 10000"/>
                <a:gd name="connsiteY166" fmla="*/ 9521 h 10000"/>
                <a:gd name="connsiteX167" fmla="*/ 9060 w 10000"/>
                <a:gd name="connsiteY167" fmla="*/ 9521 h 10000"/>
                <a:gd name="connsiteX168" fmla="*/ 9545 w 10000"/>
                <a:gd name="connsiteY168" fmla="*/ 9659 h 10000"/>
                <a:gd name="connsiteX169" fmla="*/ 9279 w 10000"/>
                <a:gd name="connsiteY169" fmla="*/ 9789 h 10000"/>
                <a:gd name="connsiteX170" fmla="*/ 9624 w 10000"/>
                <a:gd name="connsiteY170" fmla="*/ 10000 h 10000"/>
                <a:gd name="connsiteX171" fmla="*/ 10000 w 10000"/>
                <a:gd name="connsiteY171" fmla="*/ 9951 h 10000"/>
                <a:gd name="connsiteX172" fmla="*/ 10000 w 10000"/>
                <a:gd name="connsiteY172" fmla="*/ 0 h 10000"/>
                <a:gd name="connsiteX173" fmla="*/ 8433 w 10000"/>
                <a:gd name="connsiteY173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865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680 w 10000"/>
                <a:gd name="connsiteY85" fmla="*/ 10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85 w 10000"/>
                <a:gd name="connsiteY86" fmla="*/ 1169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519 w 10000"/>
                <a:gd name="connsiteY87" fmla="*/ 138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67 w 10034"/>
                <a:gd name="connsiteY0" fmla="*/ 0 h 10000"/>
                <a:gd name="connsiteX1" fmla="*/ 8467 w 10034"/>
                <a:gd name="connsiteY1" fmla="*/ 97 h 10000"/>
                <a:gd name="connsiteX2" fmla="*/ 8137 w 10034"/>
                <a:gd name="connsiteY2" fmla="*/ 357 h 10000"/>
                <a:gd name="connsiteX3" fmla="*/ 8467 w 10034"/>
                <a:gd name="connsiteY3" fmla="*/ 697 h 10000"/>
                <a:gd name="connsiteX4" fmla="*/ 7855 w 10034"/>
                <a:gd name="connsiteY4" fmla="*/ 981 h 10000"/>
                <a:gd name="connsiteX5" fmla="*/ 7761 w 10034"/>
                <a:gd name="connsiteY5" fmla="*/ 803 h 10000"/>
                <a:gd name="connsiteX6" fmla="*/ 7228 w 10034"/>
                <a:gd name="connsiteY6" fmla="*/ 803 h 10000"/>
                <a:gd name="connsiteX7" fmla="*/ 7072 w 10034"/>
                <a:gd name="connsiteY7" fmla="*/ 584 h 10000"/>
                <a:gd name="connsiteX8" fmla="*/ 7526 w 10034"/>
                <a:gd name="connsiteY8" fmla="*/ 397 h 10000"/>
                <a:gd name="connsiteX9" fmla="*/ 7087 w 10034"/>
                <a:gd name="connsiteY9" fmla="*/ 276 h 10000"/>
                <a:gd name="connsiteX10" fmla="*/ 6915 w 10034"/>
                <a:gd name="connsiteY10" fmla="*/ 187 h 10000"/>
                <a:gd name="connsiteX11" fmla="*/ 6601 w 10034"/>
                <a:gd name="connsiteY11" fmla="*/ 187 h 10000"/>
                <a:gd name="connsiteX12" fmla="*/ 6304 w 10034"/>
                <a:gd name="connsiteY12" fmla="*/ 341 h 10000"/>
                <a:gd name="connsiteX13" fmla="*/ 5833 w 10034"/>
                <a:gd name="connsiteY13" fmla="*/ 397 h 10000"/>
                <a:gd name="connsiteX14" fmla="*/ 6398 w 10034"/>
                <a:gd name="connsiteY14" fmla="*/ 479 h 10000"/>
                <a:gd name="connsiteX15" fmla="*/ 6617 w 10034"/>
                <a:gd name="connsiteY15" fmla="*/ 738 h 10000"/>
                <a:gd name="connsiteX16" fmla="*/ 6711 w 10034"/>
                <a:gd name="connsiteY16" fmla="*/ 981 h 10000"/>
                <a:gd name="connsiteX17" fmla="*/ 6868 w 10034"/>
                <a:gd name="connsiteY17" fmla="*/ 981 h 10000"/>
                <a:gd name="connsiteX18" fmla="*/ 7275 w 10034"/>
                <a:gd name="connsiteY18" fmla="*/ 981 h 10000"/>
                <a:gd name="connsiteX19" fmla="*/ 7307 w 10034"/>
                <a:gd name="connsiteY19" fmla="*/ 1103 h 10000"/>
                <a:gd name="connsiteX20" fmla="*/ 7510 w 10034"/>
                <a:gd name="connsiteY20" fmla="*/ 1160 h 10000"/>
                <a:gd name="connsiteX21" fmla="*/ 7526 w 10034"/>
                <a:gd name="connsiteY21" fmla="*/ 1371 h 10000"/>
                <a:gd name="connsiteX22" fmla="*/ 7683 w 10034"/>
                <a:gd name="connsiteY22" fmla="*/ 1590 h 10000"/>
                <a:gd name="connsiteX23" fmla="*/ 7213 w 10034"/>
                <a:gd name="connsiteY23" fmla="*/ 1444 h 10000"/>
                <a:gd name="connsiteX24" fmla="*/ 6884 w 10034"/>
                <a:gd name="connsiteY24" fmla="*/ 1484 h 10000"/>
                <a:gd name="connsiteX25" fmla="*/ 6601 w 10034"/>
                <a:gd name="connsiteY25" fmla="*/ 1484 h 10000"/>
                <a:gd name="connsiteX26" fmla="*/ 6398 w 10034"/>
                <a:gd name="connsiteY26" fmla="*/ 1825 h 10000"/>
                <a:gd name="connsiteX27" fmla="*/ 6272 w 10034"/>
                <a:gd name="connsiteY27" fmla="*/ 2028 h 10000"/>
                <a:gd name="connsiteX28" fmla="*/ 6210 w 10034"/>
                <a:gd name="connsiteY28" fmla="*/ 2271 h 10000"/>
                <a:gd name="connsiteX29" fmla="*/ 6601 w 10034"/>
                <a:gd name="connsiteY29" fmla="*/ 2401 h 10000"/>
                <a:gd name="connsiteX30" fmla="*/ 6978 w 10034"/>
                <a:gd name="connsiteY30" fmla="*/ 2595 h 10000"/>
                <a:gd name="connsiteX31" fmla="*/ 6570 w 10034"/>
                <a:gd name="connsiteY31" fmla="*/ 2798 h 10000"/>
                <a:gd name="connsiteX32" fmla="*/ 6382 w 10034"/>
                <a:gd name="connsiteY32" fmla="*/ 2701 h 10000"/>
                <a:gd name="connsiteX33" fmla="*/ 6147 w 10034"/>
                <a:gd name="connsiteY33" fmla="*/ 2660 h 10000"/>
                <a:gd name="connsiteX34" fmla="*/ 5661 w 10034"/>
                <a:gd name="connsiteY34" fmla="*/ 2749 h 10000"/>
                <a:gd name="connsiteX35" fmla="*/ 5175 w 10034"/>
                <a:gd name="connsiteY35" fmla="*/ 2595 h 10000"/>
                <a:gd name="connsiteX36" fmla="*/ 4924 w 10034"/>
                <a:gd name="connsiteY36" fmla="*/ 2603 h 10000"/>
                <a:gd name="connsiteX37" fmla="*/ 5065 w 10034"/>
                <a:gd name="connsiteY37" fmla="*/ 2733 h 10000"/>
                <a:gd name="connsiteX38" fmla="*/ 5018 w 10034"/>
                <a:gd name="connsiteY38" fmla="*/ 2822 h 10000"/>
                <a:gd name="connsiteX39" fmla="*/ 5520 w 10034"/>
                <a:gd name="connsiteY39" fmla="*/ 3025 h 10000"/>
                <a:gd name="connsiteX40" fmla="*/ 5786 w 10034"/>
                <a:gd name="connsiteY40" fmla="*/ 2928 h 10000"/>
                <a:gd name="connsiteX41" fmla="*/ 6147 w 10034"/>
                <a:gd name="connsiteY41" fmla="*/ 3114 h 10000"/>
                <a:gd name="connsiteX42" fmla="*/ 5943 w 10034"/>
                <a:gd name="connsiteY42" fmla="*/ 3317 h 10000"/>
                <a:gd name="connsiteX43" fmla="*/ 5645 w 10034"/>
                <a:gd name="connsiteY43" fmla="*/ 3317 h 10000"/>
                <a:gd name="connsiteX44" fmla="*/ 5081 w 10034"/>
                <a:gd name="connsiteY44" fmla="*/ 3268 h 10000"/>
                <a:gd name="connsiteX45" fmla="*/ 5034 w 10034"/>
                <a:gd name="connsiteY45" fmla="*/ 3139 h 10000"/>
                <a:gd name="connsiteX46" fmla="*/ 4736 w 10034"/>
                <a:gd name="connsiteY46" fmla="*/ 3147 h 10000"/>
                <a:gd name="connsiteX47" fmla="*/ 4564 w 10034"/>
                <a:gd name="connsiteY47" fmla="*/ 3268 h 10000"/>
                <a:gd name="connsiteX48" fmla="*/ 4266 w 10034"/>
                <a:gd name="connsiteY48" fmla="*/ 3187 h 10000"/>
                <a:gd name="connsiteX49" fmla="*/ 4329 w 10034"/>
                <a:gd name="connsiteY49" fmla="*/ 3017 h 10000"/>
                <a:gd name="connsiteX50" fmla="*/ 3905 w 10034"/>
                <a:gd name="connsiteY50" fmla="*/ 2863 h 10000"/>
                <a:gd name="connsiteX51" fmla="*/ 3827 w 10034"/>
                <a:gd name="connsiteY51" fmla="*/ 2863 h 10000"/>
                <a:gd name="connsiteX52" fmla="*/ 3670 w 10034"/>
                <a:gd name="connsiteY52" fmla="*/ 2741 h 10000"/>
                <a:gd name="connsiteX53" fmla="*/ 3827 w 10034"/>
                <a:gd name="connsiteY53" fmla="*/ 2636 h 10000"/>
                <a:gd name="connsiteX54" fmla="*/ 3561 w 10034"/>
                <a:gd name="connsiteY54" fmla="*/ 2433 h 10000"/>
                <a:gd name="connsiteX55" fmla="*/ 3231 w 10034"/>
                <a:gd name="connsiteY55" fmla="*/ 2384 h 10000"/>
                <a:gd name="connsiteX56" fmla="*/ 2965 w 10034"/>
                <a:gd name="connsiteY56" fmla="*/ 2336 h 10000"/>
                <a:gd name="connsiteX57" fmla="*/ 2855 w 10034"/>
                <a:gd name="connsiteY57" fmla="*/ 2247 h 10000"/>
                <a:gd name="connsiteX58" fmla="*/ 2275 w 10034"/>
                <a:gd name="connsiteY58" fmla="*/ 2190 h 10000"/>
                <a:gd name="connsiteX59" fmla="*/ 2134 w 10034"/>
                <a:gd name="connsiteY59" fmla="*/ 2117 h 10000"/>
                <a:gd name="connsiteX60" fmla="*/ 1884 w 10034"/>
                <a:gd name="connsiteY60" fmla="*/ 2060 h 10000"/>
                <a:gd name="connsiteX61" fmla="*/ 2040 w 10034"/>
                <a:gd name="connsiteY61" fmla="*/ 1979 h 10000"/>
                <a:gd name="connsiteX62" fmla="*/ 2354 w 10034"/>
                <a:gd name="connsiteY62" fmla="*/ 2003 h 10000"/>
                <a:gd name="connsiteX63" fmla="*/ 2510 w 10034"/>
                <a:gd name="connsiteY63" fmla="*/ 2117 h 10000"/>
                <a:gd name="connsiteX64" fmla="*/ 2777 w 10034"/>
                <a:gd name="connsiteY64" fmla="*/ 2117 h 10000"/>
                <a:gd name="connsiteX65" fmla="*/ 3247 w 10034"/>
                <a:gd name="connsiteY65" fmla="*/ 2117 h 10000"/>
                <a:gd name="connsiteX66" fmla="*/ 3420 w 10034"/>
                <a:gd name="connsiteY66" fmla="*/ 2068 h 10000"/>
                <a:gd name="connsiteX67" fmla="*/ 3827 w 10034"/>
                <a:gd name="connsiteY67" fmla="*/ 2117 h 10000"/>
                <a:gd name="connsiteX68" fmla="*/ 4360 w 10034"/>
                <a:gd name="connsiteY68" fmla="*/ 2117 h 10000"/>
                <a:gd name="connsiteX69" fmla="*/ 5144 w 10034"/>
                <a:gd name="connsiteY69" fmla="*/ 2084 h 10000"/>
                <a:gd name="connsiteX70" fmla="*/ 5943 w 10034"/>
                <a:gd name="connsiteY70" fmla="*/ 1784 h 10000"/>
                <a:gd name="connsiteX71" fmla="*/ 5943 w 10034"/>
                <a:gd name="connsiteY71" fmla="*/ 1387 h 10000"/>
                <a:gd name="connsiteX72" fmla="*/ 5630 w 10034"/>
                <a:gd name="connsiteY72" fmla="*/ 1176 h 10000"/>
                <a:gd name="connsiteX73" fmla="*/ 5285 w 10034"/>
                <a:gd name="connsiteY73" fmla="*/ 1030 h 10000"/>
                <a:gd name="connsiteX74" fmla="*/ 4736 w 10034"/>
                <a:gd name="connsiteY74" fmla="*/ 981 h 10000"/>
                <a:gd name="connsiteX75" fmla="*/ 4344 w 10034"/>
                <a:gd name="connsiteY75" fmla="*/ 981 h 10000"/>
                <a:gd name="connsiteX76" fmla="*/ 3952 w 10034"/>
                <a:gd name="connsiteY76" fmla="*/ 981 h 10000"/>
                <a:gd name="connsiteX77" fmla="*/ 3435 w 10034"/>
                <a:gd name="connsiteY77" fmla="*/ 803 h 10000"/>
                <a:gd name="connsiteX78" fmla="*/ 2777 w 10034"/>
                <a:gd name="connsiteY78" fmla="*/ 738 h 10000"/>
                <a:gd name="connsiteX79" fmla="*/ 2338 w 10034"/>
                <a:gd name="connsiteY79" fmla="*/ 762 h 10000"/>
                <a:gd name="connsiteX80" fmla="*/ 1774 w 10034"/>
                <a:gd name="connsiteY80" fmla="*/ 787 h 10000"/>
                <a:gd name="connsiteX81" fmla="*/ 1664 w 10034"/>
                <a:gd name="connsiteY81" fmla="*/ 860 h 10000"/>
                <a:gd name="connsiteX82" fmla="*/ 1558 w 10034"/>
                <a:gd name="connsiteY82" fmla="*/ 709 h 10000"/>
                <a:gd name="connsiteX83" fmla="*/ 1329 w 10034"/>
                <a:gd name="connsiteY83" fmla="*/ 784 h 10000"/>
                <a:gd name="connsiteX84" fmla="*/ 1089 w 10034"/>
                <a:gd name="connsiteY84" fmla="*/ 706 h 10000"/>
                <a:gd name="connsiteX85" fmla="*/ 972 w 10034"/>
                <a:gd name="connsiteY85" fmla="*/ 910 h 10000"/>
                <a:gd name="connsiteX86" fmla="*/ 605 w 10034"/>
                <a:gd name="connsiteY86" fmla="*/ 1154 h 10000"/>
                <a:gd name="connsiteX87" fmla="*/ 553 w 10034"/>
                <a:gd name="connsiteY87" fmla="*/ 1389 h 10000"/>
                <a:gd name="connsiteX88" fmla="*/ 597 w 10034"/>
                <a:gd name="connsiteY88" fmla="*/ 1540 h 10000"/>
                <a:gd name="connsiteX89" fmla="*/ 34 w 10034"/>
                <a:gd name="connsiteY89" fmla="*/ 1679 h 10000"/>
                <a:gd name="connsiteX90" fmla="*/ 65 w 10034"/>
                <a:gd name="connsiteY90" fmla="*/ 1687 h 10000"/>
                <a:gd name="connsiteX91" fmla="*/ 65 w 10034"/>
                <a:gd name="connsiteY91" fmla="*/ 1695 h 10000"/>
                <a:gd name="connsiteX92" fmla="*/ 410 w 10034"/>
                <a:gd name="connsiteY92" fmla="*/ 1727 h 10000"/>
                <a:gd name="connsiteX93" fmla="*/ 551 w 10034"/>
                <a:gd name="connsiteY93" fmla="*/ 1800 h 10000"/>
                <a:gd name="connsiteX94" fmla="*/ 833 w 10034"/>
                <a:gd name="connsiteY94" fmla="*/ 1833 h 10000"/>
                <a:gd name="connsiteX95" fmla="*/ 927 w 10034"/>
                <a:gd name="connsiteY95" fmla="*/ 1971 h 10000"/>
                <a:gd name="connsiteX96" fmla="*/ 724 w 10034"/>
                <a:gd name="connsiteY96" fmla="*/ 2376 h 10000"/>
                <a:gd name="connsiteX97" fmla="*/ 927 w 10034"/>
                <a:gd name="connsiteY97" fmla="*/ 2457 h 10000"/>
                <a:gd name="connsiteX98" fmla="*/ 1711 w 10034"/>
                <a:gd name="connsiteY98" fmla="*/ 2879 h 10000"/>
                <a:gd name="connsiteX99" fmla="*/ 1492 w 10034"/>
                <a:gd name="connsiteY99" fmla="*/ 2976 h 10000"/>
                <a:gd name="connsiteX100" fmla="*/ 1492 w 10034"/>
                <a:gd name="connsiteY100" fmla="*/ 3179 h 10000"/>
                <a:gd name="connsiteX101" fmla="*/ 1711 w 10034"/>
                <a:gd name="connsiteY101" fmla="*/ 3220 h 10000"/>
                <a:gd name="connsiteX102" fmla="*/ 1648 w 10034"/>
                <a:gd name="connsiteY102" fmla="*/ 3333 h 10000"/>
                <a:gd name="connsiteX103" fmla="*/ 1821 w 10034"/>
                <a:gd name="connsiteY103" fmla="*/ 3398 h 10000"/>
                <a:gd name="connsiteX104" fmla="*/ 1993 w 10034"/>
                <a:gd name="connsiteY104" fmla="*/ 3366 h 10000"/>
                <a:gd name="connsiteX105" fmla="*/ 2025 w 10034"/>
                <a:gd name="connsiteY105" fmla="*/ 3528 h 10000"/>
                <a:gd name="connsiteX106" fmla="*/ 2166 w 10034"/>
                <a:gd name="connsiteY106" fmla="*/ 3609 h 10000"/>
                <a:gd name="connsiteX107" fmla="*/ 2354 w 10034"/>
                <a:gd name="connsiteY107" fmla="*/ 3577 h 10000"/>
                <a:gd name="connsiteX108" fmla="*/ 2495 w 10034"/>
                <a:gd name="connsiteY108" fmla="*/ 3715 h 10000"/>
                <a:gd name="connsiteX109" fmla="*/ 2369 w 10034"/>
                <a:gd name="connsiteY109" fmla="*/ 3950 h 10000"/>
                <a:gd name="connsiteX110" fmla="*/ 3310 w 10034"/>
                <a:gd name="connsiteY110" fmla="*/ 4193 h 10000"/>
                <a:gd name="connsiteX111" fmla="*/ 3326 w 10034"/>
                <a:gd name="connsiteY111" fmla="*/ 4599 h 10000"/>
                <a:gd name="connsiteX112" fmla="*/ 2840 w 10034"/>
                <a:gd name="connsiteY112" fmla="*/ 5239 h 10000"/>
                <a:gd name="connsiteX113" fmla="*/ 2322 w 10034"/>
                <a:gd name="connsiteY113" fmla="*/ 5677 h 10000"/>
                <a:gd name="connsiteX114" fmla="*/ 2589 w 10034"/>
                <a:gd name="connsiteY114" fmla="*/ 5612 h 10000"/>
                <a:gd name="connsiteX115" fmla="*/ 2652 w 10034"/>
                <a:gd name="connsiteY115" fmla="*/ 5766 h 10000"/>
                <a:gd name="connsiteX116" fmla="*/ 2965 w 10034"/>
                <a:gd name="connsiteY116" fmla="*/ 5839 h 10000"/>
                <a:gd name="connsiteX117" fmla="*/ 3404 w 10034"/>
                <a:gd name="connsiteY117" fmla="*/ 5775 h 10000"/>
                <a:gd name="connsiteX118" fmla="*/ 3827 w 10034"/>
                <a:gd name="connsiteY118" fmla="*/ 5864 h 10000"/>
                <a:gd name="connsiteX119" fmla="*/ 3827 w 10034"/>
                <a:gd name="connsiteY119" fmla="*/ 5994 h 10000"/>
                <a:gd name="connsiteX120" fmla="*/ 3090 w 10034"/>
                <a:gd name="connsiteY120" fmla="*/ 5969 h 10000"/>
                <a:gd name="connsiteX121" fmla="*/ 2965 w 10034"/>
                <a:gd name="connsiteY121" fmla="*/ 6091 h 10000"/>
                <a:gd name="connsiteX122" fmla="*/ 2589 w 10034"/>
                <a:gd name="connsiteY122" fmla="*/ 6172 h 10000"/>
                <a:gd name="connsiteX123" fmla="*/ 2667 w 10034"/>
                <a:gd name="connsiteY123" fmla="*/ 6269 h 10000"/>
                <a:gd name="connsiteX124" fmla="*/ 2746 w 10034"/>
                <a:gd name="connsiteY124" fmla="*/ 6326 h 10000"/>
                <a:gd name="connsiteX125" fmla="*/ 2573 w 10034"/>
                <a:gd name="connsiteY125" fmla="*/ 6415 h 10000"/>
                <a:gd name="connsiteX126" fmla="*/ 2620 w 10034"/>
                <a:gd name="connsiteY126" fmla="*/ 6537 h 10000"/>
                <a:gd name="connsiteX127" fmla="*/ 2432 w 10034"/>
                <a:gd name="connsiteY127" fmla="*/ 6642 h 10000"/>
                <a:gd name="connsiteX128" fmla="*/ 2526 w 10034"/>
                <a:gd name="connsiteY128" fmla="*/ 6788 h 10000"/>
                <a:gd name="connsiteX129" fmla="*/ 2714 w 10034"/>
                <a:gd name="connsiteY129" fmla="*/ 6821 h 10000"/>
                <a:gd name="connsiteX130" fmla="*/ 2636 w 10034"/>
                <a:gd name="connsiteY130" fmla="*/ 6983 h 10000"/>
                <a:gd name="connsiteX131" fmla="*/ 2855 w 10034"/>
                <a:gd name="connsiteY131" fmla="*/ 7015 h 10000"/>
                <a:gd name="connsiteX132" fmla="*/ 2965 w 10034"/>
                <a:gd name="connsiteY132" fmla="*/ 7145 h 10000"/>
                <a:gd name="connsiteX133" fmla="*/ 2840 w 10034"/>
                <a:gd name="connsiteY133" fmla="*/ 7202 h 10000"/>
                <a:gd name="connsiteX134" fmla="*/ 2855 w 10034"/>
                <a:gd name="connsiteY134" fmla="*/ 7299 h 10000"/>
                <a:gd name="connsiteX135" fmla="*/ 2965 w 10034"/>
                <a:gd name="connsiteY135" fmla="*/ 7388 h 10000"/>
                <a:gd name="connsiteX136" fmla="*/ 3326 w 10034"/>
                <a:gd name="connsiteY136" fmla="*/ 7486 h 10000"/>
                <a:gd name="connsiteX137" fmla="*/ 3200 w 10034"/>
                <a:gd name="connsiteY137" fmla="*/ 7575 h 10000"/>
                <a:gd name="connsiteX138" fmla="*/ 3326 w 10034"/>
                <a:gd name="connsiteY138" fmla="*/ 7737 h 10000"/>
                <a:gd name="connsiteX139" fmla="*/ 3451 w 10034"/>
                <a:gd name="connsiteY139" fmla="*/ 7737 h 10000"/>
                <a:gd name="connsiteX140" fmla="*/ 3545 w 10034"/>
                <a:gd name="connsiteY140" fmla="*/ 7810 h 10000"/>
                <a:gd name="connsiteX141" fmla="*/ 3827 w 10034"/>
                <a:gd name="connsiteY141" fmla="*/ 7908 h 10000"/>
                <a:gd name="connsiteX142" fmla="*/ 3827 w 10034"/>
                <a:gd name="connsiteY142" fmla="*/ 7997 h 10000"/>
                <a:gd name="connsiteX143" fmla="*/ 4109 w 10034"/>
                <a:gd name="connsiteY143" fmla="*/ 7972 h 10000"/>
                <a:gd name="connsiteX144" fmla="*/ 4611 w 10034"/>
                <a:gd name="connsiteY144" fmla="*/ 7972 h 10000"/>
                <a:gd name="connsiteX145" fmla="*/ 4752 w 10034"/>
                <a:gd name="connsiteY145" fmla="*/ 8167 h 10000"/>
                <a:gd name="connsiteX146" fmla="*/ 5175 w 10034"/>
                <a:gd name="connsiteY146" fmla="*/ 7972 h 10000"/>
                <a:gd name="connsiteX147" fmla="*/ 5755 w 10034"/>
                <a:gd name="connsiteY147" fmla="*/ 8078 h 10000"/>
                <a:gd name="connsiteX148" fmla="*/ 5880 w 10034"/>
                <a:gd name="connsiteY148" fmla="*/ 8289 h 10000"/>
                <a:gd name="connsiteX149" fmla="*/ 5880 w 10034"/>
                <a:gd name="connsiteY149" fmla="*/ 8467 h 10000"/>
                <a:gd name="connsiteX150" fmla="*/ 6147 w 10034"/>
                <a:gd name="connsiteY150" fmla="*/ 8483 h 10000"/>
                <a:gd name="connsiteX151" fmla="*/ 6257 w 10034"/>
                <a:gd name="connsiteY151" fmla="*/ 8581 h 10000"/>
                <a:gd name="connsiteX152" fmla="*/ 6570 w 10034"/>
                <a:gd name="connsiteY152" fmla="*/ 8710 h 10000"/>
                <a:gd name="connsiteX153" fmla="*/ 6946 w 10034"/>
                <a:gd name="connsiteY153" fmla="*/ 8759 h 10000"/>
                <a:gd name="connsiteX154" fmla="*/ 6962 w 10034"/>
                <a:gd name="connsiteY154" fmla="*/ 8889 h 10000"/>
                <a:gd name="connsiteX155" fmla="*/ 7401 w 10034"/>
                <a:gd name="connsiteY155" fmla="*/ 8856 h 10000"/>
                <a:gd name="connsiteX156" fmla="*/ 7730 w 10034"/>
                <a:gd name="connsiteY156" fmla="*/ 9027 h 10000"/>
                <a:gd name="connsiteX157" fmla="*/ 7620 w 10034"/>
                <a:gd name="connsiteY157" fmla="*/ 9238 h 10000"/>
                <a:gd name="connsiteX158" fmla="*/ 6946 w 10034"/>
                <a:gd name="connsiteY158" fmla="*/ 9238 h 10000"/>
                <a:gd name="connsiteX159" fmla="*/ 6837 w 10034"/>
                <a:gd name="connsiteY159" fmla="*/ 9343 h 10000"/>
                <a:gd name="connsiteX160" fmla="*/ 7166 w 10034"/>
                <a:gd name="connsiteY160" fmla="*/ 9424 h 10000"/>
                <a:gd name="connsiteX161" fmla="*/ 7213 w 10034"/>
                <a:gd name="connsiteY161" fmla="*/ 9594 h 10000"/>
                <a:gd name="connsiteX162" fmla="*/ 7495 w 10034"/>
                <a:gd name="connsiteY162" fmla="*/ 9805 h 10000"/>
                <a:gd name="connsiteX163" fmla="*/ 7871 w 10034"/>
                <a:gd name="connsiteY163" fmla="*/ 9813 h 10000"/>
                <a:gd name="connsiteX164" fmla="*/ 7887 w 10034"/>
                <a:gd name="connsiteY164" fmla="*/ 9659 h 10000"/>
                <a:gd name="connsiteX165" fmla="*/ 8498 w 10034"/>
                <a:gd name="connsiteY165" fmla="*/ 9521 h 10000"/>
                <a:gd name="connsiteX166" fmla="*/ 9094 w 10034"/>
                <a:gd name="connsiteY166" fmla="*/ 9521 h 10000"/>
                <a:gd name="connsiteX167" fmla="*/ 9579 w 10034"/>
                <a:gd name="connsiteY167" fmla="*/ 9659 h 10000"/>
                <a:gd name="connsiteX168" fmla="*/ 9313 w 10034"/>
                <a:gd name="connsiteY168" fmla="*/ 9789 h 10000"/>
                <a:gd name="connsiteX169" fmla="*/ 9658 w 10034"/>
                <a:gd name="connsiteY169" fmla="*/ 10000 h 10000"/>
                <a:gd name="connsiteX170" fmla="*/ 10034 w 10034"/>
                <a:gd name="connsiteY170" fmla="*/ 9951 h 10000"/>
                <a:gd name="connsiteX171" fmla="*/ 10034 w 10034"/>
                <a:gd name="connsiteY171" fmla="*/ 0 h 10000"/>
                <a:gd name="connsiteX172" fmla="*/ 8467 w 10034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058 w 9625"/>
                <a:gd name="connsiteY0" fmla="*/ 0 h 10000"/>
                <a:gd name="connsiteX1" fmla="*/ 8058 w 9625"/>
                <a:gd name="connsiteY1" fmla="*/ 97 h 10000"/>
                <a:gd name="connsiteX2" fmla="*/ 7728 w 9625"/>
                <a:gd name="connsiteY2" fmla="*/ 357 h 10000"/>
                <a:gd name="connsiteX3" fmla="*/ 8058 w 9625"/>
                <a:gd name="connsiteY3" fmla="*/ 697 h 10000"/>
                <a:gd name="connsiteX4" fmla="*/ 7446 w 9625"/>
                <a:gd name="connsiteY4" fmla="*/ 981 h 10000"/>
                <a:gd name="connsiteX5" fmla="*/ 7352 w 9625"/>
                <a:gd name="connsiteY5" fmla="*/ 803 h 10000"/>
                <a:gd name="connsiteX6" fmla="*/ 6819 w 9625"/>
                <a:gd name="connsiteY6" fmla="*/ 803 h 10000"/>
                <a:gd name="connsiteX7" fmla="*/ 6663 w 9625"/>
                <a:gd name="connsiteY7" fmla="*/ 584 h 10000"/>
                <a:gd name="connsiteX8" fmla="*/ 7117 w 9625"/>
                <a:gd name="connsiteY8" fmla="*/ 397 h 10000"/>
                <a:gd name="connsiteX9" fmla="*/ 6678 w 9625"/>
                <a:gd name="connsiteY9" fmla="*/ 276 h 10000"/>
                <a:gd name="connsiteX10" fmla="*/ 6506 w 9625"/>
                <a:gd name="connsiteY10" fmla="*/ 187 h 10000"/>
                <a:gd name="connsiteX11" fmla="*/ 6192 w 9625"/>
                <a:gd name="connsiteY11" fmla="*/ 187 h 10000"/>
                <a:gd name="connsiteX12" fmla="*/ 5895 w 9625"/>
                <a:gd name="connsiteY12" fmla="*/ 341 h 10000"/>
                <a:gd name="connsiteX13" fmla="*/ 5424 w 9625"/>
                <a:gd name="connsiteY13" fmla="*/ 397 h 10000"/>
                <a:gd name="connsiteX14" fmla="*/ 5989 w 9625"/>
                <a:gd name="connsiteY14" fmla="*/ 479 h 10000"/>
                <a:gd name="connsiteX15" fmla="*/ 6208 w 9625"/>
                <a:gd name="connsiteY15" fmla="*/ 738 h 10000"/>
                <a:gd name="connsiteX16" fmla="*/ 6302 w 9625"/>
                <a:gd name="connsiteY16" fmla="*/ 981 h 10000"/>
                <a:gd name="connsiteX17" fmla="*/ 6459 w 9625"/>
                <a:gd name="connsiteY17" fmla="*/ 981 h 10000"/>
                <a:gd name="connsiteX18" fmla="*/ 6866 w 9625"/>
                <a:gd name="connsiteY18" fmla="*/ 981 h 10000"/>
                <a:gd name="connsiteX19" fmla="*/ 6898 w 9625"/>
                <a:gd name="connsiteY19" fmla="*/ 1103 h 10000"/>
                <a:gd name="connsiteX20" fmla="*/ 7101 w 9625"/>
                <a:gd name="connsiteY20" fmla="*/ 1160 h 10000"/>
                <a:gd name="connsiteX21" fmla="*/ 7117 w 9625"/>
                <a:gd name="connsiteY21" fmla="*/ 1371 h 10000"/>
                <a:gd name="connsiteX22" fmla="*/ 7274 w 9625"/>
                <a:gd name="connsiteY22" fmla="*/ 1590 h 10000"/>
                <a:gd name="connsiteX23" fmla="*/ 6804 w 9625"/>
                <a:gd name="connsiteY23" fmla="*/ 1444 h 10000"/>
                <a:gd name="connsiteX24" fmla="*/ 6475 w 9625"/>
                <a:gd name="connsiteY24" fmla="*/ 1484 h 10000"/>
                <a:gd name="connsiteX25" fmla="*/ 6192 w 9625"/>
                <a:gd name="connsiteY25" fmla="*/ 1484 h 10000"/>
                <a:gd name="connsiteX26" fmla="*/ 5989 w 9625"/>
                <a:gd name="connsiteY26" fmla="*/ 1825 h 10000"/>
                <a:gd name="connsiteX27" fmla="*/ 5863 w 9625"/>
                <a:gd name="connsiteY27" fmla="*/ 2028 h 10000"/>
                <a:gd name="connsiteX28" fmla="*/ 5801 w 9625"/>
                <a:gd name="connsiteY28" fmla="*/ 2271 h 10000"/>
                <a:gd name="connsiteX29" fmla="*/ 6192 w 9625"/>
                <a:gd name="connsiteY29" fmla="*/ 2401 h 10000"/>
                <a:gd name="connsiteX30" fmla="*/ 6569 w 9625"/>
                <a:gd name="connsiteY30" fmla="*/ 2595 h 10000"/>
                <a:gd name="connsiteX31" fmla="*/ 6161 w 9625"/>
                <a:gd name="connsiteY31" fmla="*/ 2798 h 10000"/>
                <a:gd name="connsiteX32" fmla="*/ 5973 w 9625"/>
                <a:gd name="connsiteY32" fmla="*/ 2701 h 10000"/>
                <a:gd name="connsiteX33" fmla="*/ 5738 w 9625"/>
                <a:gd name="connsiteY33" fmla="*/ 2660 h 10000"/>
                <a:gd name="connsiteX34" fmla="*/ 5252 w 9625"/>
                <a:gd name="connsiteY34" fmla="*/ 2749 h 10000"/>
                <a:gd name="connsiteX35" fmla="*/ 4766 w 9625"/>
                <a:gd name="connsiteY35" fmla="*/ 2595 h 10000"/>
                <a:gd name="connsiteX36" fmla="*/ 4515 w 9625"/>
                <a:gd name="connsiteY36" fmla="*/ 2603 h 10000"/>
                <a:gd name="connsiteX37" fmla="*/ 4656 w 9625"/>
                <a:gd name="connsiteY37" fmla="*/ 2733 h 10000"/>
                <a:gd name="connsiteX38" fmla="*/ 4609 w 9625"/>
                <a:gd name="connsiteY38" fmla="*/ 2822 h 10000"/>
                <a:gd name="connsiteX39" fmla="*/ 5111 w 9625"/>
                <a:gd name="connsiteY39" fmla="*/ 3025 h 10000"/>
                <a:gd name="connsiteX40" fmla="*/ 5377 w 9625"/>
                <a:gd name="connsiteY40" fmla="*/ 2928 h 10000"/>
                <a:gd name="connsiteX41" fmla="*/ 5738 w 9625"/>
                <a:gd name="connsiteY41" fmla="*/ 3114 h 10000"/>
                <a:gd name="connsiteX42" fmla="*/ 5534 w 9625"/>
                <a:gd name="connsiteY42" fmla="*/ 3317 h 10000"/>
                <a:gd name="connsiteX43" fmla="*/ 5236 w 9625"/>
                <a:gd name="connsiteY43" fmla="*/ 3317 h 10000"/>
                <a:gd name="connsiteX44" fmla="*/ 4672 w 9625"/>
                <a:gd name="connsiteY44" fmla="*/ 3268 h 10000"/>
                <a:gd name="connsiteX45" fmla="*/ 4625 w 9625"/>
                <a:gd name="connsiteY45" fmla="*/ 3139 h 10000"/>
                <a:gd name="connsiteX46" fmla="*/ 4327 w 9625"/>
                <a:gd name="connsiteY46" fmla="*/ 3147 h 10000"/>
                <a:gd name="connsiteX47" fmla="*/ 4155 w 9625"/>
                <a:gd name="connsiteY47" fmla="*/ 3268 h 10000"/>
                <a:gd name="connsiteX48" fmla="*/ 3857 w 9625"/>
                <a:gd name="connsiteY48" fmla="*/ 3187 h 10000"/>
                <a:gd name="connsiteX49" fmla="*/ 3920 w 9625"/>
                <a:gd name="connsiteY49" fmla="*/ 3017 h 10000"/>
                <a:gd name="connsiteX50" fmla="*/ 3496 w 9625"/>
                <a:gd name="connsiteY50" fmla="*/ 2863 h 10000"/>
                <a:gd name="connsiteX51" fmla="*/ 3418 w 9625"/>
                <a:gd name="connsiteY51" fmla="*/ 2863 h 10000"/>
                <a:gd name="connsiteX52" fmla="*/ 3261 w 9625"/>
                <a:gd name="connsiteY52" fmla="*/ 2741 h 10000"/>
                <a:gd name="connsiteX53" fmla="*/ 3418 w 9625"/>
                <a:gd name="connsiteY53" fmla="*/ 2636 h 10000"/>
                <a:gd name="connsiteX54" fmla="*/ 3152 w 9625"/>
                <a:gd name="connsiteY54" fmla="*/ 2433 h 10000"/>
                <a:gd name="connsiteX55" fmla="*/ 2822 w 9625"/>
                <a:gd name="connsiteY55" fmla="*/ 2384 h 10000"/>
                <a:gd name="connsiteX56" fmla="*/ 2556 w 9625"/>
                <a:gd name="connsiteY56" fmla="*/ 2336 h 10000"/>
                <a:gd name="connsiteX57" fmla="*/ 2446 w 9625"/>
                <a:gd name="connsiteY57" fmla="*/ 2247 h 10000"/>
                <a:gd name="connsiteX58" fmla="*/ 1866 w 9625"/>
                <a:gd name="connsiteY58" fmla="*/ 2190 h 10000"/>
                <a:gd name="connsiteX59" fmla="*/ 1725 w 9625"/>
                <a:gd name="connsiteY59" fmla="*/ 2117 h 10000"/>
                <a:gd name="connsiteX60" fmla="*/ 1475 w 9625"/>
                <a:gd name="connsiteY60" fmla="*/ 2060 h 10000"/>
                <a:gd name="connsiteX61" fmla="*/ 1631 w 9625"/>
                <a:gd name="connsiteY61" fmla="*/ 1979 h 10000"/>
                <a:gd name="connsiteX62" fmla="*/ 1945 w 9625"/>
                <a:gd name="connsiteY62" fmla="*/ 2003 h 10000"/>
                <a:gd name="connsiteX63" fmla="*/ 2101 w 9625"/>
                <a:gd name="connsiteY63" fmla="*/ 2117 h 10000"/>
                <a:gd name="connsiteX64" fmla="*/ 2368 w 9625"/>
                <a:gd name="connsiteY64" fmla="*/ 2117 h 10000"/>
                <a:gd name="connsiteX65" fmla="*/ 2838 w 9625"/>
                <a:gd name="connsiteY65" fmla="*/ 2117 h 10000"/>
                <a:gd name="connsiteX66" fmla="*/ 3011 w 9625"/>
                <a:gd name="connsiteY66" fmla="*/ 2068 h 10000"/>
                <a:gd name="connsiteX67" fmla="*/ 3418 w 9625"/>
                <a:gd name="connsiteY67" fmla="*/ 2117 h 10000"/>
                <a:gd name="connsiteX68" fmla="*/ 3951 w 9625"/>
                <a:gd name="connsiteY68" fmla="*/ 2117 h 10000"/>
                <a:gd name="connsiteX69" fmla="*/ 4735 w 9625"/>
                <a:gd name="connsiteY69" fmla="*/ 2084 h 10000"/>
                <a:gd name="connsiteX70" fmla="*/ 5534 w 9625"/>
                <a:gd name="connsiteY70" fmla="*/ 1784 h 10000"/>
                <a:gd name="connsiteX71" fmla="*/ 5534 w 9625"/>
                <a:gd name="connsiteY71" fmla="*/ 1387 h 10000"/>
                <a:gd name="connsiteX72" fmla="*/ 5221 w 9625"/>
                <a:gd name="connsiteY72" fmla="*/ 1176 h 10000"/>
                <a:gd name="connsiteX73" fmla="*/ 4876 w 9625"/>
                <a:gd name="connsiteY73" fmla="*/ 1030 h 10000"/>
                <a:gd name="connsiteX74" fmla="*/ 4327 w 9625"/>
                <a:gd name="connsiteY74" fmla="*/ 981 h 10000"/>
                <a:gd name="connsiteX75" fmla="*/ 3935 w 9625"/>
                <a:gd name="connsiteY75" fmla="*/ 981 h 10000"/>
                <a:gd name="connsiteX76" fmla="*/ 3543 w 9625"/>
                <a:gd name="connsiteY76" fmla="*/ 981 h 10000"/>
                <a:gd name="connsiteX77" fmla="*/ 3026 w 9625"/>
                <a:gd name="connsiteY77" fmla="*/ 803 h 10000"/>
                <a:gd name="connsiteX78" fmla="*/ 2368 w 9625"/>
                <a:gd name="connsiteY78" fmla="*/ 738 h 10000"/>
                <a:gd name="connsiteX79" fmla="*/ 1929 w 9625"/>
                <a:gd name="connsiteY79" fmla="*/ 762 h 10000"/>
                <a:gd name="connsiteX80" fmla="*/ 1365 w 9625"/>
                <a:gd name="connsiteY80" fmla="*/ 787 h 10000"/>
                <a:gd name="connsiteX81" fmla="*/ 1255 w 9625"/>
                <a:gd name="connsiteY81" fmla="*/ 860 h 10000"/>
                <a:gd name="connsiteX82" fmla="*/ 1149 w 9625"/>
                <a:gd name="connsiteY82" fmla="*/ 709 h 10000"/>
                <a:gd name="connsiteX83" fmla="*/ 920 w 9625"/>
                <a:gd name="connsiteY83" fmla="*/ 784 h 10000"/>
                <a:gd name="connsiteX84" fmla="*/ 680 w 9625"/>
                <a:gd name="connsiteY84" fmla="*/ 706 h 10000"/>
                <a:gd name="connsiteX85" fmla="*/ 563 w 9625"/>
                <a:gd name="connsiteY85" fmla="*/ 910 h 10000"/>
                <a:gd name="connsiteX86" fmla="*/ 196 w 9625"/>
                <a:gd name="connsiteY86" fmla="*/ 1154 h 10000"/>
                <a:gd name="connsiteX87" fmla="*/ 144 w 9625"/>
                <a:gd name="connsiteY87" fmla="*/ 1389 h 10000"/>
                <a:gd name="connsiteX88" fmla="*/ 188 w 9625"/>
                <a:gd name="connsiteY88" fmla="*/ 1540 h 10000"/>
                <a:gd name="connsiteX89" fmla="*/ 86 w 9625"/>
                <a:gd name="connsiteY89" fmla="*/ 1628 h 10000"/>
                <a:gd name="connsiteX90" fmla="*/ 1 w 9625"/>
                <a:gd name="connsiteY90" fmla="*/ 1727 h 10000"/>
                <a:gd name="connsiteX91" fmla="*/ 142 w 9625"/>
                <a:gd name="connsiteY91" fmla="*/ 1800 h 10000"/>
                <a:gd name="connsiteX92" fmla="*/ 424 w 9625"/>
                <a:gd name="connsiteY92" fmla="*/ 1833 h 10000"/>
                <a:gd name="connsiteX93" fmla="*/ 518 w 9625"/>
                <a:gd name="connsiteY93" fmla="*/ 1971 h 10000"/>
                <a:gd name="connsiteX94" fmla="*/ 315 w 9625"/>
                <a:gd name="connsiteY94" fmla="*/ 2376 h 10000"/>
                <a:gd name="connsiteX95" fmla="*/ 518 w 9625"/>
                <a:gd name="connsiteY95" fmla="*/ 2457 h 10000"/>
                <a:gd name="connsiteX96" fmla="*/ 1302 w 9625"/>
                <a:gd name="connsiteY96" fmla="*/ 2879 h 10000"/>
                <a:gd name="connsiteX97" fmla="*/ 1083 w 9625"/>
                <a:gd name="connsiteY97" fmla="*/ 2976 h 10000"/>
                <a:gd name="connsiteX98" fmla="*/ 1083 w 9625"/>
                <a:gd name="connsiteY98" fmla="*/ 3179 h 10000"/>
                <a:gd name="connsiteX99" fmla="*/ 1302 w 9625"/>
                <a:gd name="connsiteY99" fmla="*/ 3220 h 10000"/>
                <a:gd name="connsiteX100" fmla="*/ 1239 w 9625"/>
                <a:gd name="connsiteY100" fmla="*/ 3333 h 10000"/>
                <a:gd name="connsiteX101" fmla="*/ 1412 w 9625"/>
                <a:gd name="connsiteY101" fmla="*/ 3398 h 10000"/>
                <a:gd name="connsiteX102" fmla="*/ 1584 w 9625"/>
                <a:gd name="connsiteY102" fmla="*/ 3366 h 10000"/>
                <a:gd name="connsiteX103" fmla="*/ 1616 w 9625"/>
                <a:gd name="connsiteY103" fmla="*/ 3528 h 10000"/>
                <a:gd name="connsiteX104" fmla="*/ 1757 w 9625"/>
                <a:gd name="connsiteY104" fmla="*/ 3609 h 10000"/>
                <a:gd name="connsiteX105" fmla="*/ 1945 w 9625"/>
                <a:gd name="connsiteY105" fmla="*/ 3577 h 10000"/>
                <a:gd name="connsiteX106" fmla="*/ 2086 w 9625"/>
                <a:gd name="connsiteY106" fmla="*/ 3715 h 10000"/>
                <a:gd name="connsiteX107" fmla="*/ 1960 w 9625"/>
                <a:gd name="connsiteY107" fmla="*/ 3950 h 10000"/>
                <a:gd name="connsiteX108" fmla="*/ 2901 w 9625"/>
                <a:gd name="connsiteY108" fmla="*/ 4193 h 10000"/>
                <a:gd name="connsiteX109" fmla="*/ 2917 w 9625"/>
                <a:gd name="connsiteY109" fmla="*/ 4599 h 10000"/>
                <a:gd name="connsiteX110" fmla="*/ 2431 w 9625"/>
                <a:gd name="connsiteY110" fmla="*/ 5239 h 10000"/>
                <a:gd name="connsiteX111" fmla="*/ 1913 w 9625"/>
                <a:gd name="connsiteY111" fmla="*/ 5677 h 10000"/>
                <a:gd name="connsiteX112" fmla="*/ 2180 w 9625"/>
                <a:gd name="connsiteY112" fmla="*/ 5612 h 10000"/>
                <a:gd name="connsiteX113" fmla="*/ 2243 w 9625"/>
                <a:gd name="connsiteY113" fmla="*/ 5766 h 10000"/>
                <a:gd name="connsiteX114" fmla="*/ 2556 w 9625"/>
                <a:gd name="connsiteY114" fmla="*/ 5839 h 10000"/>
                <a:gd name="connsiteX115" fmla="*/ 2995 w 9625"/>
                <a:gd name="connsiteY115" fmla="*/ 5775 h 10000"/>
                <a:gd name="connsiteX116" fmla="*/ 3418 w 9625"/>
                <a:gd name="connsiteY116" fmla="*/ 5864 h 10000"/>
                <a:gd name="connsiteX117" fmla="*/ 3418 w 9625"/>
                <a:gd name="connsiteY117" fmla="*/ 5994 h 10000"/>
                <a:gd name="connsiteX118" fmla="*/ 2681 w 9625"/>
                <a:gd name="connsiteY118" fmla="*/ 5969 h 10000"/>
                <a:gd name="connsiteX119" fmla="*/ 2556 w 9625"/>
                <a:gd name="connsiteY119" fmla="*/ 6091 h 10000"/>
                <a:gd name="connsiteX120" fmla="*/ 2180 w 9625"/>
                <a:gd name="connsiteY120" fmla="*/ 6172 h 10000"/>
                <a:gd name="connsiteX121" fmla="*/ 2258 w 9625"/>
                <a:gd name="connsiteY121" fmla="*/ 6269 h 10000"/>
                <a:gd name="connsiteX122" fmla="*/ 2337 w 9625"/>
                <a:gd name="connsiteY122" fmla="*/ 6326 h 10000"/>
                <a:gd name="connsiteX123" fmla="*/ 2164 w 9625"/>
                <a:gd name="connsiteY123" fmla="*/ 6415 h 10000"/>
                <a:gd name="connsiteX124" fmla="*/ 2211 w 9625"/>
                <a:gd name="connsiteY124" fmla="*/ 6537 h 10000"/>
                <a:gd name="connsiteX125" fmla="*/ 2023 w 9625"/>
                <a:gd name="connsiteY125" fmla="*/ 6642 h 10000"/>
                <a:gd name="connsiteX126" fmla="*/ 2117 w 9625"/>
                <a:gd name="connsiteY126" fmla="*/ 6788 h 10000"/>
                <a:gd name="connsiteX127" fmla="*/ 2305 w 9625"/>
                <a:gd name="connsiteY127" fmla="*/ 6821 h 10000"/>
                <a:gd name="connsiteX128" fmla="*/ 2227 w 9625"/>
                <a:gd name="connsiteY128" fmla="*/ 6983 h 10000"/>
                <a:gd name="connsiteX129" fmla="*/ 2446 w 9625"/>
                <a:gd name="connsiteY129" fmla="*/ 7015 h 10000"/>
                <a:gd name="connsiteX130" fmla="*/ 2556 w 9625"/>
                <a:gd name="connsiteY130" fmla="*/ 7145 h 10000"/>
                <a:gd name="connsiteX131" fmla="*/ 2431 w 9625"/>
                <a:gd name="connsiteY131" fmla="*/ 7202 h 10000"/>
                <a:gd name="connsiteX132" fmla="*/ 2446 w 9625"/>
                <a:gd name="connsiteY132" fmla="*/ 7299 h 10000"/>
                <a:gd name="connsiteX133" fmla="*/ 2556 w 9625"/>
                <a:gd name="connsiteY133" fmla="*/ 7388 h 10000"/>
                <a:gd name="connsiteX134" fmla="*/ 2917 w 9625"/>
                <a:gd name="connsiteY134" fmla="*/ 7486 h 10000"/>
                <a:gd name="connsiteX135" fmla="*/ 2791 w 9625"/>
                <a:gd name="connsiteY135" fmla="*/ 7575 h 10000"/>
                <a:gd name="connsiteX136" fmla="*/ 2917 w 9625"/>
                <a:gd name="connsiteY136" fmla="*/ 7737 h 10000"/>
                <a:gd name="connsiteX137" fmla="*/ 3042 w 9625"/>
                <a:gd name="connsiteY137" fmla="*/ 7737 h 10000"/>
                <a:gd name="connsiteX138" fmla="*/ 3136 w 9625"/>
                <a:gd name="connsiteY138" fmla="*/ 7810 h 10000"/>
                <a:gd name="connsiteX139" fmla="*/ 3418 w 9625"/>
                <a:gd name="connsiteY139" fmla="*/ 7908 h 10000"/>
                <a:gd name="connsiteX140" fmla="*/ 3418 w 9625"/>
                <a:gd name="connsiteY140" fmla="*/ 7997 h 10000"/>
                <a:gd name="connsiteX141" fmla="*/ 3700 w 9625"/>
                <a:gd name="connsiteY141" fmla="*/ 7972 h 10000"/>
                <a:gd name="connsiteX142" fmla="*/ 4202 w 9625"/>
                <a:gd name="connsiteY142" fmla="*/ 7972 h 10000"/>
                <a:gd name="connsiteX143" fmla="*/ 4343 w 9625"/>
                <a:gd name="connsiteY143" fmla="*/ 8167 h 10000"/>
                <a:gd name="connsiteX144" fmla="*/ 4766 w 9625"/>
                <a:gd name="connsiteY144" fmla="*/ 7972 h 10000"/>
                <a:gd name="connsiteX145" fmla="*/ 5346 w 9625"/>
                <a:gd name="connsiteY145" fmla="*/ 8078 h 10000"/>
                <a:gd name="connsiteX146" fmla="*/ 5471 w 9625"/>
                <a:gd name="connsiteY146" fmla="*/ 8289 h 10000"/>
                <a:gd name="connsiteX147" fmla="*/ 5471 w 9625"/>
                <a:gd name="connsiteY147" fmla="*/ 8467 h 10000"/>
                <a:gd name="connsiteX148" fmla="*/ 5738 w 9625"/>
                <a:gd name="connsiteY148" fmla="*/ 8483 h 10000"/>
                <a:gd name="connsiteX149" fmla="*/ 5848 w 9625"/>
                <a:gd name="connsiteY149" fmla="*/ 8581 h 10000"/>
                <a:gd name="connsiteX150" fmla="*/ 6161 w 9625"/>
                <a:gd name="connsiteY150" fmla="*/ 8710 h 10000"/>
                <a:gd name="connsiteX151" fmla="*/ 6537 w 9625"/>
                <a:gd name="connsiteY151" fmla="*/ 8759 h 10000"/>
                <a:gd name="connsiteX152" fmla="*/ 6553 w 9625"/>
                <a:gd name="connsiteY152" fmla="*/ 8889 h 10000"/>
                <a:gd name="connsiteX153" fmla="*/ 6992 w 9625"/>
                <a:gd name="connsiteY153" fmla="*/ 8856 h 10000"/>
                <a:gd name="connsiteX154" fmla="*/ 7321 w 9625"/>
                <a:gd name="connsiteY154" fmla="*/ 9027 h 10000"/>
                <a:gd name="connsiteX155" fmla="*/ 7211 w 9625"/>
                <a:gd name="connsiteY155" fmla="*/ 9238 h 10000"/>
                <a:gd name="connsiteX156" fmla="*/ 6537 w 9625"/>
                <a:gd name="connsiteY156" fmla="*/ 9238 h 10000"/>
                <a:gd name="connsiteX157" fmla="*/ 6428 w 9625"/>
                <a:gd name="connsiteY157" fmla="*/ 9343 h 10000"/>
                <a:gd name="connsiteX158" fmla="*/ 6757 w 9625"/>
                <a:gd name="connsiteY158" fmla="*/ 9424 h 10000"/>
                <a:gd name="connsiteX159" fmla="*/ 6804 w 9625"/>
                <a:gd name="connsiteY159" fmla="*/ 9594 h 10000"/>
                <a:gd name="connsiteX160" fmla="*/ 7086 w 9625"/>
                <a:gd name="connsiteY160" fmla="*/ 9805 h 10000"/>
                <a:gd name="connsiteX161" fmla="*/ 7462 w 9625"/>
                <a:gd name="connsiteY161" fmla="*/ 9813 h 10000"/>
                <a:gd name="connsiteX162" fmla="*/ 7478 w 9625"/>
                <a:gd name="connsiteY162" fmla="*/ 9659 h 10000"/>
                <a:gd name="connsiteX163" fmla="*/ 8089 w 9625"/>
                <a:gd name="connsiteY163" fmla="*/ 9521 h 10000"/>
                <a:gd name="connsiteX164" fmla="*/ 8685 w 9625"/>
                <a:gd name="connsiteY164" fmla="*/ 9521 h 10000"/>
                <a:gd name="connsiteX165" fmla="*/ 9170 w 9625"/>
                <a:gd name="connsiteY165" fmla="*/ 9659 h 10000"/>
                <a:gd name="connsiteX166" fmla="*/ 8904 w 9625"/>
                <a:gd name="connsiteY166" fmla="*/ 9789 h 10000"/>
                <a:gd name="connsiteX167" fmla="*/ 9249 w 9625"/>
                <a:gd name="connsiteY167" fmla="*/ 10000 h 10000"/>
                <a:gd name="connsiteX168" fmla="*/ 9625 w 9625"/>
                <a:gd name="connsiteY168" fmla="*/ 9951 h 10000"/>
                <a:gd name="connsiteX169" fmla="*/ 9625 w 9625"/>
                <a:gd name="connsiteY169" fmla="*/ 0 h 10000"/>
                <a:gd name="connsiteX170" fmla="*/ 8058 w 9625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706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42 w 10000"/>
                <a:gd name="connsiteY83" fmla="*/ 763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0000" h="10000">
                  <a:moveTo>
                    <a:pt x="8372" y="0"/>
                  </a:moveTo>
                  <a:lnTo>
                    <a:pt x="8372" y="97"/>
                  </a:lnTo>
                  <a:lnTo>
                    <a:pt x="8029" y="357"/>
                  </a:lnTo>
                  <a:lnTo>
                    <a:pt x="8372" y="697"/>
                  </a:lnTo>
                  <a:lnTo>
                    <a:pt x="7736" y="981"/>
                  </a:lnTo>
                  <a:cubicBezTo>
                    <a:pt x="7703" y="922"/>
                    <a:pt x="7671" y="862"/>
                    <a:pt x="7638" y="803"/>
                  </a:cubicBezTo>
                  <a:lnTo>
                    <a:pt x="7085" y="803"/>
                  </a:lnTo>
                  <a:lnTo>
                    <a:pt x="6923" y="584"/>
                  </a:lnTo>
                  <a:lnTo>
                    <a:pt x="7394" y="397"/>
                  </a:lnTo>
                  <a:lnTo>
                    <a:pt x="6938" y="276"/>
                  </a:lnTo>
                  <a:lnTo>
                    <a:pt x="6759" y="187"/>
                  </a:lnTo>
                  <a:lnTo>
                    <a:pt x="6433" y="187"/>
                  </a:lnTo>
                  <a:lnTo>
                    <a:pt x="6125" y="341"/>
                  </a:lnTo>
                  <a:lnTo>
                    <a:pt x="5635" y="397"/>
                  </a:lnTo>
                  <a:lnTo>
                    <a:pt x="6222" y="479"/>
                  </a:lnTo>
                  <a:lnTo>
                    <a:pt x="6450" y="738"/>
                  </a:lnTo>
                  <a:cubicBezTo>
                    <a:pt x="6482" y="819"/>
                    <a:pt x="6515" y="900"/>
                    <a:pt x="6548" y="981"/>
                  </a:cubicBezTo>
                  <a:lnTo>
                    <a:pt x="6711" y="981"/>
                  </a:lnTo>
                  <a:lnTo>
                    <a:pt x="7134" y="981"/>
                  </a:lnTo>
                  <a:cubicBezTo>
                    <a:pt x="7145" y="1022"/>
                    <a:pt x="7155" y="1062"/>
                    <a:pt x="7167" y="1103"/>
                  </a:cubicBezTo>
                  <a:lnTo>
                    <a:pt x="7378" y="1160"/>
                  </a:lnTo>
                  <a:cubicBezTo>
                    <a:pt x="7383" y="1230"/>
                    <a:pt x="7389" y="1301"/>
                    <a:pt x="7394" y="1371"/>
                  </a:cubicBezTo>
                  <a:lnTo>
                    <a:pt x="7557" y="1590"/>
                  </a:lnTo>
                  <a:lnTo>
                    <a:pt x="7069" y="1444"/>
                  </a:lnTo>
                  <a:lnTo>
                    <a:pt x="6727" y="1484"/>
                  </a:lnTo>
                  <a:lnTo>
                    <a:pt x="6433" y="1484"/>
                  </a:lnTo>
                  <a:cubicBezTo>
                    <a:pt x="6363" y="1598"/>
                    <a:pt x="6292" y="1711"/>
                    <a:pt x="6222" y="1825"/>
                  </a:cubicBezTo>
                  <a:lnTo>
                    <a:pt x="6091" y="2028"/>
                  </a:lnTo>
                  <a:cubicBezTo>
                    <a:pt x="6070" y="2109"/>
                    <a:pt x="6049" y="2190"/>
                    <a:pt x="6027" y="2271"/>
                  </a:cubicBezTo>
                  <a:lnTo>
                    <a:pt x="6433" y="2401"/>
                  </a:lnTo>
                  <a:lnTo>
                    <a:pt x="6825" y="2595"/>
                  </a:lnTo>
                  <a:lnTo>
                    <a:pt x="6401" y="2798"/>
                  </a:lnTo>
                  <a:lnTo>
                    <a:pt x="6206" y="2701"/>
                  </a:lnTo>
                  <a:lnTo>
                    <a:pt x="5962" y="2660"/>
                  </a:lnTo>
                  <a:lnTo>
                    <a:pt x="5457" y="2749"/>
                  </a:lnTo>
                  <a:lnTo>
                    <a:pt x="4952" y="2595"/>
                  </a:lnTo>
                  <a:lnTo>
                    <a:pt x="4691" y="2603"/>
                  </a:lnTo>
                  <a:cubicBezTo>
                    <a:pt x="4740" y="2646"/>
                    <a:pt x="4788" y="2690"/>
                    <a:pt x="4837" y="2733"/>
                  </a:cubicBezTo>
                  <a:cubicBezTo>
                    <a:pt x="4821" y="2763"/>
                    <a:pt x="4805" y="2792"/>
                    <a:pt x="4789" y="2822"/>
                  </a:cubicBezTo>
                  <a:lnTo>
                    <a:pt x="5310" y="3025"/>
                  </a:lnTo>
                  <a:lnTo>
                    <a:pt x="5586" y="2928"/>
                  </a:lnTo>
                  <a:lnTo>
                    <a:pt x="5962" y="3114"/>
                  </a:lnTo>
                  <a:lnTo>
                    <a:pt x="5750" y="3317"/>
                  </a:lnTo>
                  <a:lnTo>
                    <a:pt x="5440" y="3317"/>
                  </a:lnTo>
                  <a:lnTo>
                    <a:pt x="4854" y="3268"/>
                  </a:lnTo>
                  <a:cubicBezTo>
                    <a:pt x="4837" y="3225"/>
                    <a:pt x="4822" y="3182"/>
                    <a:pt x="4805" y="3139"/>
                  </a:cubicBezTo>
                  <a:lnTo>
                    <a:pt x="4496" y="3147"/>
                  </a:lnTo>
                  <a:lnTo>
                    <a:pt x="4317" y="3268"/>
                  </a:lnTo>
                  <a:lnTo>
                    <a:pt x="4007" y="3187"/>
                  </a:lnTo>
                  <a:cubicBezTo>
                    <a:pt x="4029" y="3130"/>
                    <a:pt x="4051" y="3074"/>
                    <a:pt x="4073" y="3017"/>
                  </a:cubicBezTo>
                  <a:lnTo>
                    <a:pt x="3632" y="2863"/>
                  </a:lnTo>
                  <a:lnTo>
                    <a:pt x="3551" y="2863"/>
                  </a:lnTo>
                  <a:cubicBezTo>
                    <a:pt x="3497" y="2822"/>
                    <a:pt x="3442" y="2782"/>
                    <a:pt x="3388" y="2741"/>
                  </a:cubicBezTo>
                  <a:lnTo>
                    <a:pt x="3551" y="2636"/>
                  </a:lnTo>
                  <a:lnTo>
                    <a:pt x="3275" y="2433"/>
                  </a:lnTo>
                  <a:lnTo>
                    <a:pt x="2932" y="2384"/>
                  </a:lnTo>
                  <a:lnTo>
                    <a:pt x="2656" y="2336"/>
                  </a:lnTo>
                  <a:cubicBezTo>
                    <a:pt x="2618" y="2306"/>
                    <a:pt x="2579" y="2277"/>
                    <a:pt x="2541" y="2247"/>
                  </a:cubicBezTo>
                  <a:lnTo>
                    <a:pt x="1939" y="2190"/>
                  </a:lnTo>
                  <a:lnTo>
                    <a:pt x="1792" y="2117"/>
                  </a:lnTo>
                  <a:lnTo>
                    <a:pt x="1532" y="2060"/>
                  </a:lnTo>
                  <a:lnTo>
                    <a:pt x="1695" y="1979"/>
                  </a:lnTo>
                  <a:lnTo>
                    <a:pt x="2021" y="2003"/>
                  </a:lnTo>
                  <a:lnTo>
                    <a:pt x="2183" y="2117"/>
                  </a:lnTo>
                  <a:lnTo>
                    <a:pt x="2460" y="2117"/>
                  </a:lnTo>
                  <a:lnTo>
                    <a:pt x="2949" y="2117"/>
                  </a:lnTo>
                  <a:lnTo>
                    <a:pt x="3128" y="2068"/>
                  </a:lnTo>
                  <a:lnTo>
                    <a:pt x="3551" y="2117"/>
                  </a:lnTo>
                  <a:lnTo>
                    <a:pt x="4105" y="2117"/>
                  </a:lnTo>
                  <a:cubicBezTo>
                    <a:pt x="4137" y="2117"/>
                    <a:pt x="4919" y="2084"/>
                    <a:pt x="4919" y="2084"/>
                  </a:cubicBezTo>
                  <a:lnTo>
                    <a:pt x="5750" y="1784"/>
                  </a:lnTo>
                  <a:lnTo>
                    <a:pt x="5750" y="1387"/>
                  </a:lnTo>
                  <a:lnTo>
                    <a:pt x="5424" y="1176"/>
                  </a:lnTo>
                  <a:lnTo>
                    <a:pt x="5066" y="1030"/>
                  </a:lnTo>
                  <a:lnTo>
                    <a:pt x="4496" y="981"/>
                  </a:lnTo>
                  <a:lnTo>
                    <a:pt x="4088" y="981"/>
                  </a:lnTo>
                  <a:lnTo>
                    <a:pt x="3681" y="981"/>
                  </a:lnTo>
                  <a:lnTo>
                    <a:pt x="3144" y="803"/>
                  </a:lnTo>
                  <a:lnTo>
                    <a:pt x="2460" y="738"/>
                  </a:lnTo>
                  <a:lnTo>
                    <a:pt x="2004" y="762"/>
                  </a:lnTo>
                  <a:lnTo>
                    <a:pt x="1418" y="787"/>
                  </a:lnTo>
                  <a:lnTo>
                    <a:pt x="1304" y="860"/>
                  </a:lnTo>
                  <a:cubicBezTo>
                    <a:pt x="1266" y="847"/>
                    <a:pt x="1254" y="725"/>
                    <a:pt x="1194" y="709"/>
                  </a:cubicBezTo>
                  <a:cubicBezTo>
                    <a:pt x="1134" y="693"/>
                    <a:pt x="1021" y="768"/>
                    <a:pt x="942" y="763"/>
                  </a:cubicBezTo>
                  <a:cubicBezTo>
                    <a:pt x="863" y="758"/>
                    <a:pt x="780" y="654"/>
                    <a:pt x="720" y="678"/>
                  </a:cubicBezTo>
                  <a:cubicBezTo>
                    <a:pt x="661" y="703"/>
                    <a:pt x="671" y="831"/>
                    <a:pt x="585" y="910"/>
                  </a:cubicBezTo>
                  <a:cubicBezTo>
                    <a:pt x="499" y="989"/>
                    <a:pt x="276" y="1074"/>
                    <a:pt x="204" y="1154"/>
                  </a:cubicBezTo>
                  <a:cubicBezTo>
                    <a:pt x="131" y="1234"/>
                    <a:pt x="151" y="1325"/>
                    <a:pt x="150" y="1389"/>
                  </a:cubicBezTo>
                  <a:cubicBezTo>
                    <a:pt x="149" y="1453"/>
                    <a:pt x="206" y="1500"/>
                    <a:pt x="195" y="1540"/>
                  </a:cubicBezTo>
                  <a:cubicBezTo>
                    <a:pt x="185" y="1580"/>
                    <a:pt x="122" y="1597"/>
                    <a:pt x="89" y="1628"/>
                  </a:cubicBezTo>
                  <a:cubicBezTo>
                    <a:pt x="57" y="1659"/>
                    <a:pt x="-8" y="1699"/>
                    <a:pt x="1" y="1727"/>
                  </a:cubicBezTo>
                  <a:cubicBezTo>
                    <a:pt x="10" y="1755"/>
                    <a:pt x="99" y="1776"/>
                    <a:pt x="148" y="1800"/>
                  </a:cubicBezTo>
                  <a:lnTo>
                    <a:pt x="441" y="1833"/>
                  </a:lnTo>
                  <a:cubicBezTo>
                    <a:pt x="473" y="1879"/>
                    <a:pt x="506" y="1925"/>
                    <a:pt x="538" y="1971"/>
                  </a:cubicBezTo>
                  <a:lnTo>
                    <a:pt x="327" y="2376"/>
                  </a:lnTo>
                  <a:lnTo>
                    <a:pt x="538" y="2457"/>
                  </a:lnTo>
                  <a:lnTo>
                    <a:pt x="1353" y="2879"/>
                  </a:lnTo>
                  <a:lnTo>
                    <a:pt x="1125" y="2976"/>
                  </a:lnTo>
                  <a:lnTo>
                    <a:pt x="1125" y="3179"/>
                  </a:lnTo>
                  <a:lnTo>
                    <a:pt x="1353" y="3220"/>
                  </a:lnTo>
                  <a:cubicBezTo>
                    <a:pt x="1331" y="3258"/>
                    <a:pt x="1309" y="3295"/>
                    <a:pt x="1287" y="3333"/>
                  </a:cubicBezTo>
                  <a:lnTo>
                    <a:pt x="1467" y="3398"/>
                  </a:lnTo>
                  <a:lnTo>
                    <a:pt x="1646" y="3366"/>
                  </a:lnTo>
                  <a:lnTo>
                    <a:pt x="1679" y="3528"/>
                  </a:lnTo>
                  <a:lnTo>
                    <a:pt x="1825" y="3609"/>
                  </a:lnTo>
                  <a:lnTo>
                    <a:pt x="2021" y="3577"/>
                  </a:lnTo>
                  <a:lnTo>
                    <a:pt x="2167" y="3715"/>
                  </a:lnTo>
                  <a:cubicBezTo>
                    <a:pt x="2123" y="3793"/>
                    <a:pt x="2080" y="3872"/>
                    <a:pt x="2036" y="3950"/>
                  </a:cubicBezTo>
                  <a:lnTo>
                    <a:pt x="3014" y="4193"/>
                  </a:lnTo>
                  <a:cubicBezTo>
                    <a:pt x="3019" y="4328"/>
                    <a:pt x="3025" y="4464"/>
                    <a:pt x="3031" y="4599"/>
                  </a:cubicBezTo>
                  <a:lnTo>
                    <a:pt x="2526" y="5239"/>
                  </a:lnTo>
                  <a:lnTo>
                    <a:pt x="1988" y="5677"/>
                  </a:lnTo>
                  <a:lnTo>
                    <a:pt x="2265" y="5612"/>
                  </a:lnTo>
                  <a:cubicBezTo>
                    <a:pt x="2287" y="5663"/>
                    <a:pt x="2309" y="5715"/>
                    <a:pt x="2330" y="5766"/>
                  </a:cubicBezTo>
                  <a:lnTo>
                    <a:pt x="2656" y="5839"/>
                  </a:lnTo>
                  <a:lnTo>
                    <a:pt x="3112" y="5775"/>
                  </a:lnTo>
                  <a:cubicBezTo>
                    <a:pt x="3112" y="5775"/>
                    <a:pt x="3519" y="5864"/>
                    <a:pt x="3551" y="5864"/>
                  </a:cubicBezTo>
                  <a:cubicBezTo>
                    <a:pt x="3568" y="5872"/>
                    <a:pt x="3551" y="5994"/>
                    <a:pt x="3551" y="5994"/>
                  </a:cubicBezTo>
                  <a:lnTo>
                    <a:pt x="2785" y="5969"/>
                  </a:lnTo>
                  <a:lnTo>
                    <a:pt x="2656" y="6091"/>
                  </a:lnTo>
                  <a:lnTo>
                    <a:pt x="2265" y="6172"/>
                  </a:lnTo>
                  <a:cubicBezTo>
                    <a:pt x="2292" y="6204"/>
                    <a:pt x="2319" y="6237"/>
                    <a:pt x="2346" y="6269"/>
                  </a:cubicBezTo>
                  <a:lnTo>
                    <a:pt x="2428" y="6326"/>
                  </a:lnTo>
                  <a:lnTo>
                    <a:pt x="2248" y="6415"/>
                  </a:lnTo>
                  <a:cubicBezTo>
                    <a:pt x="2265" y="6456"/>
                    <a:pt x="2281" y="6496"/>
                    <a:pt x="2297" y="6537"/>
                  </a:cubicBezTo>
                  <a:lnTo>
                    <a:pt x="2102" y="6642"/>
                  </a:lnTo>
                  <a:cubicBezTo>
                    <a:pt x="2134" y="6691"/>
                    <a:pt x="2167" y="6739"/>
                    <a:pt x="2199" y="6788"/>
                  </a:cubicBezTo>
                  <a:lnTo>
                    <a:pt x="2395" y="6821"/>
                  </a:lnTo>
                  <a:lnTo>
                    <a:pt x="2314" y="6983"/>
                  </a:lnTo>
                  <a:lnTo>
                    <a:pt x="2541" y="7015"/>
                  </a:lnTo>
                  <a:cubicBezTo>
                    <a:pt x="2580" y="7058"/>
                    <a:pt x="2617" y="7102"/>
                    <a:pt x="2656" y="7145"/>
                  </a:cubicBezTo>
                  <a:lnTo>
                    <a:pt x="2526" y="7202"/>
                  </a:lnTo>
                  <a:cubicBezTo>
                    <a:pt x="2531" y="7234"/>
                    <a:pt x="2536" y="7267"/>
                    <a:pt x="2541" y="7299"/>
                  </a:cubicBezTo>
                  <a:cubicBezTo>
                    <a:pt x="2579" y="7329"/>
                    <a:pt x="2618" y="7358"/>
                    <a:pt x="2656" y="7388"/>
                  </a:cubicBezTo>
                  <a:lnTo>
                    <a:pt x="3031" y="7486"/>
                  </a:lnTo>
                  <a:lnTo>
                    <a:pt x="2900" y="7575"/>
                  </a:lnTo>
                  <a:lnTo>
                    <a:pt x="3031" y="7737"/>
                  </a:lnTo>
                  <a:lnTo>
                    <a:pt x="3161" y="7737"/>
                  </a:lnTo>
                  <a:lnTo>
                    <a:pt x="3258" y="7810"/>
                  </a:lnTo>
                  <a:lnTo>
                    <a:pt x="3551" y="7908"/>
                  </a:lnTo>
                  <a:lnTo>
                    <a:pt x="3551" y="7997"/>
                  </a:lnTo>
                  <a:lnTo>
                    <a:pt x="3844" y="7972"/>
                  </a:lnTo>
                  <a:lnTo>
                    <a:pt x="4366" y="7972"/>
                  </a:lnTo>
                  <a:lnTo>
                    <a:pt x="4512" y="8167"/>
                  </a:lnTo>
                  <a:lnTo>
                    <a:pt x="4952" y="7972"/>
                  </a:lnTo>
                  <a:lnTo>
                    <a:pt x="5554" y="8078"/>
                  </a:lnTo>
                  <a:cubicBezTo>
                    <a:pt x="5598" y="8148"/>
                    <a:pt x="5641" y="8219"/>
                    <a:pt x="5684" y="8289"/>
                  </a:cubicBezTo>
                  <a:lnTo>
                    <a:pt x="5684" y="8467"/>
                  </a:lnTo>
                  <a:cubicBezTo>
                    <a:pt x="5684" y="8491"/>
                    <a:pt x="5962" y="8483"/>
                    <a:pt x="5962" y="8483"/>
                  </a:cubicBezTo>
                  <a:lnTo>
                    <a:pt x="6076" y="8581"/>
                  </a:lnTo>
                  <a:lnTo>
                    <a:pt x="6401" y="8710"/>
                  </a:lnTo>
                  <a:lnTo>
                    <a:pt x="6792" y="8759"/>
                  </a:lnTo>
                  <a:cubicBezTo>
                    <a:pt x="6797" y="8802"/>
                    <a:pt x="6803" y="8846"/>
                    <a:pt x="6808" y="8889"/>
                  </a:cubicBezTo>
                  <a:lnTo>
                    <a:pt x="7264" y="8856"/>
                  </a:lnTo>
                  <a:lnTo>
                    <a:pt x="7606" y="9027"/>
                  </a:lnTo>
                  <a:lnTo>
                    <a:pt x="7492" y="9238"/>
                  </a:lnTo>
                  <a:lnTo>
                    <a:pt x="6792" y="9238"/>
                  </a:lnTo>
                  <a:lnTo>
                    <a:pt x="6678" y="9343"/>
                  </a:lnTo>
                  <a:lnTo>
                    <a:pt x="7020" y="9424"/>
                  </a:lnTo>
                  <a:cubicBezTo>
                    <a:pt x="7037" y="9481"/>
                    <a:pt x="7052" y="9537"/>
                    <a:pt x="7069" y="9594"/>
                  </a:cubicBezTo>
                  <a:lnTo>
                    <a:pt x="7362" y="9805"/>
                  </a:lnTo>
                  <a:lnTo>
                    <a:pt x="7753" y="9813"/>
                  </a:lnTo>
                  <a:cubicBezTo>
                    <a:pt x="7758" y="9762"/>
                    <a:pt x="7764" y="9710"/>
                    <a:pt x="7769" y="9659"/>
                  </a:cubicBezTo>
                  <a:lnTo>
                    <a:pt x="8404" y="9521"/>
                  </a:lnTo>
                  <a:cubicBezTo>
                    <a:pt x="8404" y="9521"/>
                    <a:pt x="8941" y="9497"/>
                    <a:pt x="9023" y="9521"/>
                  </a:cubicBezTo>
                  <a:cubicBezTo>
                    <a:pt x="9104" y="9554"/>
                    <a:pt x="9527" y="9659"/>
                    <a:pt x="9527" y="9659"/>
                  </a:cubicBezTo>
                  <a:lnTo>
                    <a:pt x="9251" y="9789"/>
                  </a:lnTo>
                  <a:lnTo>
                    <a:pt x="9609" y="10000"/>
                  </a:lnTo>
                  <a:lnTo>
                    <a:pt x="10000" y="9951"/>
                  </a:lnTo>
                  <a:lnTo>
                    <a:pt x="10000" y="0"/>
                  </a:lnTo>
                  <a:lnTo>
                    <a:pt x="8372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29552522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693684" y="550407"/>
            <a:ext cx="11280710" cy="6030276"/>
            <a:chOff x="376238" y="1816693"/>
            <a:chExt cx="8281393" cy="4426945"/>
          </a:xfrm>
          <a:solidFill>
            <a:srgbClr val="E1E0DC"/>
          </a:solidFill>
        </p:grpSpPr>
        <p:sp>
          <p:nvSpPr>
            <p:cNvPr id="4" name="Freeform 217"/>
            <p:cNvSpPr>
              <a:spLocks noEditPoints="1"/>
            </p:cNvSpPr>
            <p:nvPr>
              <p:custDataLst>
                <p:tags r:id="rId196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5" name="Freeform 441"/>
            <p:cNvSpPr>
              <a:spLocks/>
            </p:cNvSpPr>
            <p:nvPr>
              <p:custDataLst>
                <p:tags r:id="rId197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6" name="Freeform 441"/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7" name="Freeform 4"/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" name="Freeform 5"/>
            <p:cNvSpPr>
              <a:spLocks noEditPoints="1"/>
            </p:cNvSpPr>
            <p:nvPr>
              <p:custDataLst>
                <p:tags r:id="rId200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" name="Freeform 6"/>
            <p:cNvSpPr>
              <a:spLocks noEditPoints="1"/>
            </p:cNvSpPr>
            <p:nvPr>
              <p:custDataLst>
                <p:tags r:id="rId201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" name="Freeform 7"/>
            <p:cNvSpPr>
              <a:spLocks noEditPoints="1"/>
            </p:cNvSpPr>
            <p:nvPr>
              <p:custDataLst>
                <p:tags r:id="rId202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" name="Freeform 8"/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" name="Freeform 9"/>
            <p:cNvSpPr>
              <a:spLocks/>
            </p:cNvSpPr>
            <p:nvPr>
              <p:custDataLst>
                <p:tags r:id="rId204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" name="Freeform 10"/>
            <p:cNvSpPr>
              <a:spLocks noEditPoints="1"/>
            </p:cNvSpPr>
            <p:nvPr>
              <p:custDataLst>
                <p:tags r:id="rId205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" name="Freeform 11"/>
            <p:cNvSpPr>
              <a:spLocks/>
            </p:cNvSpPr>
            <p:nvPr>
              <p:custDataLst>
                <p:tags r:id="rId206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" name="Freeform 12"/>
            <p:cNvSpPr>
              <a:spLocks noEditPoints="1"/>
            </p:cNvSpPr>
            <p:nvPr>
              <p:custDataLst>
                <p:tags r:id="rId207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" name="Freeform 13"/>
            <p:cNvSpPr>
              <a:spLocks/>
            </p:cNvSpPr>
            <p:nvPr>
              <p:custDataLst>
                <p:tags r:id="rId208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" name="Freeform 14"/>
            <p:cNvSpPr>
              <a:spLocks/>
            </p:cNvSpPr>
            <p:nvPr>
              <p:custDataLst>
                <p:tags r:id="rId209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" name="Freeform 15"/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" name="Freeform 16"/>
            <p:cNvSpPr>
              <a:spLocks noEditPoints="1"/>
            </p:cNvSpPr>
            <p:nvPr>
              <p:custDataLst>
                <p:tags r:id="rId211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" name="Freeform 17"/>
            <p:cNvSpPr>
              <a:spLocks noEditPoints="1"/>
            </p:cNvSpPr>
            <p:nvPr>
              <p:custDataLst>
                <p:tags r:id="rId212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" name="Freeform 18"/>
            <p:cNvSpPr>
              <a:spLocks noEditPoints="1"/>
            </p:cNvSpPr>
            <p:nvPr>
              <p:custDataLst>
                <p:tags r:id="rId213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2" name="Freeform 19"/>
            <p:cNvSpPr>
              <a:spLocks/>
            </p:cNvSpPr>
            <p:nvPr>
              <p:custDataLst>
                <p:tags r:id="rId214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3" name="Freeform 20"/>
            <p:cNvSpPr>
              <a:spLocks noEditPoints="1"/>
            </p:cNvSpPr>
            <p:nvPr>
              <p:custDataLst>
                <p:tags r:id="rId215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4" name="Freeform 21"/>
            <p:cNvSpPr>
              <a:spLocks noEditPoints="1"/>
            </p:cNvSpPr>
            <p:nvPr>
              <p:custDataLst>
                <p:tags r:id="rId216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5" name="Freeform 22"/>
            <p:cNvSpPr>
              <a:spLocks/>
            </p:cNvSpPr>
            <p:nvPr>
              <p:custDataLst>
                <p:tags r:id="rId217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6" name="Freeform 23"/>
            <p:cNvSpPr>
              <a:spLocks/>
            </p:cNvSpPr>
            <p:nvPr>
              <p:custDataLst>
                <p:tags r:id="rId218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7" name="Freeform 24"/>
            <p:cNvSpPr>
              <a:spLocks noEditPoints="1"/>
            </p:cNvSpPr>
            <p:nvPr>
              <p:custDataLst>
                <p:tags r:id="rId219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8" name="Freeform 25"/>
            <p:cNvSpPr>
              <a:spLocks/>
            </p:cNvSpPr>
            <p:nvPr>
              <p:custDataLst>
                <p:tags r:id="rId220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9" name="Freeform 26"/>
            <p:cNvSpPr>
              <a:spLocks/>
            </p:cNvSpPr>
            <p:nvPr>
              <p:custDataLst>
                <p:tags r:id="rId221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0" name="Freeform 27"/>
            <p:cNvSpPr>
              <a:spLocks/>
            </p:cNvSpPr>
            <p:nvPr>
              <p:custDataLst>
                <p:tags r:id="rId222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1" name="Freeform 28"/>
            <p:cNvSpPr>
              <a:spLocks noEditPoints="1"/>
            </p:cNvSpPr>
            <p:nvPr>
              <p:custDataLst>
                <p:tags r:id="rId223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2" name="Freeform 29"/>
            <p:cNvSpPr>
              <a:spLocks noEditPoints="1"/>
            </p:cNvSpPr>
            <p:nvPr>
              <p:custDataLst>
                <p:tags r:id="rId224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3" name="Freeform 30"/>
            <p:cNvSpPr>
              <a:spLocks/>
            </p:cNvSpPr>
            <p:nvPr>
              <p:custDataLst>
                <p:tags r:id="rId225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4" name="Freeform 31"/>
            <p:cNvSpPr>
              <a:spLocks noEditPoints="1"/>
            </p:cNvSpPr>
            <p:nvPr>
              <p:custDataLst>
                <p:tags r:id="rId226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5" name="Freeform 32"/>
            <p:cNvSpPr>
              <a:spLocks/>
            </p:cNvSpPr>
            <p:nvPr>
              <p:custDataLst>
                <p:tags r:id="rId227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6" name="Freeform 33"/>
            <p:cNvSpPr>
              <a:spLocks/>
            </p:cNvSpPr>
            <p:nvPr>
              <p:custDataLst>
                <p:tags r:id="rId228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7" name="Freeform 34"/>
            <p:cNvSpPr>
              <a:spLocks noEditPoints="1"/>
            </p:cNvSpPr>
            <p:nvPr>
              <p:custDataLst>
                <p:tags r:id="rId229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8" name="Freeform 35"/>
            <p:cNvSpPr>
              <a:spLocks/>
            </p:cNvSpPr>
            <p:nvPr>
              <p:custDataLst>
                <p:tags r:id="rId230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9" name="Freeform 36"/>
            <p:cNvSpPr>
              <a:spLocks noEditPoints="1"/>
            </p:cNvSpPr>
            <p:nvPr>
              <p:custDataLst>
                <p:tags r:id="rId231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0" name="Freeform 37"/>
            <p:cNvSpPr>
              <a:spLocks noEditPoints="1"/>
            </p:cNvSpPr>
            <p:nvPr>
              <p:custDataLst>
                <p:tags r:id="rId232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1" name="Freeform 38"/>
            <p:cNvSpPr>
              <a:spLocks/>
            </p:cNvSpPr>
            <p:nvPr>
              <p:custDataLst>
                <p:tags r:id="rId233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2" name="Freeform 39"/>
            <p:cNvSpPr>
              <a:spLocks noEditPoints="1"/>
            </p:cNvSpPr>
            <p:nvPr>
              <p:custDataLst>
                <p:tags r:id="rId234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3" name="Freeform 40"/>
            <p:cNvSpPr>
              <a:spLocks/>
            </p:cNvSpPr>
            <p:nvPr>
              <p:custDataLst>
                <p:tags r:id="rId235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4" name="Freeform 41"/>
            <p:cNvSpPr>
              <a:spLocks noEditPoints="1"/>
            </p:cNvSpPr>
            <p:nvPr>
              <p:custDataLst>
                <p:tags r:id="rId236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5" name="Freeform 42"/>
            <p:cNvSpPr>
              <a:spLocks noEditPoints="1"/>
            </p:cNvSpPr>
            <p:nvPr>
              <p:custDataLst>
                <p:tags r:id="rId237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6" name="Freeform 43"/>
            <p:cNvSpPr>
              <a:spLocks noEditPoints="1"/>
            </p:cNvSpPr>
            <p:nvPr>
              <p:custDataLst>
                <p:tags r:id="rId238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7" name="Freeform 44"/>
            <p:cNvSpPr>
              <a:spLocks/>
            </p:cNvSpPr>
            <p:nvPr>
              <p:custDataLst>
                <p:tags r:id="rId239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8" name="Freeform 45"/>
            <p:cNvSpPr>
              <a:spLocks/>
            </p:cNvSpPr>
            <p:nvPr>
              <p:custDataLst>
                <p:tags r:id="rId240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9" name="Freeform 46"/>
            <p:cNvSpPr>
              <a:spLocks noEditPoints="1"/>
            </p:cNvSpPr>
            <p:nvPr>
              <p:custDataLst>
                <p:tags r:id="rId241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0" name="Freeform 47"/>
            <p:cNvSpPr>
              <a:spLocks noEditPoints="1"/>
            </p:cNvSpPr>
            <p:nvPr>
              <p:custDataLst>
                <p:tags r:id="rId242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1" name="Freeform 48"/>
            <p:cNvSpPr>
              <a:spLocks noEditPoints="1"/>
            </p:cNvSpPr>
            <p:nvPr>
              <p:custDataLst>
                <p:tags r:id="rId243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2" name="Freeform 49"/>
            <p:cNvSpPr>
              <a:spLocks/>
            </p:cNvSpPr>
            <p:nvPr>
              <p:custDataLst>
                <p:tags r:id="rId244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3" name="Freeform 50"/>
            <p:cNvSpPr>
              <a:spLocks noEditPoints="1"/>
            </p:cNvSpPr>
            <p:nvPr>
              <p:custDataLst>
                <p:tags r:id="rId245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4" name="Freeform 51"/>
            <p:cNvSpPr>
              <a:spLocks/>
            </p:cNvSpPr>
            <p:nvPr>
              <p:custDataLst>
                <p:tags r:id="rId246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5" name="Freeform 52"/>
            <p:cNvSpPr>
              <a:spLocks noEditPoints="1"/>
            </p:cNvSpPr>
            <p:nvPr>
              <p:custDataLst>
                <p:tags r:id="rId247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6" name="Freeform 53"/>
            <p:cNvSpPr>
              <a:spLocks noEditPoints="1"/>
            </p:cNvSpPr>
            <p:nvPr>
              <p:custDataLst>
                <p:tags r:id="rId248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7" name="Freeform 54"/>
            <p:cNvSpPr>
              <a:spLocks noEditPoints="1"/>
            </p:cNvSpPr>
            <p:nvPr>
              <p:custDataLst>
                <p:tags r:id="rId249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8" name="Freeform 55"/>
            <p:cNvSpPr>
              <a:spLocks/>
            </p:cNvSpPr>
            <p:nvPr>
              <p:custDataLst>
                <p:tags r:id="rId250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9" name="Freeform 56"/>
            <p:cNvSpPr>
              <a:spLocks noEditPoints="1"/>
            </p:cNvSpPr>
            <p:nvPr>
              <p:custDataLst>
                <p:tags r:id="rId251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0" name="Freeform 57"/>
            <p:cNvSpPr>
              <a:spLocks/>
            </p:cNvSpPr>
            <p:nvPr>
              <p:custDataLst>
                <p:tags r:id="rId252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1" name="Freeform 58"/>
            <p:cNvSpPr>
              <a:spLocks noEditPoints="1"/>
            </p:cNvSpPr>
            <p:nvPr>
              <p:custDataLst>
                <p:tags r:id="rId253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2" name="Freeform 59"/>
            <p:cNvSpPr>
              <a:spLocks/>
            </p:cNvSpPr>
            <p:nvPr>
              <p:custDataLst>
                <p:tags r:id="rId254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3" name="Freeform 60"/>
            <p:cNvSpPr>
              <a:spLocks noEditPoints="1"/>
            </p:cNvSpPr>
            <p:nvPr>
              <p:custDataLst>
                <p:tags r:id="rId255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4" name="Freeform 61"/>
            <p:cNvSpPr>
              <a:spLocks noEditPoints="1"/>
            </p:cNvSpPr>
            <p:nvPr>
              <p:custDataLst>
                <p:tags r:id="rId256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5" name="Freeform 62"/>
            <p:cNvSpPr>
              <a:spLocks/>
            </p:cNvSpPr>
            <p:nvPr>
              <p:custDataLst>
                <p:tags r:id="rId257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6" name="Freeform 63"/>
            <p:cNvSpPr>
              <a:spLocks noEditPoints="1"/>
            </p:cNvSpPr>
            <p:nvPr>
              <p:custDataLst>
                <p:tags r:id="rId258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7" name="Freeform 64"/>
            <p:cNvSpPr>
              <a:spLocks/>
            </p:cNvSpPr>
            <p:nvPr>
              <p:custDataLst>
                <p:tags r:id="rId259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8" name="Freeform 65"/>
            <p:cNvSpPr>
              <a:spLocks noEditPoints="1"/>
            </p:cNvSpPr>
            <p:nvPr>
              <p:custDataLst>
                <p:tags r:id="rId260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9" name="Freeform 66"/>
            <p:cNvSpPr>
              <a:spLocks noEditPoints="1"/>
            </p:cNvSpPr>
            <p:nvPr>
              <p:custDataLst>
                <p:tags r:id="rId261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0" name="Freeform 67"/>
            <p:cNvSpPr>
              <a:spLocks/>
            </p:cNvSpPr>
            <p:nvPr>
              <p:custDataLst>
                <p:tags r:id="rId262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1" name="Freeform 68"/>
            <p:cNvSpPr>
              <a:spLocks noEditPoints="1"/>
            </p:cNvSpPr>
            <p:nvPr>
              <p:custDataLst>
                <p:tags r:id="rId263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2" name="Freeform 69"/>
            <p:cNvSpPr>
              <a:spLocks noEditPoints="1"/>
            </p:cNvSpPr>
            <p:nvPr>
              <p:custDataLst>
                <p:tags r:id="rId264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3" name="Freeform 70"/>
            <p:cNvSpPr>
              <a:spLocks/>
            </p:cNvSpPr>
            <p:nvPr>
              <p:custDataLst>
                <p:tags r:id="rId265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4" name="Freeform 71"/>
            <p:cNvSpPr>
              <a:spLocks noEditPoints="1"/>
            </p:cNvSpPr>
            <p:nvPr>
              <p:custDataLst>
                <p:tags r:id="rId266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5" name="Freeform 72"/>
            <p:cNvSpPr>
              <a:spLocks noEditPoints="1"/>
            </p:cNvSpPr>
            <p:nvPr>
              <p:custDataLst>
                <p:tags r:id="rId267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6" name="Freeform 73"/>
            <p:cNvSpPr>
              <a:spLocks noEditPoints="1"/>
            </p:cNvSpPr>
            <p:nvPr>
              <p:custDataLst>
                <p:tags r:id="rId268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7" name="Freeform 74"/>
            <p:cNvSpPr>
              <a:spLocks noEditPoints="1"/>
            </p:cNvSpPr>
            <p:nvPr>
              <p:custDataLst>
                <p:tags r:id="rId269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8" name="Freeform 75"/>
            <p:cNvSpPr>
              <a:spLocks noEditPoints="1"/>
            </p:cNvSpPr>
            <p:nvPr>
              <p:custDataLst>
                <p:tags r:id="rId270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9" name="Freeform 76"/>
            <p:cNvSpPr>
              <a:spLocks noEditPoints="1"/>
            </p:cNvSpPr>
            <p:nvPr>
              <p:custDataLst>
                <p:tags r:id="rId271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0" name="Freeform 77"/>
            <p:cNvSpPr>
              <a:spLocks/>
            </p:cNvSpPr>
            <p:nvPr>
              <p:custDataLst>
                <p:tags r:id="rId272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1" name="Freeform 78"/>
            <p:cNvSpPr>
              <a:spLocks/>
            </p:cNvSpPr>
            <p:nvPr>
              <p:custDataLst>
                <p:tags r:id="rId273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2" name="Freeform 79"/>
            <p:cNvSpPr>
              <a:spLocks/>
            </p:cNvSpPr>
            <p:nvPr>
              <p:custDataLst>
                <p:tags r:id="rId274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3" name="Freeform 80"/>
            <p:cNvSpPr>
              <a:spLocks/>
            </p:cNvSpPr>
            <p:nvPr>
              <p:custDataLst>
                <p:tags r:id="rId275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4" name="Freeform 81"/>
            <p:cNvSpPr>
              <a:spLocks/>
            </p:cNvSpPr>
            <p:nvPr>
              <p:custDataLst>
                <p:tags r:id="rId276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5" name="Freeform 82"/>
            <p:cNvSpPr>
              <a:spLocks/>
            </p:cNvSpPr>
            <p:nvPr>
              <p:custDataLst>
                <p:tags r:id="rId277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6" name="Freeform 83"/>
            <p:cNvSpPr>
              <a:spLocks/>
            </p:cNvSpPr>
            <p:nvPr>
              <p:custDataLst>
                <p:tags r:id="rId278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7" name="Freeform 84"/>
            <p:cNvSpPr>
              <a:spLocks noEditPoints="1"/>
            </p:cNvSpPr>
            <p:nvPr>
              <p:custDataLst>
                <p:tags r:id="rId279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8" name="Freeform 85"/>
            <p:cNvSpPr>
              <a:spLocks/>
            </p:cNvSpPr>
            <p:nvPr>
              <p:custDataLst>
                <p:tags r:id="rId280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9" name="Denmark"/>
            <p:cNvSpPr>
              <a:spLocks noEditPoints="1"/>
            </p:cNvSpPr>
            <p:nvPr>
              <p:custDataLst>
                <p:tags r:id="rId281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1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0" name="Freeform 87"/>
            <p:cNvSpPr>
              <a:spLocks noEditPoints="1"/>
            </p:cNvSpPr>
            <p:nvPr>
              <p:custDataLst>
                <p:tags r:id="rId282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1" name="Freeform 88"/>
            <p:cNvSpPr>
              <a:spLocks noEditPoints="1"/>
            </p:cNvSpPr>
            <p:nvPr>
              <p:custDataLst>
                <p:tags r:id="rId283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2" name="Freeform 89"/>
            <p:cNvSpPr>
              <a:spLocks noEditPoints="1"/>
            </p:cNvSpPr>
            <p:nvPr>
              <p:custDataLst>
                <p:tags r:id="rId284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3" name="Freeform 90"/>
            <p:cNvSpPr>
              <a:spLocks noEditPoints="1"/>
            </p:cNvSpPr>
            <p:nvPr>
              <p:custDataLst>
                <p:tags r:id="rId285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4" name="Freeform 91"/>
            <p:cNvSpPr>
              <a:spLocks noEditPoints="1"/>
            </p:cNvSpPr>
            <p:nvPr>
              <p:custDataLst>
                <p:tags r:id="rId286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5" name="Freeform 92"/>
            <p:cNvSpPr>
              <a:spLocks noEditPoints="1"/>
            </p:cNvSpPr>
            <p:nvPr>
              <p:custDataLst>
                <p:tags r:id="rId287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6" name="Freeform 93"/>
            <p:cNvSpPr>
              <a:spLocks/>
            </p:cNvSpPr>
            <p:nvPr>
              <p:custDataLst>
                <p:tags r:id="rId288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7" name="Freeform 94"/>
            <p:cNvSpPr>
              <a:spLocks/>
            </p:cNvSpPr>
            <p:nvPr>
              <p:custDataLst>
                <p:tags r:id="rId289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8" name="Freeform 95"/>
            <p:cNvSpPr>
              <a:spLocks/>
            </p:cNvSpPr>
            <p:nvPr>
              <p:custDataLst>
                <p:tags r:id="rId290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9" name="Freeform 96"/>
            <p:cNvSpPr>
              <a:spLocks noEditPoints="1"/>
            </p:cNvSpPr>
            <p:nvPr>
              <p:custDataLst>
                <p:tags r:id="rId291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0" name="Freeform 97"/>
            <p:cNvSpPr>
              <a:spLocks/>
            </p:cNvSpPr>
            <p:nvPr>
              <p:custDataLst>
                <p:tags r:id="rId292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1" name="Freeform 98"/>
            <p:cNvSpPr>
              <a:spLocks noEditPoints="1"/>
            </p:cNvSpPr>
            <p:nvPr>
              <p:custDataLst>
                <p:tags r:id="rId293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2" name="Freeform 99"/>
            <p:cNvSpPr>
              <a:spLocks/>
            </p:cNvSpPr>
            <p:nvPr>
              <p:custDataLst>
                <p:tags r:id="rId294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3" name="Freeform 100"/>
            <p:cNvSpPr>
              <a:spLocks/>
            </p:cNvSpPr>
            <p:nvPr>
              <p:custDataLst>
                <p:tags r:id="rId295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4" name="Freeform 101"/>
            <p:cNvSpPr>
              <a:spLocks noEditPoints="1"/>
            </p:cNvSpPr>
            <p:nvPr>
              <p:custDataLst>
                <p:tags r:id="rId296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5" name="Freeform 102"/>
            <p:cNvSpPr>
              <a:spLocks/>
            </p:cNvSpPr>
            <p:nvPr>
              <p:custDataLst>
                <p:tags r:id="rId297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6" name="Freeform 103"/>
            <p:cNvSpPr>
              <a:spLocks/>
            </p:cNvSpPr>
            <p:nvPr>
              <p:custDataLst>
                <p:tags r:id="rId298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7" name="Freeform 104"/>
            <p:cNvSpPr>
              <a:spLocks/>
            </p:cNvSpPr>
            <p:nvPr>
              <p:custDataLst>
                <p:tags r:id="rId299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8" name="Freeform 105"/>
            <p:cNvSpPr>
              <a:spLocks noEditPoints="1"/>
            </p:cNvSpPr>
            <p:nvPr>
              <p:custDataLst>
                <p:tags r:id="rId300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9" name="Freeform 106"/>
            <p:cNvSpPr>
              <a:spLocks noEditPoints="1"/>
            </p:cNvSpPr>
            <p:nvPr>
              <p:custDataLst>
                <p:tags r:id="rId301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0" name="Freeform 107"/>
            <p:cNvSpPr>
              <a:spLocks/>
            </p:cNvSpPr>
            <p:nvPr>
              <p:custDataLst>
                <p:tags r:id="rId302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1" name="Freeform 108"/>
            <p:cNvSpPr>
              <a:spLocks/>
            </p:cNvSpPr>
            <p:nvPr>
              <p:custDataLst>
                <p:tags r:id="rId303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2" name="Freeform 109"/>
            <p:cNvSpPr>
              <a:spLocks/>
            </p:cNvSpPr>
            <p:nvPr>
              <p:custDataLst>
                <p:tags r:id="rId304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3" name="Freeform 110"/>
            <p:cNvSpPr>
              <a:spLocks/>
            </p:cNvSpPr>
            <p:nvPr>
              <p:custDataLst>
                <p:tags r:id="rId305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4" name="Freeform 111"/>
            <p:cNvSpPr>
              <a:spLocks/>
            </p:cNvSpPr>
            <p:nvPr>
              <p:custDataLst>
                <p:tags r:id="rId306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5" name="Freeform 112"/>
            <p:cNvSpPr>
              <a:spLocks noEditPoints="1"/>
            </p:cNvSpPr>
            <p:nvPr>
              <p:custDataLst>
                <p:tags r:id="rId307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6" name="Freeform 113"/>
            <p:cNvSpPr>
              <a:spLocks noEditPoints="1"/>
            </p:cNvSpPr>
            <p:nvPr>
              <p:custDataLst>
                <p:tags r:id="rId308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7" name="Freeform 114"/>
            <p:cNvSpPr>
              <a:spLocks noEditPoints="1"/>
            </p:cNvSpPr>
            <p:nvPr>
              <p:custDataLst>
                <p:tags r:id="rId309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8" name="Freeform 115"/>
            <p:cNvSpPr>
              <a:spLocks/>
            </p:cNvSpPr>
            <p:nvPr>
              <p:custDataLst>
                <p:tags r:id="rId310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9" name="Freeform 116"/>
            <p:cNvSpPr>
              <a:spLocks noEditPoints="1"/>
            </p:cNvSpPr>
            <p:nvPr>
              <p:custDataLst>
                <p:tags r:id="rId311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0" name="Freeform 117"/>
            <p:cNvSpPr>
              <a:spLocks/>
            </p:cNvSpPr>
            <p:nvPr>
              <p:custDataLst>
                <p:tags r:id="rId312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1" name="Freeform 118"/>
            <p:cNvSpPr>
              <a:spLocks noEditPoints="1"/>
            </p:cNvSpPr>
            <p:nvPr>
              <p:custDataLst>
                <p:tags r:id="rId313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2" name="Freeform 119"/>
            <p:cNvSpPr>
              <a:spLocks/>
            </p:cNvSpPr>
            <p:nvPr>
              <p:custDataLst>
                <p:tags r:id="rId314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3" name="Freeform 120"/>
            <p:cNvSpPr>
              <a:spLocks/>
            </p:cNvSpPr>
            <p:nvPr>
              <p:custDataLst>
                <p:tags r:id="rId315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4" name="Freeform 121"/>
            <p:cNvSpPr>
              <a:spLocks/>
            </p:cNvSpPr>
            <p:nvPr>
              <p:custDataLst>
                <p:tags r:id="rId316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5" name="Freeform 122"/>
            <p:cNvSpPr>
              <a:spLocks/>
            </p:cNvSpPr>
            <p:nvPr>
              <p:custDataLst>
                <p:tags r:id="rId317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6" name="Freeform 123"/>
            <p:cNvSpPr>
              <a:spLocks/>
            </p:cNvSpPr>
            <p:nvPr>
              <p:custDataLst>
                <p:tags r:id="rId318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7" name="Freeform 124"/>
            <p:cNvSpPr>
              <a:spLocks noEditPoints="1"/>
            </p:cNvSpPr>
            <p:nvPr>
              <p:custDataLst>
                <p:tags r:id="rId319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8" name="Freeform 125"/>
            <p:cNvSpPr>
              <a:spLocks/>
            </p:cNvSpPr>
            <p:nvPr>
              <p:custDataLst>
                <p:tags r:id="rId320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9" name="Freeform 126"/>
            <p:cNvSpPr>
              <a:spLocks/>
            </p:cNvSpPr>
            <p:nvPr>
              <p:custDataLst>
                <p:tags r:id="rId321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0" name="Freeform 127"/>
            <p:cNvSpPr>
              <a:spLocks noEditPoints="1"/>
            </p:cNvSpPr>
            <p:nvPr>
              <p:custDataLst>
                <p:tags r:id="rId322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1" name="Freeform 128"/>
            <p:cNvSpPr>
              <a:spLocks/>
            </p:cNvSpPr>
            <p:nvPr>
              <p:custDataLst>
                <p:tags r:id="rId323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2" name="Freeform 129"/>
            <p:cNvSpPr>
              <a:spLocks/>
            </p:cNvSpPr>
            <p:nvPr>
              <p:custDataLst>
                <p:tags r:id="rId324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3" name="Freeform 130"/>
            <p:cNvSpPr>
              <a:spLocks noEditPoints="1"/>
            </p:cNvSpPr>
            <p:nvPr>
              <p:custDataLst>
                <p:tags r:id="rId325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4" name="Freeform 131"/>
            <p:cNvSpPr>
              <a:spLocks/>
            </p:cNvSpPr>
            <p:nvPr>
              <p:custDataLst>
                <p:tags r:id="rId326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5" name="Freeform 132"/>
            <p:cNvSpPr>
              <a:spLocks/>
            </p:cNvSpPr>
            <p:nvPr>
              <p:custDataLst>
                <p:tags r:id="rId327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6" name="Freeform 133"/>
            <p:cNvSpPr>
              <a:spLocks noEditPoints="1"/>
            </p:cNvSpPr>
            <p:nvPr>
              <p:custDataLst>
                <p:tags r:id="rId328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7" name="Freeform 134"/>
            <p:cNvSpPr>
              <a:spLocks noEditPoints="1"/>
            </p:cNvSpPr>
            <p:nvPr>
              <p:custDataLst>
                <p:tags r:id="rId329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8" name="Freeform 135"/>
            <p:cNvSpPr>
              <a:spLocks/>
            </p:cNvSpPr>
            <p:nvPr>
              <p:custDataLst>
                <p:tags r:id="rId330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9" name="Freeform 136"/>
            <p:cNvSpPr>
              <a:spLocks noEditPoints="1"/>
            </p:cNvSpPr>
            <p:nvPr>
              <p:custDataLst>
                <p:tags r:id="rId331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0" name="Freeform 137"/>
            <p:cNvSpPr>
              <a:spLocks/>
            </p:cNvSpPr>
            <p:nvPr>
              <p:custDataLst>
                <p:tags r:id="rId332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1" name="Freeform 138"/>
            <p:cNvSpPr>
              <a:spLocks/>
            </p:cNvSpPr>
            <p:nvPr>
              <p:custDataLst>
                <p:tags r:id="rId333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2" name="Freeform 139"/>
            <p:cNvSpPr>
              <a:spLocks noEditPoints="1"/>
            </p:cNvSpPr>
            <p:nvPr>
              <p:custDataLst>
                <p:tags r:id="rId334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3" name="Freeform 140"/>
            <p:cNvSpPr>
              <a:spLocks noEditPoints="1"/>
            </p:cNvSpPr>
            <p:nvPr>
              <p:custDataLst>
                <p:tags r:id="rId335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4" name="Freeform 141"/>
            <p:cNvSpPr>
              <a:spLocks/>
            </p:cNvSpPr>
            <p:nvPr>
              <p:custDataLst>
                <p:tags r:id="rId336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5" name="Freeform 142"/>
            <p:cNvSpPr>
              <a:spLocks/>
            </p:cNvSpPr>
            <p:nvPr>
              <p:custDataLst>
                <p:tags r:id="rId337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6" name="Freeform 143"/>
            <p:cNvSpPr>
              <a:spLocks/>
            </p:cNvSpPr>
            <p:nvPr>
              <p:custDataLst>
                <p:tags r:id="rId338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7" name="Freeform 144"/>
            <p:cNvSpPr>
              <a:spLocks noEditPoints="1"/>
            </p:cNvSpPr>
            <p:nvPr>
              <p:custDataLst>
                <p:tags r:id="rId339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8" name="Freeform 145"/>
            <p:cNvSpPr>
              <a:spLocks noEditPoints="1"/>
            </p:cNvSpPr>
            <p:nvPr>
              <p:custDataLst>
                <p:tags r:id="rId340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9" name="Freeform 146"/>
            <p:cNvSpPr>
              <a:spLocks/>
            </p:cNvSpPr>
            <p:nvPr>
              <p:custDataLst>
                <p:tags r:id="rId341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0" name="Freeform 147"/>
            <p:cNvSpPr>
              <a:spLocks noEditPoints="1"/>
            </p:cNvSpPr>
            <p:nvPr>
              <p:custDataLst>
                <p:tags r:id="rId342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1" name="Freeform 148"/>
            <p:cNvSpPr>
              <a:spLocks/>
            </p:cNvSpPr>
            <p:nvPr>
              <p:custDataLst>
                <p:tags r:id="rId343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2" name="Freeform 149"/>
            <p:cNvSpPr>
              <a:spLocks noEditPoints="1"/>
            </p:cNvSpPr>
            <p:nvPr>
              <p:custDataLst>
                <p:tags r:id="rId344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3" name="Freeform 150"/>
            <p:cNvSpPr>
              <a:spLocks/>
            </p:cNvSpPr>
            <p:nvPr>
              <p:custDataLst>
                <p:tags r:id="rId345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4" name="Freeform 151"/>
            <p:cNvSpPr>
              <a:spLocks/>
            </p:cNvSpPr>
            <p:nvPr>
              <p:custDataLst>
                <p:tags r:id="rId346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5" name="Freeform 152"/>
            <p:cNvSpPr>
              <a:spLocks noEditPoints="1"/>
            </p:cNvSpPr>
            <p:nvPr>
              <p:custDataLst>
                <p:tags r:id="rId347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6" name="Freeform 153"/>
            <p:cNvSpPr>
              <a:spLocks/>
            </p:cNvSpPr>
            <p:nvPr>
              <p:custDataLst>
                <p:tags r:id="rId348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7" name="Freeform 154"/>
            <p:cNvSpPr>
              <a:spLocks noEditPoints="1"/>
            </p:cNvSpPr>
            <p:nvPr>
              <p:custDataLst>
                <p:tags r:id="rId349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8" name="Freeform 155"/>
            <p:cNvSpPr>
              <a:spLocks/>
            </p:cNvSpPr>
            <p:nvPr>
              <p:custDataLst>
                <p:tags r:id="rId350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9" name="Freeform 156"/>
            <p:cNvSpPr>
              <a:spLocks noEditPoints="1"/>
            </p:cNvSpPr>
            <p:nvPr>
              <p:custDataLst>
                <p:tags r:id="rId351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0" name="Freeform 157"/>
            <p:cNvSpPr>
              <a:spLocks noEditPoints="1"/>
            </p:cNvSpPr>
            <p:nvPr>
              <p:custDataLst>
                <p:tags r:id="rId352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1" name="Freeform 158"/>
            <p:cNvSpPr>
              <a:spLocks/>
            </p:cNvSpPr>
            <p:nvPr>
              <p:custDataLst>
                <p:tags r:id="rId353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2" name="Freeform 160"/>
            <p:cNvSpPr>
              <a:spLocks/>
            </p:cNvSpPr>
            <p:nvPr>
              <p:custDataLst>
                <p:tags r:id="rId354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3" name="Freeform 161"/>
            <p:cNvSpPr>
              <a:spLocks noEditPoints="1"/>
            </p:cNvSpPr>
            <p:nvPr>
              <p:custDataLst>
                <p:tags r:id="rId355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4" name="Freeform 162"/>
            <p:cNvSpPr>
              <a:spLocks/>
            </p:cNvSpPr>
            <p:nvPr>
              <p:custDataLst>
                <p:tags r:id="rId356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5" name="Freeform 163"/>
            <p:cNvSpPr>
              <a:spLocks/>
            </p:cNvSpPr>
            <p:nvPr>
              <p:custDataLst>
                <p:tags r:id="rId357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6" name="Freeform 164"/>
            <p:cNvSpPr>
              <a:spLocks noEditPoints="1"/>
            </p:cNvSpPr>
            <p:nvPr>
              <p:custDataLst>
                <p:tags r:id="rId358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7" name="Freeform 165"/>
            <p:cNvSpPr>
              <a:spLocks/>
            </p:cNvSpPr>
            <p:nvPr>
              <p:custDataLst>
                <p:tags r:id="rId359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8" name="Freeform 166"/>
            <p:cNvSpPr>
              <a:spLocks/>
            </p:cNvSpPr>
            <p:nvPr>
              <p:custDataLst>
                <p:tags r:id="rId360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9" name="Freeform 167"/>
            <p:cNvSpPr>
              <a:spLocks/>
            </p:cNvSpPr>
            <p:nvPr>
              <p:custDataLst>
                <p:tags r:id="rId361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0" name="Freeform 168"/>
            <p:cNvSpPr>
              <a:spLocks/>
            </p:cNvSpPr>
            <p:nvPr>
              <p:custDataLst>
                <p:tags r:id="rId362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1" name="Freeform 169"/>
            <p:cNvSpPr>
              <a:spLocks noEditPoints="1"/>
            </p:cNvSpPr>
            <p:nvPr>
              <p:custDataLst>
                <p:tags r:id="rId363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2" name="Freeform 170"/>
            <p:cNvSpPr>
              <a:spLocks/>
            </p:cNvSpPr>
            <p:nvPr>
              <p:custDataLst>
                <p:tags r:id="rId364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3" name="Freeform 171"/>
            <p:cNvSpPr>
              <a:spLocks noEditPoints="1"/>
            </p:cNvSpPr>
            <p:nvPr>
              <p:custDataLst>
                <p:tags r:id="rId365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4" name="Freeform 172"/>
            <p:cNvSpPr>
              <a:spLocks noEditPoints="1"/>
            </p:cNvSpPr>
            <p:nvPr>
              <p:custDataLst>
                <p:tags r:id="rId366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5" name="Freeform 173"/>
            <p:cNvSpPr>
              <a:spLocks noEditPoints="1"/>
            </p:cNvSpPr>
            <p:nvPr>
              <p:custDataLst>
                <p:tags r:id="rId367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6" name="Freeform 174"/>
            <p:cNvSpPr>
              <a:spLocks/>
            </p:cNvSpPr>
            <p:nvPr>
              <p:custDataLst>
                <p:tags r:id="rId368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7" name="Freeform 175"/>
            <p:cNvSpPr>
              <a:spLocks/>
            </p:cNvSpPr>
            <p:nvPr>
              <p:custDataLst>
                <p:tags r:id="rId369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8" name="Freeform 176"/>
            <p:cNvSpPr>
              <a:spLocks/>
            </p:cNvSpPr>
            <p:nvPr>
              <p:custDataLst>
                <p:tags r:id="rId370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9" name="Freeform 177"/>
            <p:cNvSpPr>
              <a:spLocks/>
            </p:cNvSpPr>
            <p:nvPr>
              <p:custDataLst>
                <p:tags r:id="rId371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0" name="Freeform 178"/>
            <p:cNvSpPr>
              <a:spLocks/>
            </p:cNvSpPr>
            <p:nvPr>
              <p:custDataLst>
                <p:tags r:id="rId372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1" name="Freeform 179"/>
            <p:cNvSpPr>
              <a:spLocks/>
            </p:cNvSpPr>
            <p:nvPr>
              <p:custDataLst>
                <p:tags r:id="rId373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2" name="Freeform 180"/>
            <p:cNvSpPr>
              <a:spLocks noEditPoints="1"/>
            </p:cNvSpPr>
            <p:nvPr>
              <p:custDataLst>
                <p:tags r:id="rId374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3" name="Freeform 181"/>
            <p:cNvSpPr>
              <a:spLocks noEditPoints="1"/>
            </p:cNvSpPr>
            <p:nvPr>
              <p:custDataLst>
                <p:tags r:id="rId375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4" name="Freeform 182"/>
            <p:cNvSpPr>
              <a:spLocks noEditPoints="1"/>
            </p:cNvSpPr>
            <p:nvPr>
              <p:custDataLst>
                <p:tags r:id="rId376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5" name="Freeform 183"/>
            <p:cNvSpPr>
              <a:spLocks noEditPoints="1"/>
            </p:cNvSpPr>
            <p:nvPr>
              <p:custDataLst>
                <p:tags r:id="rId377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6" name="Freeform 184"/>
            <p:cNvSpPr>
              <a:spLocks noEditPoints="1"/>
            </p:cNvSpPr>
            <p:nvPr>
              <p:custDataLst>
                <p:tags r:id="rId378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7" name="Freeform 186"/>
            <p:cNvSpPr>
              <a:spLocks noEditPoints="1"/>
            </p:cNvSpPr>
            <p:nvPr>
              <p:custDataLst>
                <p:tags r:id="rId379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8" name="Freeform 187"/>
            <p:cNvSpPr>
              <a:spLocks noEditPoints="1"/>
            </p:cNvSpPr>
            <p:nvPr>
              <p:custDataLst>
                <p:tags r:id="rId380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9" name="Freeform 188"/>
            <p:cNvSpPr>
              <a:spLocks noEditPoints="1"/>
            </p:cNvSpPr>
            <p:nvPr>
              <p:custDataLst>
                <p:tags r:id="rId381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0" name="Freeform 189"/>
            <p:cNvSpPr>
              <a:spLocks/>
            </p:cNvSpPr>
            <p:nvPr>
              <p:custDataLst>
                <p:tags r:id="rId382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1" name="Freeform 190"/>
            <p:cNvSpPr>
              <a:spLocks/>
            </p:cNvSpPr>
            <p:nvPr>
              <p:custDataLst>
                <p:tags r:id="rId383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2" name="Freeform 191"/>
            <p:cNvSpPr>
              <a:spLocks/>
            </p:cNvSpPr>
            <p:nvPr>
              <p:custDataLst>
                <p:tags r:id="rId384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193" name="Group 192"/>
            <p:cNvGrpSpPr>
              <a:grpSpLocks/>
            </p:cNvGrpSpPr>
            <p:nvPr>
              <p:custDataLst>
                <p:tags r:id="rId385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19" name="Freeform 193"/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20" name="Freeform 194"/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194" name="Freeform 269"/>
            <p:cNvSpPr>
              <a:spLocks noEditPoints="1"/>
            </p:cNvSpPr>
            <p:nvPr>
              <p:custDataLst>
                <p:tags r:id="rId386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5" name="Freeform 270"/>
            <p:cNvSpPr>
              <a:spLocks noEditPoints="1"/>
            </p:cNvSpPr>
            <p:nvPr>
              <p:custDataLst>
                <p:tags r:id="rId387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6" name="Freeform 271"/>
            <p:cNvSpPr>
              <a:spLocks noEditPoints="1"/>
            </p:cNvSpPr>
            <p:nvPr>
              <p:custDataLst>
                <p:tags r:id="rId388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7" name="Freeform 272"/>
            <p:cNvSpPr>
              <a:spLocks noEditPoints="1"/>
            </p:cNvSpPr>
            <p:nvPr>
              <p:custDataLst>
                <p:tags r:id="rId389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8" name="Rectangle 203"/>
            <p:cNvSpPr>
              <a:spLocks noChangeArrowheads="1"/>
            </p:cNvSpPr>
            <p:nvPr>
              <p:custDataLst>
                <p:tags r:id="rId390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9" name="Freeform 273"/>
            <p:cNvSpPr>
              <a:spLocks/>
            </p:cNvSpPr>
            <p:nvPr>
              <p:custDataLst>
                <p:tags r:id="rId391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0" name="Freeform 275"/>
            <p:cNvSpPr>
              <a:spLocks/>
            </p:cNvSpPr>
            <p:nvPr>
              <p:custDataLst>
                <p:tags r:id="rId392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1" name="Freeform 276"/>
            <p:cNvSpPr>
              <a:spLocks/>
            </p:cNvSpPr>
            <p:nvPr>
              <p:custDataLst>
                <p:tags r:id="rId393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2" name="Freeform 277"/>
            <p:cNvSpPr>
              <a:spLocks/>
            </p:cNvSpPr>
            <p:nvPr>
              <p:custDataLst>
                <p:tags r:id="rId394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3" name="Freeform 278"/>
            <p:cNvSpPr>
              <a:spLocks/>
            </p:cNvSpPr>
            <p:nvPr>
              <p:custDataLst>
                <p:tags r:id="rId395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4" name="Freeform 279"/>
            <p:cNvSpPr>
              <a:spLocks/>
            </p:cNvSpPr>
            <p:nvPr>
              <p:custDataLst>
                <p:tags r:id="rId396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5" name="Freeform 280"/>
            <p:cNvSpPr>
              <a:spLocks/>
            </p:cNvSpPr>
            <p:nvPr>
              <p:custDataLst>
                <p:tags r:id="rId397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6" name="Freeform 375"/>
            <p:cNvSpPr>
              <a:spLocks noEditPoints="1"/>
            </p:cNvSpPr>
            <p:nvPr>
              <p:custDataLst>
                <p:tags r:id="rId398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7" name="Freeform 402"/>
            <p:cNvSpPr>
              <a:spLocks/>
            </p:cNvSpPr>
            <p:nvPr>
              <p:custDataLst>
                <p:tags r:id="rId399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208" name="Group 195"/>
            <p:cNvGrpSpPr>
              <a:grpSpLocks/>
            </p:cNvGrpSpPr>
            <p:nvPr>
              <p:custDataLst>
                <p:tags r:id="rId400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17" name="Freeform 196"/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18" name="Freeform 197"/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209" name="Freeform 405"/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0" name="Freeform 207"/>
            <p:cNvSpPr>
              <a:spLocks/>
            </p:cNvSpPr>
            <p:nvPr>
              <p:custDataLst>
                <p:tags r:id="rId401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1" name="Freeform 208"/>
            <p:cNvSpPr>
              <a:spLocks/>
            </p:cNvSpPr>
            <p:nvPr>
              <p:custDataLst>
                <p:tags r:id="rId402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2" name="Freeform 379"/>
            <p:cNvSpPr>
              <a:spLocks noEditPoints="1"/>
            </p:cNvSpPr>
            <p:nvPr>
              <p:custDataLst>
                <p:tags r:id="rId403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3" name="Freeform 380"/>
            <p:cNvSpPr>
              <a:spLocks noEditPoints="1"/>
            </p:cNvSpPr>
            <p:nvPr>
              <p:custDataLst>
                <p:tags r:id="rId404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4" name="Freeform 381"/>
            <p:cNvSpPr>
              <a:spLocks/>
            </p:cNvSpPr>
            <p:nvPr>
              <p:custDataLst>
                <p:tags r:id="rId405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5" name="Freeform 382"/>
            <p:cNvSpPr>
              <a:spLocks noEditPoints="1"/>
            </p:cNvSpPr>
            <p:nvPr>
              <p:custDataLst>
                <p:tags r:id="rId406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6" name="Freeform 383"/>
            <p:cNvSpPr>
              <a:spLocks/>
            </p:cNvSpPr>
            <p:nvPr>
              <p:custDataLst>
                <p:tags r:id="rId407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</p:grpSp>
      <p:grpSp>
        <p:nvGrpSpPr>
          <p:cNvPr id="221" name="Group 473"/>
          <p:cNvGrpSpPr/>
          <p:nvPr/>
        </p:nvGrpSpPr>
        <p:grpSpPr bwMode="gray">
          <a:xfrm>
            <a:off x="651531" y="946405"/>
            <a:ext cx="11025383" cy="5406216"/>
            <a:chOff x="166688" y="2049463"/>
            <a:chExt cx="8663923" cy="4248291"/>
          </a:xfrm>
        </p:grpSpPr>
        <p:sp>
          <p:nvSpPr>
            <p:cNvPr id="222" name="Rectangle 406"/>
            <p:cNvSpPr>
              <a:spLocks noChangeArrowheads="1"/>
            </p:cNvSpPr>
            <p:nvPr>
              <p:custDataLst>
                <p:tags r:id="rId3"/>
              </p:custDataLst>
            </p:nvPr>
          </p:nvSpPr>
          <p:spPr bwMode="gray">
            <a:xfrm>
              <a:off x="5014913" y="3302001"/>
              <a:ext cx="1864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223" name="Rectangle 407"/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gray">
            <a:xfrm>
              <a:off x="4947456" y="3239969"/>
              <a:ext cx="178872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224" name="Rectangle 408"/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gray">
            <a:xfrm>
              <a:off x="4962526" y="3538538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225" name="Rectangle 409"/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gray">
            <a:xfrm>
              <a:off x="5118101" y="3636963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yprus</a:t>
              </a:r>
            </a:p>
          </p:txBody>
        </p:sp>
        <p:sp>
          <p:nvSpPr>
            <p:cNvPr id="226" name="Rectangle 410"/>
            <p:cNvSpPr>
              <a:spLocks noChangeArrowheads="1"/>
            </p:cNvSpPr>
            <p:nvPr>
              <p:custDataLst>
                <p:tags r:id="rId7"/>
              </p:custDataLst>
            </p:nvPr>
          </p:nvSpPr>
          <p:spPr bwMode="gray">
            <a:xfrm>
              <a:off x="5181601" y="3138488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227" name="Rectangle 411"/>
            <p:cNvSpPr>
              <a:spLocks noChangeArrowheads="1"/>
            </p:cNvSpPr>
            <p:nvPr>
              <p:custDataLst>
                <p:tags r:id="rId8"/>
              </p:custDataLst>
            </p:nvPr>
          </p:nvSpPr>
          <p:spPr bwMode="gray">
            <a:xfrm>
              <a:off x="4978401" y="2940051"/>
              <a:ext cx="1965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228" name="Rectangle 412"/>
            <p:cNvSpPr>
              <a:spLocks noChangeArrowheads="1"/>
            </p:cNvSpPr>
            <p:nvPr>
              <p:custDataLst>
                <p:tags r:id="rId9"/>
              </p:custDataLst>
            </p:nvPr>
          </p:nvSpPr>
          <p:spPr bwMode="gray">
            <a:xfrm>
              <a:off x="4796949" y="3306357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229" name="Rectangle 413"/>
            <p:cNvSpPr>
              <a:spLocks noChangeArrowheads="1"/>
            </p:cNvSpPr>
            <p:nvPr>
              <p:custDataLst>
                <p:tags r:id="rId10"/>
              </p:custDataLst>
            </p:nvPr>
          </p:nvSpPr>
          <p:spPr bwMode="gray">
            <a:xfrm>
              <a:off x="5189538" y="324802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230" name="Rectangle 414"/>
            <p:cNvSpPr>
              <a:spLocks noChangeArrowheads="1"/>
            </p:cNvSpPr>
            <p:nvPr>
              <p:custDataLst>
                <p:tags r:id="rId11"/>
              </p:custDataLst>
            </p:nvPr>
          </p:nvSpPr>
          <p:spPr bwMode="gray">
            <a:xfrm>
              <a:off x="4972052" y="334962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rb. Mont.</a:t>
              </a:r>
            </a:p>
          </p:txBody>
        </p:sp>
        <p:sp>
          <p:nvSpPr>
            <p:cNvPr id="231" name="Rectangle 415"/>
            <p:cNvSpPr>
              <a:spLocks noChangeArrowheads="1"/>
            </p:cNvSpPr>
            <p:nvPr>
              <p:custDataLst>
                <p:tags r:id="rId12"/>
              </p:custDataLst>
            </p:nvPr>
          </p:nvSpPr>
          <p:spPr bwMode="gray">
            <a:xfrm>
              <a:off x="4657726" y="3071813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232" name="Rectangle 416"/>
            <p:cNvSpPr>
              <a:spLocks noChangeArrowheads="1"/>
            </p:cNvSpPr>
            <p:nvPr>
              <p:custDataLst>
                <p:tags r:id="rId13"/>
              </p:custDataLst>
            </p:nvPr>
          </p:nvSpPr>
          <p:spPr bwMode="gray">
            <a:xfrm>
              <a:off x="4449763" y="325437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233" name="Rectangle 417"/>
            <p:cNvSpPr>
              <a:spLocks noChangeArrowheads="1"/>
            </p:cNvSpPr>
            <p:nvPr>
              <p:custDataLst>
                <p:tags r:id="rId14"/>
              </p:custDataLst>
            </p:nvPr>
          </p:nvSpPr>
          <p:spPr bwMode="gray">
            <a:xfrm>
              <a:off x="4128166" y="3281363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234" name="Rectangle 418"/>
            <p:cNvSpPr>
              <a:spLocks noChangeArrowheads="1"/>
            </p:cNvSpPr>
            <p:nvPr>
              <p:custDataLst>
                <p:tags r:id="rId15"/>
              </p:custDataLst>
            </p:nvPr>
          </p:nvSpPr>
          <p:spPr bwMode="gray">
            <a:xfrm>
              <a:off x="4267201" y="3616326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ibraltar</a:t>
              </a:r>
            </a:p>
          </p:txBody>
        </p:sp>
        <p:sp>
          <p:nvSpPr>
            <p:cNvPr id="235" name="Rectangle 419"/>
            <p:cNvSpPr>
              <a:spLocks noChangeArrowheads="1"/>
            </p:cNvSpPr>
            <p:nvPr>
              <p:custDataLst>
                <p:tags r:id="rId16"/>
              </p:custDataLst>
            </p:nvPr>
          </p:nvSpPr>
          <p:spPr bwMode="gray">
            <a:xfrm>
              <a:off x="4764088" y="3205163"/>
              <a:ext cx="148640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236" name="Rectangle 420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gray">
            <a:xfrm>
              <a:off x="4652963" y="3171826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ux.</a:t>
              </a:r>
            </a:p>
          </p:txBody>
        </p:sp>
        <p:sp>
          <p:nvSpPr>
            <p:cNvPr id="237" name="Rectangle 421"/>
            <p:cNvSpPr>
              <a:spLocks noChangeArrowheads="1"/>
            </p:cNvSpPr>
            <p:nvPr>
              <p:custDataLst>
                <p:tags r:id="rId18"/>
              </p:custDataLst>
            </p:nvPr>
          </p:nvSpPr>
          <p:spPr bwMode="gray">
            <a:xfrm>
              <a:off x="4961737" y="3186506"/>
              <a:ext cx="173834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238" name="Rectangle 422"/>
            <p:cNvSpPr>
              <a:spLocks noChangeArrowheads="1"/>
            </p:cNvSpPr>
            <p:nvPr>
              <p:custDataLst>
                <p:tags r:id="rId19"/>
              </p:custDataLst>
            </p:nvPr>
          </p:nvSpPr>
          <p:spPr bwMode="gray">
            <a:xfrm>
              <a:off x="4872038" y="2506663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239" name="Rectangle 423"/>
            <p:cNvSpPr>
              <a:spLocks noChangeArrowheads="1"/>
            </p:cNvSpPr>
            <p:nvPr>
              <p:custDataLst>
                <p:tags r:id="rId20"/>
              </p:custDataLst>
            </p:nvPr>
          </p:nvSpPr>
          <p:spPr bwMode="gray">
            <a:xfrm>
              <a:off x="5045076" y="26495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240" name="Rectangle 424"/>
            <p:cNvSpPr>
              <a:spLocks noChangeArrowheads="1"/>
            </p:cNvSpPr>
            <p:nvPr>
              <p:custDataLst>
                <p:tags r:id="rId21"/>
              </p:custDataLst>
            </p:nvPr>
          </p:nvSpPr>
          <p:spPr bwMode="gray">
            <a:xfrm>
              <a:off x="4624388" y="2692401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way</a:t>
              </a:r>
            </a:p>
          </p:txBody>
        </p:sp>
        <p:sp>
          <p:nvSpPr>
            <p:cNvPr id="241" name="Rectangle 425"/>
            <p:cNvSpPr>
              <a:spLocks noChangeArrowheads="1"/>
            </p:cNvSpPr>
            <p:nvPr>
              <p:custDataLst>
                <p:tags r:id="rId22"/>
              </p:custDataLst>
            </p:nvPr>
          </p:nvSpPr>
          <p:spPr bwMode="gray">
            <a:xfrm>
              <a:off x="4454526" y="3175001"/>
              <a:ext cx="1410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242" name="Rectangle 426"/>
            <p:cNvSpPr>
              <a:spLocks noChangeArrowheads="1"/>
            </p:cNvSpPr>
            <p:nvPr>
              <p:custDataLst>
                <p:tags r:id="rId23"/>
              </p:custDataLst>
            </p:nvPr>
          </p:nvSpPr>
          <p:spPr bwMode="gray">
            <a:xfrm>
              <a:off x="4357688" y="3465513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243" name="Rectangle 427"/>
            <p:cNvSpPr>
              <a:spLocks noChangeArrowheads="1"/>
            </p:cNvSpPr>
            <p:nvPr>
              <p:custDataLst>
                <p:tags r:id="rId24"/>
              </p:custDataLst>
            </p:nvPr>
          </p:nvSpPr>
          <p:spPr bwMode="gray">
            <a:xfrm>
              <a:off x="4887913" y="3048001"/>
              <a:ext cx="14486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244" name="Rectangle 428"/>
            <p:cNvSpPr>
              <a:spLocks noChangeArrowheads="1"/>
            </p:cNvSpPr>
            <p:nvPr>
              <p:custDataLst>
                <p:tags r:id="rId25"/>
              </p:custDataLst>
            </p:nvPr>
          </p:nvSpPr>
          <p:spPr bwMode="gray">
            <a:xfrm>
              <a:off x="4743450" y="3386138"/>
              <a:ext cx="906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245" name="Rectangle 429"/>
            <p:cNvSpPr>
              <a:spLocks noChangeArrowheads="1"/>
            </p:cNvSpPr>
            <p:nvPr>
              <p:custDataLst>
                <p:tags r:id="rId26"/>
              </p:custDataLst>
            </p:nvPr>
          </p:nvSpPr>
          <p:spPr bwMode="gray">
            <a:xfrm>
              <a:off x="5105401" y="301148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246" name="Rectangle 430"/>
            <p:cNvSpPr>
              <a:spLocks noChangeArrowheads="1"/>
            </p:cNvSpPr>
            <p:nvPr>
              <p:custDataLst>
                <p:tags r:id="rId27"/>
              </p:custDataLst>
            </p:nvPr>
          </p:nvSpPr>
          <p:spPr bwMode="gray">
            <a:xfrm>
              <a:off x="4178301" y="2846388"/>
              <a:ext cx="3401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Kingdom</a:t>
              </a:r>
            </a:p>
          </p:txBody>
        </p:sp>
        <p:sp>
          <p:nvSpPr>
            <p:cNvPr id="247" name="Rectangle 431"/>
            <p:cNvSpPr>
              <a:spLocks noChangeArrowheads="1"/>
            </p:cNvSpPr>
            <p:nvPr>
              <p:custDataLst>
                <p:tags r:id="rId28"/>
              </p:custDataLst>
            </p:nvPr>
          </p:nvSpPr>
          <p:spPr bwMode="gray">
            <a:xfrm>
              <a:off x="5081588" y="2879726"/>
              <a:ext cx="12848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248" name="Rectangle 432"/>
            <p:cNvSpPr>
              <a:spLocks noChangeArrowheads="1"/>
            </p:cNvSpPr>
            <p:nvPr>
              <p:custDataLst>
                <p:tags r:id="rId29"/>
              </p:custDataLst>
            </p:nvPr>
          </p:nvSpPr>
          <p:spPr bwMode="gray">
            <a:xfrm>
              <a:off x="4205288" y="3038476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249" name="Rectangle 433"/>
            <p:cNvSpPr>
              <a:spLocks noChangeArrowheads="1"/>
            </p:cNvSpPr>
            <p:nvPr>
              <p:custDataLst>
                <p:tags r:id="rId30"/>
              </p:custDataLst>
            </p:nvPr>
          </p:nvSpPr>
          <p:spPr bwMode="gray">
            <a:xfrm>
              <a:off x="5151808" y="3407725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250" name="Rectangle 434"/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gray">
            <a:xfrm>
              <a:off x="5092703" y="281463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251" name="Rectangle 435"/>
            <p:cNvSpPr>
              <a:spLocks noChangeArrowheads="1"/>
            </p:cNvSpPr>
            <p:nvPr>
              <p:custDataLst>
                <p:tags r:id="rId32"/>
              </p:custDataLst>
            </p:nvPr>
          </p:nvSpPr>
          <p:spPr bwMode="gray">
            <a:xfrm>
              <a:off x="4164013" y="3482976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252" name="Rectangle 436"/>
            <p:cNvSpPr>
              <a:spLocks noChangeArrowheads="1"/>
            </p:cNvSpPr>
            <p:nvPr>
              <p:custDataLst>
                <p:tags r:id="rId33"/>
              </p:custDataLst>
            </p:nvPr>
          </p:nvSpPr>
          <p:spPr bwMode="gray">
            <a:xfrm>
              <a:off x="4567238" y="2890838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2"/>
                  </a:solidFill>
                </a:rPr>
                <a:t>Denmark</a:t>
              </a:r>
            </a:p>
          </p:txBody>
        </p:sp>
        <p:sp>
          <p:nvSpPr>
            <p:cNvPr id="253" name="Rectangle 437"/>
            <p:cNvSpPr>
              <a:spLocks noChangeArrowheads="1"/>
            </p:cNvSpPr>
            <p:nvPr>
              <p:custDataLst>
                <p:tags r:id="rId34"/>
              </p:custDataLst>
            </p:nvPr>
          </p:nvSpPr>
          <p:spPr bwMode="gray">
            <a:xfrm>
              <a:off x="4468813" y="3411538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254" name="Rectangle 438"/>
            <p:cNvSpPr>
              <a:spLocks noChangeArrowheads="1"/>
            </p:cNvSpPr>
            <p:nvPr>
              <p:custDataLst>
                <p:tags r:id="rId35"/>
              </p:custDataLst>
            </p:nvPr>
          </p:nvSpPr>
          <p:spPr bwMode="gray">
            <a:xfrm>
              <a:off x="4525963" y="300196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therlands</a:t>
              </a:r>
            </a:p>
          </p:txBody>
        </p:sp>
        <p:sp>
          <p:nvSpPr>
            <p:cNvPr id="255" name="Rectangle 439"/>
            <p:cNvSpPr>
              <a:spLocks noChangeArrowheads="1"/>
            </p:cNvSpPr>
            <p:nvPr>
              <p:custDataLst>
                <p:tags r:id="rId36"/>
              </p:custDataLst>
            </p:nvPr>
          </p:nvSpPr>
          <p:spPr bwMode="gray">
            <a:xfrm>
              <a:off x="4532313" y="3116263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256" name="Rectangle 440"/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gray">
            <a:xfrm>
              <a:off x="4762501" y="3130551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zech Rep.</a:t>
              </a:r>
            </a:p>
          </p:txBody>
        </p:sp>
        <p:sp>
          <p:nvSpPr>
            <p:cNvPr id="257" name="Rectangle 441"/>
            <p:cNvSpPr>
              <a:spLocks noChangeArrowheads="1"/>
            </p:cNvSpPr>
            <p:nvPr>
              <p:custDataLst>
                <p:tags r:id="rId38"/>
              </p:custDataLst>
            </p:nvPr>
          </p:nvSpPr>
          <p:spPr bwMode="gray">
            <a:xfrm>
              <a:off x="4875213" y="3451226"/>
              <a:ext cx="15745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258" name="Rectangle 442"/>
            <p:cNvSpPr>
              <a:spLocks noChangeArrowheads="1"/>
            </p:cNvSpPr>
            <p:nvPr>
              <p:custDataLst>
                <p:tags r:id="rId39"/>
              </p:custDataLst>
            </p:nvPr>
          </p:nvSpPr>
          <p:spPr bwMode="gray">
            <a:xfrm>
              <a:off x="3842984" y="3335859"/>
              <a:ext cx="2620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snia Herz.</a:t>
              </a:r>
            </a:p>
          </p:txBody>
        </p:sp>
        <p:sp>
          <p:nvSpPr>
            <p:cNvPr id="259" name="Rectangle 443"/>
            <p:cNvSpPr>
              <a:spLocks noChangeArrowheads="1"/>
            </p:cNvSpPr>
            <p:nvPr>
              <p:custDataLst>
                <p:tags r:id="rId40"/>
              </p:custDataLst>
            </p:nvPr>
          </p:nvSpPr>
          <p:spPr bwMode="gray">
            <a:xfrm>
              <a:off x="4864101" y="3402012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260" name="Rectangle 444"/>
            <p:cNvSpPr>
              <a:spLocks noChangeArrowheads="1"/>
            </p:cNvSpPr>
            <p:nvPr>
              <p:custDataLst>
                <p:tags r:id="rId41"/>
              </p:custDataLst>
            </p:nvPr>
          </p:nvSpPr>
          <p:spPr bwMode="gray">
            <a:xfrm>
              <a:off x="3750882" y="3218665"/>
              <a:ext cx="2821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echtenstein</a:t>
              </a:r>
            </a:p>
          </p:txBody>
        </p:sp>
        <p:sp>
          <p:nvSpPr>
            <p:cNvPr id="261" name="Rectangle 445"/>
            <p:cNvSpPr>
              <a:spLocks noChangeArrowheads="1"/>
            </p:cNvSpPr>
            <p:nvPr>
              <p:custDataLst>
                <p:tags r:id="rId42"/>
              </p:custDataLst>
            </p:nvPr>
          </p:nvSpPr>
          <p:spPr bwMode="gray">
            <a:xfrm>
              <a:off x="3987801" y="2563813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celand</a:t>
              </a:r>
            </a:p>
          </p:txBody>
        </p:sp>
        <p:grpSp>
          <p:nvGrpSpPr>
            <p:cNvPr id="262" name="Group 472"/>
            <p:cNvGrpSpPr/>
            <p:nvPr/>
          </p:nvGrpSpPr>
          <p:grpSpPr bwMode="gray">
            <a:xfrm>
              <a:off x="4120780" y="3251201"/>
              <a:ext cx="808408" cy="125413"/>
              <a:chOff x="4120780" y="3251201"/>
              <a:chExt cx="808408" cy="125413"/>
            </a:xfrm>
          </p:grpSpPr>
          <p:sp>
            <p:nvSpPr>
              <p:cNvPr id="413" name="Line 450"/>
              <p:cNvSpPr>
                <a:spLocks noChangeShapeType="1"/>
              </p:cNvSpPr>
              <p:nvPr>
                <p:custDataLst>
                  <p:tags r:id="rId193"/>
                </p:custDataLst>
              </p:nvPr>
            </p:nvSpPr>
            <p:spPr bwMode="gray">
              <a:xfrm flipH="1">
                <a:off x="4195763" y="3376614"/>
                <a:ext cx="733425" cy="0"/>
              </a:xfrm>
              <a:prstGeom prst="line">
                <a:avLst/>
              </a:prstGeom>
              <a:noFill/>
              <a:ln w="6350">
                <a:solidFill>
                  <a:schemeClr val="accent5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4" name="Line 451"/>
              <p:cNvSpPr>
                <a:spLocks noChangeShapeType="1"/>
              </p:cNvSpPr>
              <p:nvPr>
                <p:custDataLst>
                  <p:tags r:id="rId194"/>
                </p:custDataLst>
              </p:nvPr>
            </p:nvSpPr>
            <p:spPr bwMode="gray">
              <a:xfrm flipH="1">
                <a:off x="4120780" y="3251201"/>
                <a:ext cx="636214" cy="0"/>
              </a:xfrm>
              <a:prstGeom prst="line">
                <a:avLst/>
              </a:prstGeom>
              <a:noFill/>
              <a:ln w="6350">
                <a:solidFill>
                  <a:schemeClr val="accent5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5" name="Freeform 452"/>
              <p:cNvSpPr>
                <a:spLocks/>
              </p:cNvSpPr>
              <p:nvPr>
                <p:custDataLst>
                  <p:tags r:id="rId195"/>
                </p:custDataLst>
              </p:nvPr>
            </p:nvSpPr>
            <p:spPr bwMode="gray">
              <a:xfrm>
                <a:off x="4371976" y="3298826"/>
                <a:ext cx="488950" cy="22225"/>
              </a:xfrm>
              <a:custGeom>
                <a:avLst/>
                <a:gdLst/>
                <a:ahLst/>
                <a:cxnLst>
                  <a:cxn ang="0">
                    <a:pos x="308" y="0"/>
                  </a:cxn>
                  <a:cxn ang="0">
                    <a:pos x="240" y="0"/>
                  </a:cxn>
                  <a:cxn ang="0">
                    <a:pos x="218" y="14"/>
                  </a:cxn>
                  <a:cxn ang="0">
                    <a:pos x="0" y="14"/>
                  </a:cxn>
                </a:cxnLst>
                <a:rect l="0" t="0" r="r" b="b"/>
                <a:pathLst>
                  <a:path w="308" h="14">
                    <a:moveTo>
                      <a:pt x="308" y="0"/>
                    </a:moveTo>
                    <a:lnTo>
                      <a:pt x="240" y="0"/>
                    </a:lnTo>
                    <a:lnTo>
                      <a:pt x="218" y="14"/>
                    </a:lnTo>
                    <a:lnTo>
                      <a:pt x="0" y="14"/>
                    </a:lnTo>
                  </a:path>
                </a:pathLst>
              </a:custGeom>
              <a:solidFill>
                <a:srgbClr val="E1E0DC"/>
              </a:solidFill>
              <a:ln w="6350" cap="flat" cmpd="sng">
                <a:solidFill>
                  <a:schemeClr val="accent5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</p:grpSp>
        <p:sp>
          <p:nvSpPr>
            <p:cNvPr id="263" name="Rectangle 209"/>
            <p:cNvSpPr>
              <a:spLocks noChangeArrowheads="1"/>
            </p:cNvSpPr>
            <p:nvPr>
              <p:custDataLst>
                <p:tags r:id="rId43"/>
              </p:custDataLst>
            </p:nvPr>
          </p:nvSpPr>
          <p:spPr bwMode="gray">
            <a:xfrm>
              <a:off x="5373688" y="3621088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yria</a:t>
              </a:r>
            </a:p>
          </p:txBody>
        </p:sp>
        <p:sp>
          <p:nvSpPr>
            <p:cNvPr id="264" name="Rectangle 210"/>
            <p:cNvSpPr>
              <a:spLocks noChangeArrowheads="1"/>
            </p:cNvSpPr>
            <p:nvPr>
              <p:custDataLst>
                <p:tags r:id="rId44"/>
              </p:custDataLst>
            </p:nvPr>
          </p:nvSpPr>
          <p:spPr bwMode="gray">
            <a:xfrm>
              <a:off x="5629275" y="3810001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uwait</a:t>
              </a:r>
            </a:p>
          </p:txBody>
        </p:sp>
        <p:sp>
          <p:nvSpPr>
            <p:cNvPr id="265" name="Rectangle 211"/>
            <p:cNvSpPr>
              <a:spLocks noChangeArrowheads="1"/>
            </p:cNvSpPr>
            <p:nvPr>
              <p:custDataLst>
                <p:tags r:id="rId45"/>
              </p:custDataLst>
            </p:nvPr>
          </p:nvSpPr>
          <p:spPr bwMode="gray">
            <a:xfrm>
              <a:off x="5743575" y="393065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Qatar</a:t>
              </a:r>
            </a:p>
          </p:txBody>
        </p:sp>
        <p:sp>
          <p:nvSpPr>
            <p:cNvPr id="266" name="Rectangle 212"/>
            <p:cNvSpPr>
              <a:spLocks noChangeArrowheads="1"/>
            </p:cNvSpPr>
            <p:nvPr>
              <p:custDataLst>
                <p:tags r:id="rId46"/>
              </p:custDataLst>
            </p:nvPr>
          </p:nvSpPr>
          <p:spPr bwMode="gray">
            <a:xfrm>
              <a:off x="7942263" y="4291013"/>
              <a:ext cx="1272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m</a:t>
              </a:r>
            </a:p>
          </p:txBody>
        </p:sp>
        <p:sp>
          <p:nvSpPr>
            <p:cNvPr id="267" name="Rectangle 213"/>
            <p:cNvSpPr>
              <a:spLocks noChangeArrowheads="1"/>
            </p:cNvSpPr>
            <p:nvPr>
              <p:custDataLst>
                <p:tags r:id="rId47"/>
              </p:custDataLst>
            </p:nvPr>
          </p:nvSpPr>
          <p:spPr bwMode="gray">
            <a:xfrm>
              <a:off x="7832724" y="44545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lau</a:t>
              </a:r>
            </a:p>
          </p:txBody>
        </p:sp>
        <p:sp>
          <p:nvSpPr>
            <p:cNvPr id="268" name="Rectangle 214"/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gray">
            <a:xfrm>
              <a:off x="8181976" y="4378326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cronesia</a:t>
              </a:r>
            </a:p>
          </p:txBody>
        </p:sp>
        <p:sp>
          <p:nvSpPr>
            <p:cNvPr id="269" name="Rectangle 215"/>
            <p:cNvSpPr>
              <a:spLocks noChangeArrowheads="1"/>
            </p:cNvSpPr>
            <p:nvPr>
              <p:custDataLst>
                <p:tags r:id="rId49"/>
              </p:custDataLst>
            </p:nvPr>
          </p:nvSpPr>
          <p:spPr bwMode="gray">
            <a:xfrm>
              <a:off x="6951663" y="5048251"/>
              <a:ext cx="26579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ristmas Is.</a:t>
              </a:r>
            </a:p>
          </p:txBody>
        </p:sp>
        <p:sp>
          <p:nvSpPr>
            <p:cNvPr id="270" name="Rectangle 216"/>
            <p:cNvSpPr>
              <a:spLocks noChangeArrowheads="1"/>
            </p:cNvSpPr>
            <p:nvPr>
              <p:custDataLst>
                <p:tags r:id="rId50"/>
              </p:custDataLst>
            </p:nvPr>
          </p:nvSpPr>
          <p:spPr bwMode="gray">
            <a:xfrm>
              <a:off x="8447088" y="4151313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ake I.</a:t>
              </a:r>
            </a:p>
          </p:txBody>
        </p:sp>
        <p:sp>
          <p:nvSpPr>
            <p:cNvPr id="271" name="Rectangle 217"/>
            <p:cNvSpPr>
              <a:spLocks noChangeArrowheads="1"/>
            </p:cNvSpPr>
            <p:nvPr>
              <p:custDataLst>
                <p:tags r:id="rId51"/>
              </p:custDataLst>
            </p:nvPr>
          </p:nvSpPr>
          <p:spPr bwMode="gray">
            <a:xfrm>
              <a:off x="8596313" y="4411663"/>
              <a:ext cx="2342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rshall Is.</a:t>
              </a:r>
            </a:p>
          </p:txBody>
        </p:sp>
        <p:sp>
          <p:nvSpPr>
            <p:cNvPr id="272" name="Rectangle 218"/>
            <p:cNvSpPr>
              <a:spLocks noChangeArrowheads="1"/>
            </p:cNvSpPr>
            <p:nvPr>
              <p:custDataLst>
                <p:tags r:id="rId52"/>
              </p:custDataLst>
            </p:nvPr>
          </p:nvSpPr>
          <p:spPr bwMode="gray">
            <a:xfrm>
              <a:off x="6186488" y="4559301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dives</a:t>
              </a:r>
            </a:p>
          </p:txBody>
        </p:sp>
        <p:sp>
          <p:nvSpPr>
            <p:cNvPr id="273" name="Rectangle 219"/>
            <p:cNvSpPr>
              <a:spLocks noChangeArrowheads="1"/>
            </p:cNvSpPr>
            <p:nvPr>
              <p:custDataLst>
                <p:tags r:id="rId53"/>
              </p:custDataLst>
            </p:nvPr>
          </p:nvSpPr>
          <p:spPr bwMode="gray">
            <a:xfrm>
              <a:off x="7048500" y="2576513"/>
              <a:ext cx="13352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274" name="Rectangle 220"/>
            <p:cNvSpPr>
              <a:spLocks noChangeArrowheads="1"/>
            </p:cNvSpPr>
            <p:nvPr>
              <p:custDataLst>
                <p:tags r:id="rId54"/>
              </p:custDataLst>
            </p:nvPr>
          </p:nvSpPr>
          <p:spPr bwMode="gray">
            <a:xfrm>
              <a:off x="6789738" y="3613150"/>
              <a:ext cx="1196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na</a:t>
              </a:r>
            </a:p>
          </p:txBody>
        </p:sp>
        <p:sp>
          <p:nvSpPr>
            <p:cNvPr id="275" name="Rectangle 221"/>
            <p:cNvSpPr>
              <a:spLocks noChangeArrowheads="1"/>
            </p:cNvSpPr>
            <p:nvPr>
              <p:custDataLst>
                <p:tags r:id="rId55"/>
              </p:custDataLst>
            </p:nvPr>
          </p:nvSpPr>
          <p:spPr bwMode="gray">
            <a:xfrm>
              <a:off x="7640638" y="5422901"/>
              <a:ext cx="18517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alia</a:t>
              </a:r>
            </a:p>
          </p:txBody>
        </p:sp>
        <p:sp>
          <p:nvSpPr>
            <p:cNvPr id="276" name="Rectangle 222"/>
            <p:cNvSpPr>
              <a:spLocks noChangeArrowheads="1"/>
            </p:cNvSpPr>
            <p:nvPr>
              <p:custDataLst>
                <p:tags r:id="rId56"/>
              </p:custDataLst>
            </p:nvPr>
          </p:nvSpPr>
          <p:spPr bwMode="gray">
            <a:xfrm>
              <a:off x="6364288" y="4014788"/>
              <a:ext cx="1020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ia</a:t>
              </a:r>
            </a:p>
          </p:txBody>
        </p:sp>
        <p:sp>
          <p:nvSpPr>
            <p:cNvPr id="277" name="Rectangle 223"/>
            <p:cNvSpPr>
              <a:spLocks noChangeArrowheads="1"/>
            </p:cNvSpPr>
            <p:nvPr>
              <p:custDataLst>
                <p:tags r:id="rId57"/>
              </p:custDataLst>
            </p:nvPr>
          </p:nvSpPr>
          <p:spPr bwMode="gray">
            <a:xfrm>
              <a:off x="5770563" y="36893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n</a:t>
              </a:r>
            </a:p>
          </p:txBody>
        </p:sp>
        <p:sp>
          <p:nvSpPr>
            <p:cNvPr id="278" name="Rectangle 224"/>
            <p:cNvSpPr>
              <a:spLocks noChangeArrowheads="1"/>
            </p:cNvSpPr>
            <p:nvPr>
              <p:custDataLst>
                <p:tags r:id="rId58"/>
              </p:custDataLst>
            </p:nvPr>
          </p:nvSpPr>
          <p:spPr bwMode="gray">
            <a:xfrm>
              <a:off x="6075363" y="3190875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azakhstan</a:t>
              </a:r>
            </a:p>
          </p:txBody>
        </p:sp>
        <p:sp>
          <p:nvSpPr>
            <p:cNvPr id="279" name="Rectangle 225"/>
            <p:cNvSpPr>
              <a:spLocks noChangeArrowheads="1"/>
            </p:cNvSpPr>
            <p:nvPr>
              <p:custDataLst>
                <p:tags r:id="rId59"/>
              </p:custDataLst>
            </p:nvPr>
          </p:nvSpPr>
          <p:spPr bwMode="gray">
            <a:xfrm>
              <a:off x="6883400" y="3243263"/>
              <a:ext cx="1952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ngolia</a:t>
              </a:r>
            </a:p>
          </p:txBody>
        </p:sp>
        <p:sp>
          <p:nvSpPr>
            <p:cNvPr id="280" name="Rectangle 226"/>
            <p:cNvSpPr>
              <a:spLocks noChangeArrowheads="1"/>
            </p:cNvSpPr>
            <p:nvPr>
              <p:custDataLst>
                <p:tags r:id="rId60"/>
              </p:custDataLst>
            </p:nvPr>
          </p:nvSpPr>
          <p:spPr bwMode="gray">
            <a:xfrm>
              <a:off x="5478463" y="3967163"/>
              <a:ext cx="2095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udi Arabia</a:t>
              </a:r>
            </a:p>
          </p:txBody>
        </p:sp>
        <p:sp>
          <p:nvSpPr>
            <p:cNvPr id="281" name="Rectangle 227"/>
            <p:cNvSpPr>
              <a:spLocks noChangeArrowheads="1"/>
            </p:cNvSpPr>
            <p:nvPr>
              <p:custDataLst>
                <p:tags r:id="rId61"/>
              </p:custDataLst>
            </p:nvPr>
          </p:nvSpPr>
          <p:spPr bwMode="gray">
            <a:xfrm>
              <a:off x="5229004" y="3511551"/>
              <a:ext cx="2192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282" name="Rectangle 228"/>
            <p:cNvSpPr>
              <a:spLocks noChangeArrowheads="1"/>
            </p:cNvSpPr>
            <p:nvPr>
              <p:custDataLst>
                <p:tags r:id="rId62"/>
              </p:custDataLst>
            </p:nvPr>
          </p:nvSpPr>
          <p:spPr bwMode="gray">
            <a:xfrm>
              <a:off x="5537201" y="37274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q</a:t>
              </a:r>
            </a:p>
          </p:txBody>
        </p:sp>
        <p:sp>
          <p:nvSpPr>
            <p:cNvPr id="283" name="Rectangle 229"/>
            <p:cNvSpPr>
              <a:spLocks noChangeArrowheads="1"/>
            </p:cNvSpPr>
            <p:nvPr>
              <p:custDataLst>
                <p:tags r:id="rId63"/>
              </p:custDataLst>
            </p:nvPr>
          </p:nvSpPr>
          <p:spPr bwMode="gray">
            <a:xfrm>
              <a:off x="6032500" y="3833813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kistan</a:t>
              </a:r>
            </a:p>
          </p:txBody>
        </p:sp>
        <p:sp>
          <p:nvSpPr>
            <p:cNvPr id="284" name="Rectangle 230"/>
            <p:cNvSpPr>
              <a:spLocks noChangeArrowheads="1"/>
            </p:cNvSpPr>
            <p:nvPr>
              <p:custDataLst>
                <p:tags r:id="rId64"/>
              </p:custDataLst>
            </p:nvPr>
          </p:nvSpPr>
          <p:spPr bwMode="gray">
            <a:xfrm>
              <a:off x="6723063" y="4037013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yanmar</a:t>
              </a:r>
            </a:p>
          </p:txBody>
        </p:sp>
        <p:sp>
          <p:nvSpPr>
            <p:cNvPr id="285" name="Rectangle 231"/>
            <p:cNvSpPr>
              <a:spLocks noChangeArrowheads="1"/>
            </p:cNvSpPr>
            <p:nvPr>
              <p:custDataLst>
                <p:tags r:id="rId65"/>
              </p:custDataLst>
            </p:nvPr>
          </p:nvSpPr>
          <p:spPr bwMode="gray">
            <a:xfrm>
              <a:off x="5962650" y="3665538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fghanistan</a:t>
              </a:r>
            </a:p>
          </p:txBody>
        </p:sp>
        <p:sp>
          <p:nvSpPr>
            <p:cNvPr id="286" name="Rectangle 232"/>
            <p:cNvSpPr>
              <a:spLocks noChangeArrowheads="1"/>
            </p:cNvSpPr>
            <p:nvPr>
              <p:custDataLst>
                <p:tags r:id="rId66"/>
              </p:custDataLst>
            </p:nvPr>
          </p:nvSpPr>
          <p:spPr bwMode="gray">
            <a:xfrm>
              <a:off x="5884863" y="3382963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zbekistan</a:t>
              </a:r>
            </a:p>
          </p:txBody>
        </p:sp>
        <p:sp>
          <p:nvSpPr>
            <p:cNvPr id="287" name="Rectangle 233"/>
            <p:cNvSpPr>
              <a:spLocks noChangeArrowheads="1"/>
            </p:cNvSpPr>
            <p:nvPr>
              <p:custDataLst>
                <p:tags r:id="rId67"/>
              </p:custDataLst>
            </p:nvPr>
          </p:nvSpPr>
          <p:spPr bwMode="gray">
            <a:xfrm>
              <a:off x="5810249" y="3521076"/>
              <a:ext cx="28846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menistan</a:t>
              </a:r>
            </a:p>
          </p:txBody>
        </p:sp>
        <p:sp>
          <p:nvSpPr>
            <p:cNvPr id="288" name="Rectangle 234"/>
            <p:cNvSpPr>
              <a:spLocks noChangeArrowheads="1"/>
            </p:cNvSpPr>
            <p:nvPr>
              <p:custDataLst>
                <p:tags r:id="rId68"/>
              </p:custDataLst>
            </p:nvPr>
          </p:nvSpPr>
          <p:spPr bwMode="gray">
            <a:xfrm>
              <a:off x="6858000" y="421957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ailand</a:t>
              </a:r>
            </a:p>
          </p:txBody>
        </p:sp>
        <p:sp>
          <p:nvSpPr>
            <p:cNvPr id="289" name="Rectangle 235"/>
            <p:cNvSpPr>
              <a:spLocks noChangeArrowheads="1"/>
            </p:cNvSpPr>
            <p:nvPr>
              <p:custDataLst>
                <p:tags r:id="rId69"/>
              </p:custDataLst>
            </p:nvPr>
          </p:nvSpPr>
          <p:spPr bwMode="gray">
            <a:xfrm>
              <a:off x="5557838" y="4214813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Yemen</a:t>
              </a:r>
            </a:p>
          </p:txBody>
        </p:sp>
        <p:sp>
          <p:nvSpPr>
            <p:cNvPr id="290" name="Rectangle 236"/>
            <p:cNvSpPr>
              <a:spLocks noChangeArrowheads="1"/>
            </p:cNvSpPr>
            <p:nvPr>
              <p:custDataLst>
                <p:tags r:id="rId70"/>
              </p:custDataLst>
            </p:nvPr>
          </p:nvSpPr>
          <p:spPr bwMode="gray">
            <a:xfrm>
              <a:off x="7894638" y="356870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apan</a:t>
              </a:r>
            </a:p>
          </p:txBody>
        </p:sp>
        <p:sp>
          <p:nvSpPr>
            <p:cNvPr id="291" name="Rectangle 237"/>
            <p:cNvSpPr>
              <a:spLocks noChangeArrowheads="1"/>
            </p:cNvSpPr>
            <p:nvPr>
              <p:custDataLst>
                <p:tags r:id="rId71"/>
              </p:custDataLst>
            </p:nvPr>
          </p:nvSpPr>
          <p:spPr bwMode="gray">
            <a:xfrm>
              <a:off x="5792789" y="4108451"/>
              <a:ext cx="1297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Oman</a:t>
              </a:r>
            </a:p>
          </p:txBody>
        </p:sp>
        <p:sp>
          <p:nvSpPr>
            <p:cNvPr id="292" name="Rectangle 238"/>
            <p:cNvSpPr>
              <a:spLocks noChangeArrowheads="1"/>
            </p:cNvSpPr>
            <p:nvPr>
              <p:custDataLst>
                <p:tags r:id="rId72"/>
              </p:custDataLst>
            </p:nvPr>
          </p:nvSpPr>
          <p:spPr bwMode="gray">
            <a:xfrm>
              <a:off x="6910389" y="4100513"/>
              <a:ext cx="9825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os</a:t>
              </a:r>
            </a:p>
          </p:txBody>
        </p:sp>
        <p:sp>
          <p:nvSpPr>
            <p:cNvPr id="293" name="Rectangle 239"/>
            <p:cNvSpPr>
              <a:spLocks noChangeArrowheads="1"/>
            </p:cNvSpPr>
            <p:nvPr>
              <p:custDataLst>
                <p:tags r:id="rId73"/>
              </p:custDataLst>
            </p:nvPr>
          </p:nvSpPr>
          <p:spPr bwMode="gray">
            <a:xfrm>
              <a:off x="7085013" y="430053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ietnam</a:t>
              </a:r>
            </a:p>
          </p:txBody>
        </p:sp>
        <p:sp>
          <p:nvSpPr>
            <p:cNvPr id="294" name="Rectangle 240"/>
            <p:cNvSpPr>
              <a:spLocks noChangeArrowheads="1"/>
            </p:cNvSpPr>
            <p:nvPr>
              <p:custDataLst>
                <p:tags r:id="rId74"/>
              </p:custDataLst>
            </p:nvPr>
          </p:nvSpPr>
          <p:spPr bwMode="gray">
            <a:xfrm>
              <a:off x="6465888" y="3849687"/>
              <a:ext cx="123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pal</a:t>
              </a:r>
            </a:p>
          </p:txBody>
        </p:sp>
        <p:sp>
          <p:nvSpPr>
            <p:cNvPr id="295" name="Rectangle 241"/>
            <p:cNvSpPr>
              <a:spLocks noChangeArrowheads="1"/>
            </p:cNvSpPr>
            <p:nvPr>
              <p:custDataLst>
                <p:tags r:id="rId75"/>
              </p:custDataLst>
            </p:nvPr>
          </p:nvSpPr>
          <p:spPr bwMode="gray">
            <a:xfrm>
              <a:off x="6226176" y="3413126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yrgyzstan</a:t>
              </a:r>
            </a:p>
          </p:txBody>
        </p:sp>
        <p:sp>
          <p:nvSpPr>
            <p:cNvPr id="296" name="Rectangle 242"/>
            <p:cNvSpPr>
              <a:spLocks noChangeArrowheads="1"/>
            </p:cNvSpPr>
            <p:nvPr>
              <p:custDataLst>
                <p:tags r:id="rId76"/>
              </p:custDataLst>
            </p:nvPr>
          </p:nvSpPr>
          <p:spPr bwMode="gray">
            <a:xfrm>
              <a:off x="5630864" y="3578226"/>
              <a:ext cx="22296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zerbaijan</a:t>
              </a:r>
            </a:p>
          </p:txBody>
        </p:sp>
        <p:sp>
          <p:nvSpPr>
            <p:cNvPr id="297" name="Rectangle 243"/>
            <p:cNvSpPr>
              <a:spLocks noChangeArrowheads="1"/>
            </p:cNvSpPr>
            <p:nvPr>
              <p:custDataLst>
                <p:tags r:id="rId77"/>
              </p:custDataLst>
            </p:nvPr>
          </p:nvSpPr>
          <p:spPr bwMode="gray">
            <a:xfrm>
              <a:off x="6190761" y="3512334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jikistan</a:t>
              </a:r>
            </a:p>
          </p:txBody>
        </p:sp>
        <p:sp>
          <p:nvSpPr>
            <p:cNvPr id="298" name="Rectangle 244"/>
            <p:cNvSpPr>
              <a:spLocks noChangeArrowheads="1"/>
            </p:cNvSpPr>
            <p:nvPr>
              <p:custDataLst>
                <p:tags r:id="rId78"/>
              </p:custDataLst>
            </p:nvPr>
          </p:nvSpPr>
          <p:spPr bwMode="gray">
            <a:xfrm>
              <a:off x="8359775" y="5888038"/>
              <a:ext cx="2746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Zealand</a:t>
              </a:r>
            </a:p>
          </p:txBody>
        </p:sp>
        <p:sp>
          <p:nvSpPr>
            <p:cNvPr id="299" name="Rectangle 245"/>
            <p:cNvSpPr>
              <a:spLocks noChangeArrowheads="1"/>
            </p:cNvSpPr>
            <p:nvPr>
              <p:custDataLst>
                <p:tags r:id="rId79"/>
              </p:custDataLst>
            </p:nvPr>
          </p:nvSpPr>
          <p:spPr bwMode="gray">
            <a:xfrm>
              <a:off x="7910513" y="4806952"/>
              <a:ext cx="4587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pua New Guinea</a:t>
              </a:r>
            </a:p>
          </p:txBody>
        </p:sp>
        <p:sp>
          <p:nvSpPr>
            <p:cNvPr id="300" name="Rectangle 246"/>
            <p:cNvSpPr>
              <a:spLocks noChangeArrowheads="1"/>
            </p:cNvSpPr>
            <p:nvPr>
              <p:custDataLst>
                <p:tags r:id="rId80"/>
              </p:custDataLst>
            </p:nvPr>
          </p:nvSpPr>
          <p:spPr bwMode="gray">
            <a:xfrm>
              <a:off x="5345112" y="3763963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ordan</a:t>
              </a:r>
            </a:p>
          </p:txBody>
        </p:sp>
        <p:sp>
          <p:nvSpPr>
            <p:cNvPr id="301" name="Rectangle 247"/>
            <p:cNvSpPr>
              <a:spLocks noChangeArrowheads="1"/>
            </p:cNvSpPr>
            <p:nvPr>
              <p:custDataLst>
                <p:tags r:id="rId81"/>
              </p:custDataLst>
            </p:nvPr>
          </p:nvSpPr>
          <p:spPr bwMode="gray">
            <a:xfrm>
              <a:off x="7427913" y="346551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th Korea</a:t>
              </a:r>
            </a:p>
          </p:txBody>
        </p:sp>
        <p:sp>
          <p:nvSpPr>
            <p:cNvPr id="302" name="Rectangle 248"/>
            <p:cNvSpPr>
              <a:spLocks noChangeArrowheads="1"/>
            </p:cNvSpPr>
            <p:nvPr>
              <p:custDataLst>
                <p:tags r:id="rId82"/>
              </p:custDataLst>
            </p:nvPr>
          </p:nvSpPr>
          <p:spPr bwMode="gray">
            <a:xfrm>
              <a:off x="7477126" y="48196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onesia</a:t>
              </a:r>
            </a:p>
          </p:txBody>
        </p:sp>
        <p:sp>
          <p:nvSpPr>
            <p:cNvPr id="303" name="Rectangle 249"/>
            <p:cNvSpPr>
              <a:spLocks noChangeArrowheads="1"/>
            </p:cNvSpPr>
            <p:nvPr>
              <p:custDataLst>
                <p:tags r:id="rId83"/>
              </p:custDataLst>
            </p:nvPr>
          </p:nvSpPr>
          <p:spPr bwMode="gray">
            <a:xfrm>
              <a:off x="6958013" y="4551363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ysia</a:t>
              </a:r>
            </a:p>
          </p:txBody>
        </p:sp>
        <p:sp>
          <p:nvSpPr>
            <p:cNvPr id="304" name="Rectangle 250"/>
            <p:cNvSpPr>
              <a:spLocks noChangeArrowheads="1"/>
            </p:cNvSpPr>
            <p:nvPr>
              <p:custDataLst>
                <p:tags r:id="rId84"/>
              </p:custDataLst>
            </p:nvPr>
          </p:nvSpPr>
          <p:spPr bwMode="gray">
            <a:xfrm>
              <a:off x="6502400" y="3963988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ngladesh</a:t>
              </a:r>
            </a:p>
          </p:txBody>
        </p:sp>
        <p:sp>
          <p:nvSpPr>
            <p:cNvPr id="305" name="Rectangle 251"/>
            <p:cNvSpPr>
              <a:spLocks noChangeArrowheads="1"/>
            </p:cNvSpPr>
            <p:nvPr>
              <p:custDataLst>
                <p:tags r:id="rId85"/>
              </p:custDataLst>
            </p:nvPr>
          </p:nvSpPr>
          <p:spPr bwMode="gray">
            <a:xfrm>
              <a:off x="7413625" y="3581401"/>
              <a:ext cx="25823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Korea</a:t>
              </a:r>
            </a:p>
          </p:txBody>
        </p:sp>
        <p:sp>
          <p:nvSpPr>
            <p:cNvPr id="306" name="Rectangle 252"/>
            <p:cNvSpPr>
              <a:spLocks noChangeArrowheads="1"/>
            </p:cNvSpPr>
            <p:nvPr>
              <p:custDataLst>
                <p:tags r:id="rId86"/>
              </p:custDataLst>
            </p:nvPr>
          </p:nvSpPr>
          <p:spPr bwMode="gray">
            <a:xfrm>
              <a:off x="6596063" y="38052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hutan</a:t>
              </a:r>
            </a:p>
          </p:txBody>
        </p:sp>
        <p:sp>
          <p:nvSpPr>
            <p:cNvPr id="307" name="Rectangle 253"/>
            <p:cNvSpPr>
              <a:spLocks noChangeArrowheads="1"/>
            </p:cNvSpPr>
            <p:nvPr>
              <p:custDataLst>
                <p:tags r:id="rId87"/>
              </p:custDataLst>
            </p:nvPr>
          </p:nvSpPr>
          <p:spPr bwMode="gray">
            <a:xfrm>
              <a:off x="6362700" y="4470401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ri Lanka</a:t>
              </a:r>
            </a:p>
          </p:txBody>
        </p:sp>
        <p:sp>
          <p:nvSpPr>
            <p:cNvPr id="308" name="Rectangle 254"/>
            <p:cNvSpPr>
              <a:spLocks noChangeArrowheads="1"/>
            </p:cNvSpPr>
            <p:nvPr>
              <p:custDataLst>
                <p:tags r:id="rId88"/>
              </p:custDataLst>
            </p:nvPr>
          </p:nvSpPr>
          <p:spPr bwMode="gray">
            <a:xfrm>
              <a:off x="7443788" y="4025901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iwan</a:t>
              </a:r>
            </a:p>
          </p:txBody>
        </p:sp>
        <p:sp>
          <p:nvSpPr>
            <p:cNvPr id="309" name="Rectangle 255"/>
            <p:cNvSpPr>
              <a:spLocks noChangeArrowheads="1"/>
            </p:cNvSpPr>
            <p:nvPr>
              <p:custDataLst>
                <p:tags r:id="rId89"/>
              </p:custDataLst>
            </p:nvPr>
          </p:nvSpPr>
          <p:spPr bwMode="gray">
            <a:xfrm>
              <a:off x="8342313" y="5322888"/>
              <a:ext cx="31365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Caledonia</a:t>
              </a:r>
            </a:p>
          </p:txBody>
        </p:sp>
        <p:sp>
          <p:nvSpPr>
            <p:cNvPr id="310" name="Rectangle 256"/>
            <p:cNvSpPr>
              <a:spLocks noChangeArrowheads="1"/>
            </p:cNvSpPr>
            <p:nvPr>
              <p:custDataLst>
                <p:tags r:id="rId90"/>
              </p:custDataLst>
            </p:nvPr>
          </p:nvSpPr>
          <p:spPr bwMode="gray">
            <a:xfrm>
              <a:off x="7510463" y="4284663"/>
              <a:ext cx="22548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hilippines</a:t>
              </a:r>
            </a:p>
          </p:txBody>
        </p:sp>
        <p:sp>
          <p:nvSpPr>
            <p:cNvPr id="311" name="Rectangle 257"/>
            <p:cNvSpPr>
              <a:spLocks noChangeArrowheads="1"/>
            </p:cNvSpPr>
            <p:nvPr>
              <p:custDataLst>
                <p:tags r:id="rId91"/>
              </p:custDataLst>
            </p:nvPr>
          </p:nvSpPr>
          <p:spPr bwMode="gray">
            <a:xfrm>
              <a:off x="8401050" y="4926013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lomon Is.</a:t>
              </a:r>
            </a:p>
          </p:txBody>
        </p:sp>
        <p:sp>
          <p:nvSpPr>
            <p:cNvPr id="312" name="Rectangle 258"/>
            <p:cNvSpPr>
              <a:spLocks noChangeArrowheads="1"/>
            </p:cNvSpPr>
            <p:nvPr>
              <p:custDataLst>
                <p:tags r:id="rId92"/>
              </p:custDataLst>
            </p:nvPr>
          </p:nvSpPr>
          <p:spPr bwMode="gray">
            <a:xfrm>
              <a:off x="8545513" y="5084763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anuatu</a:t>
              </a:r>
            </a:p>
          </p:txBody>
        </p:sp>
        <p:sp>
          <p:nvSpPr>
            <p:cNvPr id="313" name="Rectangle 259"/>
            <p:cNvSpPr>
              <a:spLocks noChangeArrowheads="1"/>
            </p:cNvSpPr>
            <p:nvPr>
              <p:custDataLst>
                <p:tags r:id="rId93"/>
              </p:custDataLst>
            </p:nvPr>
          </p:nvSpPr>
          <p:spPr bwMode="gray">
            <a:xfrm>
              <a:off x="5177832" y="3727833"/>
              <a:ext cx="110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srael</a:t>
              </a:r>
            </a:p>
          </p:txBody>
        </p:sp>
        <p:sp>
          <p:nvSpPr>
            <p:cNvPr id="314" name="Rectangle 260"/>
            <p:cNvSpPr>
              <a:spLocks noChangeArrowheads="1"/>
            </p:cNvSpPr>
            <p:nvPr>
              <p:custDataLst>
                <p:tags r:id="rId94"/>
              </p:custDataLst>
            </p:nvPr>
          </p:nvSpPr>
          <p:spPr bwMode="gray">
            <a:xfrm>
              <a:off x="5746750" y="3992563"/>
              <a:ext cx="1347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.A.E.</a:t>
              </a:r>
            </a:p>
          </p:txBody>
        </p:sp>
        <p:sp>
          <p:nvSpPr>
            <p:cNvPr id="315" name="Rectangle 261"/>
            <p:cNvSpPr>
              <a:spLocks noChangeArrowheads="1"/>
            </p:cNvSpPr>
            <p:nvPr>
              <p:custDataLst>
                <p:tags r:id="rId95"/>
              </p:custDataLst>
            </p:nvPr>
          </p:nvSpPr>
          <p:spPr bwMode="gray">
            <a:xfrm>
              <a:off x="5680076" y="3883026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hrain</a:t>
              </a:r>
            </a:p>
          </p:txBody>
        </p:sp>
        <p:sp>
          <p:nvSpPr>
            <p:cNvPr id="316" name="Rectangle 262"/>
            <p:cNvSpPr>
              <a:spLocks noChangeArrowheads="1"/>
            </p:cNvSpPr>
            <p:nvPr>
              <p:custDataLst>
                <p:tags r:id="rId96"/>
              </p:custDataLst>
            </p:nvPr>
          </p:nvSpPr>
          <p:spPr bwMode="gray">
            <a:xfrm>
              <a:off x="5335588" y="3675062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banon</a:t>
              </a:r>
            </a:p>
          </p:txBody>
        </p:sp>
        <p:sp>
          <p:nvSpPr>
            <p:cNvPr id="317" name="Rectangle 263"/>
            <p:cNvSpPr>
              <a:spLocks noChangeArrowheads="1"/>
            </p:cNvSpPr>
            <p:nvPr>
              <p:custDataLst>
                <p:tags r:id="rId97"/>
              </p:custDataLst>
            </p:nvPr>
          </p:nvSpPr>
          <p:spPr bwMode="gray">
            <a:xfrm>
              <a:off x="5453063" y="3397251"/>
              <a:ext cx="16501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orgia</a:t>
              </a:r>
            </a:p>
          </p:txBody>
        </p:sp>
        <p:sp>
          <p:nvSpPr>
            <p:cNvPr id="318" name="Rectangle 264"/>
            <p:cNvSpPr>
              <a:spLocks noChangeArrowheads="1"/>
            </p:cNvSpPr>
            <p:nvPr>
              <p:custDataLst>
                <p:tags r:id="rId98"/>
              </p:custDataLst>
            </p:nvPr>
          </p:nvSpPr>
          <p:spPr bwMode="gray">
            <a:xfrm>
              <a:off x="5440363" y="346868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menia</a:t>
              </a:r>
            </a:p>
          </p:txBody>
        </p:sp>
        <p:sp>
          <p:nvSpPr>
            <p:cNvPr id="319" name="Rectangle 281"/>
            <p:cNvSpPr>
              <a:spLocks noChangeArrowheads="1"/>
            </p:cNvSpPr>
            <p:nvPr>
              <p:custDataLst>
                <p:tags r:id="rId99"/>
              </p:custDataLst>
            </p:nvPr>
          </p:nvSpPr>
          <p:spPr bwMode="gray">
            <a:xfrm>
              <a:off x="7234238" y="4457701"/>
              <a:ext cx="1714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ast Timor</a:t>
              </a:r>
            </a:p>
          </p:txBody>
        </p:sp>
        <p:sp>
          <p:nvSpPr>
            <p:cNvPr id="320" name="Rectangle 282"/>
            <p:cNvSpPr>
              <a:spLocks noChangeArrowheads="1"/>
            </p:cNvSpPr>
            <p:nvPr>
              <p:custDataLst>
                <p:tags r:id="rId100"/>
              </p:custDataLst>
            </p:nvPr>
          </p:nvSpPr>
          <p:spPr bwMode="gray">
            <a:xfrm>
              <a:off x="6838950" y="4314826"/>
              <a:ext cx="21288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bodia</a:t>
              </a:r>
            </a:p>
          </p:txBody>
        </p:sp>
        <p:sp>
          <p:nvSpPr>
            <p:cNvPr id="321" name="Rectangle 284"/>
            <p:cNvSpPr>
              <a:spLocks noChangeArrowheads="1"/>
            </p:cNvSpPr>
            <p:nvPr>
              <p:custDataLst>
                <p:tags r:id="rId101"/>
              </p:custDataLst>
            </p:nvPr>
          </p:nvSpPr>
          <p:spPr bwMode="gray">
            <a:xfrm>
              <a:off x="4491038" y="4375151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nin</a:t>
              </a:r>
            </a:p>
          </p:txBody>
        </p:sp>
        <p:sp>
          <p:nvSpPr>
            <p:cNvPr id="322" name="Rectangle 285"/>
            <p:cNvSpPr>
              <a:spLocks noChangeArrowheads="1"/>
            </p:cNvSpPr>
            <p:nvPr>
              <p:custDataLst>
                <p:tags r:id="rId102"/>
              </p:custDataLst>
            </p:nvPr>
          </p:nvSpPr>
          <p:spPr bwMode="gray">
            <a:xfrm>
              <a:off x="4821238" y="4649789"/>
              <a:ext cx="13604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ngo</a:t>
              </a:r>
            </a:p>
          </p:txBody>
        </p:sp>
        <p:sp>
          <p:nvSpPr>
            <p:cNvPr id="323" name="Rectangle 286"/>
            <p:cNvSpPr>
              <a:spLocks noChangeArrowheads="1"/>
            </p:cNvSpPr>
            <p:nvPr>
              <p:custDataLst>
                <p:tags r:id="rId103"/>
              </p:custDataLst>
            </p:nvPr>
          </p:nvSpPr>
          <p:spPr bwMode="gray">
            <a:xfrm>
              <a:off x="4146972" y="4568769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eria</a:t>
              </a:r>
            </a:p>
          </p:txBody>
        </p:sp>
        <p:sp>
          <p:nvSpPr>
            <p:cNvPr id="324" name="Rectangle 287"/>
            <p:cNvSpPr>
              <a:spLocks noChangeArrowheads="1"/>
            </p:cNvSpPr>
            <p:nvPr>
              <p:custDataLst>
                <p:tags r:id="rId104"/>
              </p:custDataLst>
            </p:nvPr>
          </p:nvSpPr>
          <p:spPr bwMode="gray">
            <a:xfrm>
              <a:off x="3884614" y="3784601"/>
              <a:ext cx="2040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ry Is.</a:t>
              </a:r>
            </a:p>
          </p:txBody>
        </p:sp>
        <p:sp>
          <p:nvSpPr>
            <p:cNvPr id="325" name="Rectangle 288"/>
            <p:cNvSpPr>
              <a:spLocks noChangeArrowheads="1"/>
            </p:cNvSpPr>
            <p:nvPr>
              <p:custDataLst>
                <p:tags r:id="rId105"/>
              </p:custDataLst>
            </p:nvPr>
          </p:nvSpPr>
          <p:spPr bwMode="gray">
            <a:xfrm>
              <a:off x="4699000" y="4708526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bon</a:t>
              </a:r>
            </a:p>
          </p:txBody>
        </p:sp>
        <p:sp>
          <p:nvSpPr>
            <p:cNvPr id="326" name="Rectangle 289"/>
            <p:cNvSpPr>
              <a:spLocks noChangeArrowheads="1"/>
            </p:cNvSpPr>
            <p:nvPr>
              <p:custDataLst>
                <p:tags r:id="rId106"/>
              </p:custDataLst>
            </p:nvPr>
          </p:nvSpPr>
          <p:spPr bwMode="gray">
            <a:xfrm>
              <a:off x="4452938" y="4537076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ogo</a:t>
              </a:r>
            </a:p>
          </p:txBody>
        </p:sp>
        <p:sp>
          <p:nvSpPr>
            <p:cNvPr id="327" name="Rectangle 290"/>
            <p:cNvSpPr>
              <a:spLocks noChangeArrowheads="1"/>
            </p:cNvSpPr>
            <p:nvPr>
              <p:custDataLst>
                <p:tags r:id="rId107"/>
              </p:custDataLst>
            </p:nvPr>
          </p:nvSpPr>
          <p:spPr bwMode="gray">
            <a:xfrm>
              <a:off x="5114926" y="46958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wanda</a:t>
              </a:r>
            </a:p>
          </p:txBody>
        </p:sp>
        <p:sp>
          <p:nvSpPr>
            <p:cNvPr id="328" name="Rectangle 291"/>
            <p:cNvSpPr>
              <a:spLocks noChangeArrowheads="1"/>
            </p:cNvSpPr>
            <p:nvPr>
              <p:custDataLst>
                <p:tags r:id="rId108"/>
              </p:custDataLst>
            </p:nvPr>
          </p:nvSpPr>
          <p:spPr bwMode="gray">
            <a:xfrm>
              <a:off x="3622676" y="4211639"/>
              <a:ext cx="2405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pe Verde</a:t>
              </a:r>
            </a:p>
          </p:txBody>
        </p:sp>
        <p:sp>
          <p:nvSpPr>
            <p:cNvPr id="329" name="Rectangle 292"/>
            <p:cNvSpPr>
              <a:spLocks noChangeArrowheads="1"/>
            </p:cNvSpPr>
            <p:nvPr>
              <p:custDataLst>
                <p:tags r:id="rId109"/>
              </p:custDataLst>
            </p:nvPr>
          </p:nvSpPr>
          <p:spPr bwMode="gray">
            <a:xfrm>
              <a:off x="5719763" y="4767263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ychelles</a:t>
              </a:r>
            </a:p>
          </p:txBody>
        </p:sp>
        <p:sp>
          <p:nvSpPr>
            <p:cNvPr id="330" name="Rectangle 293"/>
            <p:cNvSpPr>
              <a:spLocks noChangeArrowheads="1"/>
            </p:cNvSpPr>
            <p:nvPr>
              <p:custDataLst>
                <p:tags r:id="rId110"/>
              </p:custDataLst>
            </p:nvPr>
          </p:nvSpPr>
          <p:spPr bwMode="gray">
            <a:xfrm>
              <a:off x="4487863" y="3868739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geria</a:t>
              </a:r>
            </a:p>
          </p:txBody>
        </p:sp>
        <p:sp>
          <p:nvSpPr>
            <p:cNvPr id="331" name="Rectangle 294"/>
            <p:cNvSpPr>
              <a:spLocks noChangeArrowheads="1"/>
            </p:cNvSpPr>
            <p:nvPr>
              <p:custDataLst>
                <p:tags r:id="rId111"/>
              </p:custDataLst>
            </p:nvPr>
          </p:nvSpPr>
          <p:spPr bwMode="gray">
            <a:xfrm>
              <a:off x="5105400" y="4229101"/>
              <a:ext cx="230188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North Sudan</a:t>
              </a:r>
            </a:p>
          </p:txBody>
        </p:sp>
        <p:sp>
          <p:nvSpPr>
            <p:cNvPr id="332" name="Rectangle 295"/>
            <p:cNvSpPr>
              <a:spLocks noChangeArrowheads="1"/>
            </p:cNvSpPr>
            <p:nvPr>
              <p:custDataLst>
                <p:tags r:id="rId112"/>
              </p:custDataLst>
            </p:nvPr>
          </p:nvSpPr>
          <p:spPr bwMode="gray">
            <a:xfrm>
              <a:off x="4875213" y="3875088"/>
              <a:ext cx="11337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ya</a:t>
              </a:r>
            </a:p>
          </p:txBody>
        </p:sp>
        <p:sp>
          <p:nvSpPr>
            <p:cNvPr id="333" name="Rectangle 296"/>
            <p:cNvSpPr>
              <a:spLocks noChangeArrowheads="1"/>
            </p:cNvSpPr>
            <p:nvPr>
              <p:custDataLst>
                <p:tags r:id="rId113"/>
              </p:custDataLst>
            </p:nvPr>
          </p:nvSpPr>
          <p:spPr bwMode="gray">
            <a:xfrm>
              <a:off x="4430712" y="4140201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i</a:t>
              </a:r>
            </a:p>
          </p:txBody>
        </p:sp>
        <p:sp>
          <p:nvSpPr>
            <p:cNvPr id="334" name="Rectangle 297"/>
            <p:cNvSpPr>
              <a:spLocks noChangeArrowheads="1"/>
            </p:cNvSpPr>
            <p:nvPr>
              <p:custDataLst>
                <p:tags r:id="rId114"/>
              </p:custDataLst>
            </p:nvPr>
          </p:nvSpPr>
          <p:spPr bwMode="gray">
            <a:xfrm>
              <a:off x="4895851" y="4240214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ad</a:t>
              </a:r>
            </a:p>
          </p:txBody>
        </p:sp>
        <p:sp>
          <p:nvSpPr>
            <p:cNvPr id="335" name="Rectangle 298"/>
            <p:cNvSpPr>
              <a:spLocks noChangeArrowheads="1"/>
            </p:cNvSpPr>
            <p:nvPr>
              <p:custDataLst>
                <p:tags r:id="rId115"/>
              </p:custDataLst>
            </p:nvPr>
          </p:nvSpPr>
          <p:spPr bwMode="gray">
            <a:xfrm>
              <a:off x="4681538" y="4171951"/>
              <a:ext cx="1146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</a:t>
              </a:r>
            </a:p>
          </p:txBody>
        </p:sp>
        <p:sp>
          <p:nvSpPr>
            <p:cNvPr id="336" name="Rectangle 299"/>
            <p:cNvSpPr>
              <a:spLocks noChangeArrowheads="1"/>
            </p:cNvSpPr>
            <p:nvPr>
              <p:custDataLst>
                <p:tags r:id="rId116"/>
              </p:custDataLst>
            </p:nvPr>
          </p:nvSpPr>
          <p:spPr bwMode="gray">
            <a:xfrm>
              <a:off x="5153025" y="3925888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gypt</a:t>
              </a:r>
            </a:p>
          </p:txBody>
        </p:sp>
        <p:sp>
          <p:nvSpPr>
            <p:cNvPr id="337" name="Rectangle 300"/>
            <p:cNvSpPr>
              <a:spLocks noChangeArrowheads="1"/>
            </p:cNvSpPr>
            <p:nvPr>
              <p:custDataLst>
                <p:tags r:id="rId117"/>
              </p:custDataLst>
            </p:nvPr>
          </p:nvSpPr>
          <p:spPr bwMode="gray">
            <a:xfrm>
              <a:off x="4851400" y="5048251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gola</a:t>
              </a:r>
            </a:p>
          </p:txBody>
        </p:sp>
        <p:sp>
          <p:nvSpPr>
            <p:cNvPr id="338" name="Rectangle 301"/>
            <p:cNvSpPr>
              <a:spLocks noChangeArrowheads="1"/>
            </p:cNvSpPr>
            <p:nvPr>
              <p:custDataLst>
                <p:tags r:id="rId118"/>
              </p:custDataLst>
            </p:nvPr>
          </p:nvSpPr>
          <p:spPr bwMode="gray">
            <a:xfrm>
              <a:off x="4921251" y="4779964"/>
              <a:ext cx="26987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em. Rep. Congo</a:t>
              </a:r>
            </a:p>
          </p:txBody>
        </p:sp>
        <p:sp>
          <p:nvSpPr>
            <p:cNvPr id="339" name="Rectangle 302"/>
            <p:cNvSpPr>
              <a:spLocks noChangeArrowheads="1"/>
            </p:cNvSpPr>
            <p:nvPr>
              <p:custDataLst>
                <p:tags r:id="rId119"/>
              </p:custDataLst>
            </p:nvPr>
          </p:nvSpPr>
          <p:spPr bwMode="gray">
            <a:xfrm>
              <a:off x="5338763" y="44180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thiopia</a:t>
              </a:r>
            </a:p>
          </p:txBody>
        </p:sp>
        <p:sp>
          <p:nvSpPr>
            <p:cNvPr id="340" name="Rectangle 303"/>
            <p:cNvSpPr>
              <a:spLocks noChangeArrowheads="1"/>
            </p:cNvSpPr>
            <p:nvPr>
              <p:custDataLst>
                <p:tags r:id="rId120"/>
              </p:custDataLst>
            </p:nvPr>
          </p:nvSpPr>
          <p:spPr bwMode="gray">
            <a:xfrm>
              <a:off x="4965700" y="5553076"/>
              <a:ext cx="20002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Africa</a:t>
              </a:r>
            </a:p>
          </p:txBody>
        </p:sp>
        <p:sp>
          <p:nvSpPr>
            <p:cNvPr id="341" name="Rectangle 304"/>
            <p:cNvSpPr>
              <a:spLocks noChangeArrowheads="1"/>
            </p:cNvSpPr>
            <p:nvPr>
              <p:custDataLst>
                <p:tags r:id="rId121"/>
              </p:custDataLst>
            </p:nvPr>
          </p:nvSpPr>
          <p:spPr bwMode="gray">
            <a:xfrm>
              <a:off x="4643438" y="4418014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ia</a:t>
              </a:r>
            </a:p>
          </p:txBody>
        </p:sp>
        <p:sp>
          <p:nvSpPr>
            <p:cNvPr id="342" name="Rectangle 305"/>
            <p:cNvSpPr>
              <a:spLocks noChangeArrowheads="1"/>
            </p:cNvSpPr>
            <p:nvPr>
              <p:custDataLst>
                <p:tags r:id="rId122"/>
              </p:custDataLst>
            </p:nvPr>
          </p:nvSpPr>
          <p:spPr bwMode="gray">
            <a:xfrm>
              <a:off x="4821238" y="5259389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amibia</a:t>
              </a:r>
            </a:p>
          </p:txBody>
        </p:sp>
        <p:sp>
          <p:nvSpPr>
            <p:cNvPr id="343" name="Rectangle 306"/>
            <p:cNvSpPr>
              <a:spLocks noChangeArrowheads="1"/>
            </p:cNvSpPr>
            <p:nvPr>
              <p:custDataLst>
                <p:tags r:id="rId123"/>
              </p:custDataLst>
            </p:nvPr>
          </p:nvSpPr>
          <p:spPr bwMode="gray">
            <a:xfrm>
              <a:off x="4127500" y="4137027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uritania</a:t>
              </a:r>
            </a:p>
          </p:txBody>
        </p:sp>
        <p:sp>
          <p:nvSpPr>
            <p:cNvPr id="344" name="Rectangle 307"/>
            <p:cNvSpPr>
              <a:spLocks noChangeArrowheads="1"/>
            </p:cNvSpPr>
            <p:nvPr>
              <p:custDataLst>
                <p:tags r:id="rId124"/>
              </p:custDataLst>
            </p:nvPr>
          </p:nvSpPr>
          <p:spPr bwMode="gray">
            <a:xfrm>
              <a:off x="5067300" y="5100639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ambia</a:t>
              </a:r>
            </a:p>
          </p:txBody>
        </p:sp>
        <p:sp>
          <p:nvSpPr>
            <p:cNvPr id="345" name="Rectangle 308"/>
            <p:cNvSpPr>
              <a:spLocks noChangeArrowheads="1"/>
            </p:cNvSpPr>
            <p:nvPr>
              <p:custDataLst>
                <p:tags r:id="rId125"/>
              </p:custDataLst>
            </p:nvPr>
          </p:nvSpPr>
          <p:spPr bwMode="gray">
            <a:xfrm>
              <a:off x="5245100" y="4876801"/>
              <a:ext cx="1902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nzania</a:t>
              </a:r>
            </a:p>
          </p:txBody>
        </p:sp>
        <p:sp>
          <p:nvSpPr>
            <p:cNvPr id="346" name="Rectangle 309"/>
            <p:cNvSpPr>
              <a:spLocks noChangeArrowheads="1"/>
            </p:cNvSpPr>
            <p:nvPr>
              <p:custDataLst>
                <p:tags r:id="rId126"/>
              </p:custDataLst>
            </p:nvPr>
          </p:nvSpPr>
          <p:spPr bwMode="gray">
            <a:xfrm>
              <a:off x="5349875" y="4657725"/>
              <a:ext cx="13100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enya</a:t>
              </a:r>
            </a:p>
          </p:txBody>
        </p:sp>
        <p:sp>
          <p:nvSpPr>
            <p:cNvPr id="347" name="Rectangle 310"/>
            <p:cNvSpPr>
              <a:spLocks noChangeArrowheads="1"/>
            </p:cNvSpPr>
            <p:nvPr>
              <p:custDataLst>
                <p:tags r:id="rId127"/>
              </p:custDataLst>
            </p:nvPr>
          </p:nvSpPr>
          <p:spPr bwMode="gray">
            <a:xfrm>
              <a:off x="5575300" y="44037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malia</a:t>
              </a:r>
            </a:p>
          </p:txBody>
        </p:sp>
        <p:sp>
          <p:nvSpPr>
            <p:cNvPr id="348" name="Rectangle 311"/>
            <p:cNvSpPr>
              <a:spLocks noChangeArrowheads="1"/>
            </p:cNvSpPr>
            <p:nvPr>
              <p:custDataLst>
                <p:tags r:id="rId128"/>
              </p:custDataLst>
            </p:nvPr>
          </p:nvSpPr>
          <p:spPr bwMode="gray">
            <a:xfrm>
              <a:off x="5016500" y="5327650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tswana</a:t>
              </a:r>
            </a:p>
          </p:txBody>
        </p:sp>
        <p:sp>
          <p:nvSpPr>
            <p:cNvPr id="349" name="Rectangle 312"/>
            <p:cNvSpPr>
              <a:spLocks noChangeArrowheads="1"/>
            </p:cNvSpPr>
            <p:nvPr>
              <p:custDataLst>
                <p:tags r:id="rId129"/>
              </p:custDataLst>
            </p:nvPr>
          </p:nvSpPr>
          <p:spPr bwMode="gray">
            <a:xfrm>
              <a:off x="5262563" y="5154614"/>
              <a:ext cx="2936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zambique</a:t>
              </a:r>
            </a:p>
          </p:txBody>
        </p:sp>
        <p:sp>
          <p:nvSpPr>
            <p:cNvPr id="350" name="Rectangle 313"/>
            <p:cNvSpPr>
              <a:spLocks noChangeArrowheads="1"/>
            </p:cNvSpPr>
            <p:nvPr>
              <p:custDataLst>
                <p:tags r:id="rId130"/>
              </p:custDataLst>
            </p:nvPr>
          </p:nvSpPr>
          <p:spPr bwMode="gray">
            <a:xfrm>
              <a:off x="4251325" y="3711576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rocco</a:t>
              </a:r>
            </a:p>
          </p:txBody>
        </p:sp>
        <p:sp>
          <p:nvSpPr>
            <p:cNvPr id="351" name="Rectangle 314"/>
            <p:cNvSpPr>
              <a:spLocks noChangeArrowheads="1"/>
            </p:cNvSpPr>
            <p:nvPr>
              <p:custDataLst>
                <p:tags r:id="rId131"/>
              </p:custDataLst>
            </p:nvPr>
          </p:nvSpPr>
          <p:spPr bwMode="gray">
            <a:xfrm>
              <a:off x="5705475" y="5233989"/>
              <a:ext cx="2544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dagascar</a:t>
              </a:r>
            </a:p>
          </p:txBody>
        </p:sp>
        <p:sp>
          <p:nvSpPr>
            <p:cNvPr id="352" name="Rectangle 315"/>
            <p:cNvSpPr>
              <a:spLocks noChangeArrowheads="1"/>
            </p:cNvSpPr>
            <p:nvPr>
              <p:custDataLst>
                <p:tags r:id="rId132"/>
              </p:custDataLst>
            </p:nvPr>
          </p:nvSpPr>
          <p:spPr bwMode="gray">
            <a:xfrm>
              <a:off x="4640263" y="4551364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eroon</a:t>
              </a:r>
            </a:p>
          </p:txBody>
        </p:sp>
        <p:sp>
          <p:nvSpPr>
            <p:cNvPr id="353" name="Rectangle 316"/>
            <p:cNvSpPr>
              <a:spLocks noChangeArrowheads="1"/>
            </p:cNvSpPr>
            <p:nvPr>
              <p:custDataLst>
                <p:tags r:id="rId133"/>
              </p:custDataLst>
            </p:nvPr>
          </p:nvSpPr>
          <p:spPr bwMode="gray">
            <a:xfrm>
              <a:off x="5078414" y="5235576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imbabwe</a:t>
              </a:r>
            </a:p>
          </p:txBody>
        </p:sp>
        <p:sp>
          <p:nvSpPr>
            <p:cNvPr id="354" name="Rectangle 317"/>
            <p:cNvSpPr>
              <a:spLocks noChangeArrowheads="1"/>
            </p:cNvSpPr>
            <p:nvPr>
              <p:custDataLst>
                <p:tags r:id="rId134"/>
              </p:custDataLst>
            </p:nvPr>
          </p:nvSpPr>
          <p:spPr bwMode="gray">
            <a:xfrm>
              <a:off x="4397374" y="4421188"/>
              <a:ext cx="13730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hana</a:t>
              </a:r>
            </a:p>
          </p:txBody>
        </p:sp>
        <p:sp>
          <p:nvSpPr>
            <p:cNvPr id="355" name="Rectangle 318"/>
            <p:cNvSpPr>
              <a:spLocks noChangeArrowheads="1"/>
            </p:cNvSpPr>
            <p:nvPr>
              <p:custDataLst>
                <p:tags r:id="rId135"/>
              </p:custDataLst>
            </p:nvPr>
          </p:nvSpPr>
          <p:spPr bwMode="gray">
            <a:xfrm>
              <a:off x="4151313" y="4365626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</a:t>
              </a:r>
            </a:p>
          </p:txBody>
        </p:sp>
        <p:sp>
          <p:nvSpPr>
            <p:cNvPr id="356" name="Rectangle 319"/>
            <p:cNvSpPr>
              <a:spLocks noChangeArrowheads="1"/>
            </p:cNvSpPr>
            <p:nvPr>
              <p:custDataLst>
                <p:tags r:id="rId136"/>
              </p:custDataLst>
            </p:nvPr>
          </p:nvSpPr>
          <p:spPr bwMode="gray">
            <a:xfrm>
              <a:off x="4656138" y="3683001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nisia</a:t>
              </a:r>
            </a:p>
          </p:txBody>
        </p:sp>
        <p:sp>
          <p:nvSpPr>
            <p:cNvPr id="357" name="Rectangle 320"/>
            <p:cNvSpPr>
              <a:spLocks noChangeArrowheads="1"/>
            </p:cNvSpPr>
            <p:nvPr>
              <p:custDataLst>
                <p:tags r:id="rId137"/>
              </p:custDataLst>
            </p:nvPr>
          </p:nvSpPr>
          <p:spPr bwMode="gray">
            <a:xfrm>
              <a:off x="5206999" y="4603751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ganda</a:t>
              </a:r>
            </a:p>
          </p:txBody>
        </p:sp>
        <p:sp>
          <p:nvSpPr>
            <p:cNvPr id="358" name="Rectangle 321"/>
            <p:cNvSpPr>
              <a:spLocks noChangeArrowheads="1"/>
            </p:cNvSpPr>
            <p:nvPr>
              <p:custDataLst>
                <p:tags r:id="rId138"/>
              </p:custDataLst>
            </p:nvPr>
          </p:nvSpPr>
          <p:spPr bwMode="gray">
            <a:xfrm>
              <a:off x="4133527" y="4499162"/>
              <a:ext cx="3812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te d'Ivoire</a:t>
              </a:r>
            </a:p>
          </p:txBody>
        </p:sp>
        <p:sp>
          <p:nvSpPr>
            <p:cNvPr id="359" name="Rectangle 322"/>
            <p:cNvSpPr>
              <a:spLocks noChangeArrowheads="1"/>
            </p:cNvSpPr>
            <p:nvPr>
              <p:custDataLst>
                <p:tags r:id="rId139"/>
              </p:custDataLst>
            </p:nvPr>
          </p:nvSpPr>
          <p:spPr bwMode="gray">
            <a:xfrm>
              <a:off x="4084638" y="4240214"/>
              <a:ext cx="16753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negal</a:t>
              </a:r>
            </a:p>
          </p:txBody>
        </p:sp>
        <p:sp>
          <p:nvSpPr>
            <p:cNvPr id="360" name="Rectangle 323"/>
            <p:cNvSpPr>
              <a:spLocks noChangeArrowheads="1"/>
            </p:cNvSpPr>
            <p:nvPr>
              <p:custDataLst>
                <p:tags r:id="rId140"/>
              </p:custDataLst>
            </p:nvPr>
          </p:nvSpPr>
          <p:spPr bwMode="gray">
            <a:xfrm>
              <a:off x="4319588" y="4306889"/>
              <a:ext cx="2670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kina Faso</a:t>
              </a:r>
            </a:p>
          </p:txBody>
        </p:sp>
        <p:sp>
          <p:nvSpPr>
            <p:cNvPr id="361" name="Rectangle 324"/>
            <p:cNvSpPr>
              <a:spLocks noChangeArrowheads="1"/>
            </p:cNvSpPr>
            <p:nvPr>
              <p:custDataLst>
                <p:tags r:id="rId141"/>
              </p:custDataLst>
            </p:nvPr>
          </p:nvSpPr>
          <p:spPr bwMode="gray">
            <a:xfrm>
              <a:off x="3903663" y="3959226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estern Sahara</a:t>
              </a:r>
            </a:p>
          </p:txBody>
        </p:sp>
        <p:sp>
          <p:nvSpPr>
            <p:cNvPr id="362" name="Rectangle 325"/>
            <p:cNvSpPr>
              <a:spLocks noChangeArrowheads="1"/>
            </p:cNvSpPr>
            <p:nvPr>
              <p:custDataLst>
                <p:tags r:id="rId142"/>
              </p:custDataLst>
            </p:nvPr>
          </p:nvSpPr>
          <p:spPr bwMode="gray">
            <a:xfrm>
              <a:off x="5343524" y="4210050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ritrea</a:t>
              </a:r>
            </a:p>
          </p:txBody>
        </p:sp>
        <p:sp>
          <p:nvSpPr>
            <p:cNvPr id="363" name="Rectangle 326"/>
            <p:cNvSpPr>
              <a:spLocks noChangeArrowheads="1"/>
            </p:cNvSpPr>
            <p:nvPr>
              <p:custDataLst>
                <p:tags r:id="rId143"/>
              </p:custDataLst>
            </p:nvPr>
          </p:nvSpPr>
          <p:spPr bwMode="gray">
            <a:xfrm>
              <a:off x="5284788" y="5024439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wi</a:t>
              </a:r>
            </a:p>
          </p:txBody>
        </p:sp>
        <p:sp>
          <p:nvSpPr>
            <p:cNvPr id="364" name="Rectangle 327"/>
            <p:cNvSpPr>
              <a:spLocks noChangeArrowheads="1"/>
            </p:cNvSpPr>
            <p:nvPr>
              <p:custDataLst>
                <p:tags r:id="rId144"/>
              </p:custDataLst>
            </p:nvPr>
          </p:nvSpPr>
          <p:spPr bwMode="gray">
            <a:xfrm>
              <a:off x="5299075" y="5476875"/>
              <a:ext cx="2116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aziland</a:t>
              </a:r>
            </a:p>
          </p:txBody>
        </p:sp>
        <p:sp>
          <p:nvSpPr>
            <p:cNvPr id="365" name="Rectangle 328"/>
            <p:cNvSpPr>
              <a:spLocks noChangeArrowheads="1"/>
            </p:cNvSpPr>
            <p:nvPr>
              <p:custDataLst>
                <p:tags r:id="rId145"/>
              </p:custDataLst>
            </p:nvPr>
          </p:nvSpPr>
          <p:spPr bwMode="gray">
            <a:xfrm>
              <a:off x="5222874" y="5562601"/>
              <a:ext cx="21280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sotho</a:t>
              </a:r>
            </a:p>
          </p:txBody>
        </p:sp>
        <p:sp>
          <p:nvSpPr>
            <p:cNvPr id="366" name="Rectangle 329"/>
            <p:cNvSpPr>
              <a:spLocks noChangeArrowheads="1"/>
            </p:cNvSpPr>
            <p:nvPr>
              <p:custDataLst>
                <p:tags r:id="rId146"/>
              </p:custDataLst>
            </p:nvPr>
          </p:nvSpPr>
          <p:spPr bwMode="gray">
            <a:xfrm>
              <a:off x="4849813" y="4497390"/>
              <a:ext cx="323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en. Afr. Rep.</a:t>
              </a:r>
            </a:p>
          </p:txBody>
        </p:sp>
        <p:sp>
          <p:nvSpPr>
            <p:cNvPr id="367" name="Rectangle 330"/>
            <p:cNvSpPr>
              <a:spLocks noChangeArrowheads="1"/>
            </p:cNvSpPr>
            <p:nvPr>
              <p:custDataLst>
                <p:tags r:id="rId147"/>
              </p:custDataLst>
            </p:nvPr>
          </p:nvSpPr>
          <p:spPr bwMode="gray">
            <a:xfrm>
              <a:off x="3808918" y="4443414"/>
              <a:ext cx="4392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ierra Leone</a:t>
              </a:r>
            </a:p>
          </p:txBody>
        </p:sp>
        <p:sp>
          <p:nvSpPr>
            <p:cNvPr id="368" name="Rectangle 331"/>
            <p:cNvSpPr>
              <a:spLocks noChangeArrowheads="1"/>
            </p:cNvSpPr>
            <p:nvPr>
              <p:custDataLst>
                <p:tags r:id="rId148"/>
              </p:custDataLst>
            </p:nvPr>
          </p:nvSpPr>
          <p:spPr bwMode="gray">
            <a:xfrm>
              <a:off x="3733359" y="4361647"/>
              <a:ext cx="29854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-Bissau</a:t>
              </a:r>
            </a:p>
          </p:txBody>
        </p:sp>
        <p:sp>
          <p:nvSpPr>
            <p:cNvPr id="369" name="Rectangle 332"/>
            <p:cNvSpPr>
              <a:spLocks noChangeArrowheads="1"/>
            </p:cNvSpPr>
            <p:nvPr>
              <p:custDataLst>
                <p:tags r:id="rId149"/>
              </p:custDataLst>
            </p:nvPr>
          </p:nvSpPr>
          <p:spPr bwMode="gray">
            <a:xfrm>
              <a:off x="3825876" y="4289426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Gambia</a:t>
              </a:r>
            </a:p>
          </p:txBody>
        </p:sp>
        <p:sp>
          <p:nvSpPr>
            <p:cNvPr id="370" name="Rectangle 333"/>
            <p:cNvSpPr>
              <a:spLocks noChangeArrowheads="1"/>
            </p:cNvSpPr>
            <p:nvPr>
              <p:custDataLst>
                <p:tags r:id="rId150"/>
              </p:custDataLst>
            </p:nvPr>
          </p:nvSpPr>
          <p:spPr bwMode="gray">
            <a:xfrm>
              <a:off x="4445000" y="4637089"/>
              <a:ext cx="3270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quat. Guinea</a:t>
              </a:r>
            </a:p>
          </p:txBody>
        </p:sp>
        <p:sp>
          <p:nvSpPr>
            <p:cNvPr id="371" name="Rectangle 334"/>
            <p:cNvSpPr>
              <a:spLocks noChangeArrowheads="1"/>
            </p:cNvSpPr>
            <p:nvPr>
              <p:custDataLst>
                <p:tags r:id="rId151"/>
              </p:custDataLst>
            </p:nvPr>
          </p:nvSpPr>
          <p:spPr bwMode="gray">
            <a:xfrm>
              <a:off x="5240338" y="4781550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undi</a:t>
              </a:r>
            </a:p>
          </p:txBody>
        </p:sp>
        <p:sp>
          <p:nvSpPr>
            <p:cNvPr id="372" name="Rectangle 335"/>
            <p:cNvSpPr>
              <a:spLocks noChangeArrowheads="1"/>
            </p:cNvSpPr>
            <p:nvPr>
              <p:custDataLst>
                <p:tags r:id="rId152"/>
              </p:custDataLst>
            </p:nvPr>
          </p:nvSpPr>
          <p:spPr bwMode="gray">
            <a:xfrm>
              <a:off x="5365750" y="4338639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jibouti</a:t>
              </a:r>
            </a:p>
          </p:txBody>
        </p:sp>
        <p:sp>
          <p:nvSpPr>
            <p:cNvPr id="373" name="Rectangle 339"/>
            <p:cNvSpPr>
              <a:spLocks noChangeArrowheads="1"/>
            </p:cNvSpPr>
            <p:nvPr>
              <p:custDataLst>
                <p:tags r:id="rId153"/>
              </p:custDataLst>
            </p:nvPr>
          </p:nvSpPr>
          <p:spPr bwMode="gray">
            <a:xfrm>
              <a:off x="5522913" y="4914901"/>
              <a:ext cx="18769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moros</a:t>
              </a:r>
            </a:p>
          </p:txBody>
        </p:sp>
        <p:sp>
          <p:nvSpPr>
            <p:cNvPr id="374" name="Rectangle 341"/>
            <p:cNvSpPr>
              <a:spLocks noChangeArrowheads="1"/>
            </p:cNvSpPr>
            <p:nvPr>
              <p:custDataLst>
                <p:tags r:id="rId154"/>
              </p:custDataLst>
            </p:nvPr>
          </p:nvSpPr>
          <p:spPr bwMode="gray">
            <a:xfrm>
              <a:off x="2962275" y="6237290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alkland Is.</a:t>
              </a:r>
            </a:p>
          </p:txBody>
        </p:sp>
        <p:sp>
          <p:nvSpPr>
            <p:cNvPr id="375" name="Rectangle 342"/>
            <p:cNvSpPr>
              <a:spLocks noChangeArrowheads="1"/>
            </p:cNvSpPr>
            <p:nvPr>
              <p:custDataLst>
                <p:tags r:id="rId155"/>
              </p:custDataLst>
            </p:nvPr>
          </p:nvSpPr>
          <p:spPr bwMode="gray">
            <a:xfrm>
              <a:off x="3124199" y="45148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uriname</a:t>
              </a:r>
            </a:p>
          </p:txBody>
        </p:sp>
        <p:sp>
          <p:nvSpPr>
            <p:cNvPr id="376" name="Rectangle 343"/>
            <p:cNvSpPr>
              <a:spLocks noChangeArrowheads="1"/>
            </p:cNvSpPr>
            <p:nvPr>
              <p:custDataLst>
                <p:tags r:id="rId156"/>
              </p:custDataLst>
            </p:nvPr>
          </p:nvSpPr>
          <p:spPr bwMode="gray">
            <a:xfrm>
              <a:off x="3255963" y="50006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razil</a:t>
              </a:r>
            </a:p>
          </p:txBody>
        </p:sp>
        <p:sp>
          <p:nvSpPr>
            <p:cNvPr id="377" name="Rectangle 344"/>
            <p:cNvSpPr>
              <a:spLocks noChangeArrowheads="1"/>
            </p:cNvSpPr>
            <p:nvPr>
              <p:custDataLst>
                <p:tags r:id="rId157"/>
              </p:custDataLst>
            </p:nvPr>
          </p:nvSpPr>
          <p:spPr bwMode="gray">
            <a:xfrm>
              <a:off x="2847974" y="5768976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gentina</a:t>
              </a:r>
            </a:p>
          </p:txBody>
        </p:sp>
        <p:sp>
          <p:nvSpPr>
            <p:cNvPr id="378" name="Rectangle 345"/>
            <p:cNvSpPr>
              <a:spLocks noChangeArrowheads="1"/>
            </p:cNvSpPr>
            <p:nvPr>
              <p:custDataLst>
                <p:tags r:id="rId158"/>
              </p:custDataLst>
            </p:nvPr>
          </p:nvSpPr>
          <p:spPr bwMode="gray">
            <a:xfrm>
              <a:off x="2606675" y="4876801"/>
              <a:ext cx="969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eru</a:t>
              </a:r>
            </a:p>
          </p:txBody>
        </p:sp>
        <p:sp>
          <p:nvSpPr>
            <p:cNvPr id="379" name="Rectangle 346"/>
            <p:cNvSpPr>
              <a:spLocks noChangeArrowheads="1"/>
            </p:cNvSpPr>
            <p:nvPr>
              <p:custDataLst>
                <p:tags r:id="rId159"/>
              </p:custDataLst>
            </p:nvPr>
          </p:nvSpPr>
          <p:spPr bwMode="gray">
            <a:xfrm>
              <a:off x="2708275" y="5689601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le</a:t>
              </a:r>
            </a:p>
          </p:txBody>
        </p:sp>
        <p:sp>
          <p:nvSpPr>
            <p:cNvPr id="380" name="Rectangle 347"/>
            <p:cNvSpPr>
              <a:spLocks noChangeArrowheads="1"/>
            </p:cNvSpPr>
            <p:nvPr>
              <p:custDataLst>
                <p:tags r:id="rId160"/>
              </p:custDataLst>
            </p:nvPr>
          </p:nvSpPr>
          <p:spPr bwMode="gray">
            <a:xfrm>
              <a:off x="2873376" y="5173664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livia</a:t>
              </a:r>
            </a:p>
          </p:txBody>
        </p:sp>
        <p:sp>
          <p:nvSpPr>
            <p:cNvPr id="381" name="Rectangle 348"/>
            <p:cNvSpPr>
              <a:spLocks noChangeArrowheads="1"/>
            </p:cNvSpPr>
            <p:nvPr>
              <p:custDataLst>
                <p:tags r:id="rId161"/>
              </p:custDataLst>
            </p:nvPr>
          </p:nvSpPr>
          <p:spPr bwMode="gray">
            <a:xfrm>
              <a:off x="2647950" y="4572001"/>
              <a:ext cx="1990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lombia</a:t>
              </a:r>
            </a:p>
          </p:txBody>
        </p:sp>
        <p:sp>
          <p:nvSpPr>
            <p:cNvPr id="382" name="Rectangle 349"/>
            <p:cNvSpPr>
              <a:spLocks noChangeArrowheads="1"/>
            </p:cNvSpPr>
            <p:nvPr>
              <p:custDataLst>
                <p:tags r:id="rId162"/>
              </p:custDataLst>
            </p:nvPr>
          </p:nvSpPr>
          <p:spPr bwMode="gray">
            <a:xfrm>
              <a:off x="2778125" y="4435476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enezuela</a:t>
              </a:r>
            </a:p>
          </p:txBody>
        </p:sp>
        <p:sp>
          <p:nvSpPr>
            <p:cNvPr id="383" name="Rectangle 350"/>
            <p:cNvSpPr>
              <a:spLocks noChangeArrowheads="1"/>
            </p:cNvSpPr>
            <p:nvPr>
              <p:custDataLst>
                <p:tags r:id="rId163"/>
              </p:custDataLst>
            </p:nvPr>
          </p:nvSpPr>
          <p:spPr bwMode="gray">
            <a:xfrm>
              <a:off x="2982913" y="5349876"/>
              <a:ext cx="19776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raguay</a:t>
              </a:r>
            </a:p>
          </p:txBody>
        </p:sp>
        <p:sp>
          <p:nvSpPr>
            <p:cNvPr id="384" name="Rectangle 351"/>
            <p:cNvSpPr>
              <a:spLocks noChangeArrowheads="1"/>
            </p:cNvSpPr>
            <p:nvPr>
              <p:custDataLst>
                <p:tags r:id="rId164"/>
              </p:custDataLst>
            </p:nvPr>
          </p:nvSpPr>
          <p:spPr bwMode="gray">
            <a:xfrm>
              <a:off x="3087687" y="5672139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ruguay</a:t>
              </a:r>
            </a:p>
          </p:txBody>
        </p:sp>
        <p:sp>
          <p:nvSpPr>
            <p:cNvPr id="385" name="Rectangle 352"/>
            <p:cNvSpPr>
              <a:spLocks noChangeArrowheads="1"/>
            </p:cNvSpPr>
            <p:nvPr>
              <p:custDataLst>
                <p:tags r:id="rId165"/>
              </p:custDataLst>
            </p:nvPr>
          </p:nvSpPr>
          <p:spPr bwMode="gray">
            <a:xfrm>
              <a:off x="2482850" y="4713289"/>
              <a:ext cx="1713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cuador</a:t>
              </a:r>
            </a:p>
          </p:txBody>
        </p:sp>
        <p:sp>
          <p:nvSpPr>
            <p:cNvPr id="386" name="Rectangle 353"/>
            <p:cNvSpPr>
              <a:spLocks noChangeArrowheads="1"/>
            </p:cNvSpPr>
            <p:nvPr>
              <p:custDataLst>
                <p:tags r:id="rId166"/>
              </p:custDataLst>
            </p:nvPr>
          </p:nvSpPr>
          <p:spPr bwMode="gray">
            <a:xfrm>
              <a:off x="3049588" y="4443414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yana</a:t>
              </a:r>
            </a:p>
          </p:txBody>
        </p:sp>
        <p:sp>
          <p:nvSpPr>
            <p:cNvPr id="387" name="Rectangle 354"/>
            <p:cNvSpPr>
              <a:spLocks noChangeArrowheads="1"/>
            </p:cNvSpPr>
            <p:nvPr>
              <p:custDataLst>
                <p:tags r:id="rId167"/>
              </p:custDataLst>
            </p:nvPr>
          </p:nvSpPr>
          <p:spPr bwMode="gray">
            <a:xfrm>
              <a:off x="3214688" y="4557714"/>
              <a:ext cx="3010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Guiana</a:t>
              </a:r>
            </a:p>
          </p:txBody>
        </p:sp>
        <p:sp>
          <p:nvSpPr>
            <p:cNvPr id="388" name="Rectangle 355"/>
            <p:cNvSpPr>
              <a:spLocks noChangeArrowheads="1"/>
            </p:cNvSpPr>
            <p:nvPr>
              <p:custDataLst>
                <p:tags r:id="rId168"/>
              </p:custDataLst>
            </p:nvPr>
          </p:nvSpPr>
          <p:spPr bwMode="gray">
            <a:xfrm>
              <a:off x="2933700" y="4314826"/>
              <a:ext cx="3841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rinidad &amp; Tobago</a:t>
              </a:r>
            </a:p>
          </p:txBody>
        </p:sp>
        <p:sp>
          <p:nvSpPr>
            <p:cNvPr id="389" name="Rectangle 356"/>
            <p:cNvSpPr>
              <a:spLocks noChangeArrowheads="1"/>
            </p:cNvSpPr>
            <p:nvPr>
              <p:custDataLst>
                <p:tags r:id="rId169"/>
              </p:custDataLst>
            </p:nvPr>
          </p:nvSpPr>
          <p:spPr bwMode="gray">
            <a:xfrm>
              <a:off x="274638" y="4848226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moa</a:t>
              </a:r>
            </a:p>
          </p:txBody>
        </p:sp>
        <p:sp>
          <p:nvSpPr>
            <p:cNvPr id="390" name="Rectangle 357"/>
            <p:cNvSpPr>
              <a:spLocks noChangeArrowheads="1"/>
            </p:cNvSpPr>
            <p:nvPr>
              <p:custDataLst>
                <p:tags r:id="rId170"/>
              </p:custDataLst>
            </p:nvPr>
          </p:nvSpPr>
          <p:spPr bwMode="gray">
            <a:xfrm>
              <a:off x="768350" y="4926014"/>
              <a:ext cx="351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Polynesia</a:t>
              </a:r>
            </a:p>
          </p:txBody>
        </p:sp>
        <p:sp>
          <p:nvSpPr>
            <p:cNvPr id="391" name="Rectangle 358"/>
            <p:cNvSpPr>
              <a:spLocks noChangeArrowheads="1"/>
            </p:cNvSpPr>
            <p:nvPr>
              <p:custDataLst>
                <p:tags r:id="rId171"/>
              </p:custDataLst>
            </p:nvPr>
          </p:nvSpPr>
          <p:spPr bwMode="gray">
            <a:xfrm>
              <a:off x="623888" y="5126039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ok Is.</a:t>
              </a:r>
            </a:p>
          </p:txBody>
        </p:sp>
        <p:sp>
          <p:nvSpPr>
            <p:cNvPr id="392" name="Rectangle 374"/>
            <p:cNvSpPr>
              <a:spLocks noChangeArrowheads="1"/>
            </p:cNvSpPr>
            <p:nvPr>
              <p:custDataLst>
                <p:tags r:id="rId172"/>
              </p:custDataLst>
            </p:nvPr>
          </p:nvSpPr>
          <p:spPr bwMode="gray">
            <a:xfrm>
              <a:off x="1968500" y="4699001"/>
              <a:ext cx="2771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lapagos Is.</a:t>
              </a:r>
            </a:p>
          </p:txBody>
        </p:sp>
        <p:sp>
          <p:nvSpPr>
            <p:cNvPr id="393" name="Rectangle 377"/>
            <p:cNvSpPr>
              <a:spLocks noChangeArrowheads="1"/>
            </p:cNvSpPr>
            <p:nvPr>
              <p:custDataLst>
                <p:tags r:id="rId173"/>
              </p:custDataLst>
            </p:nvPr>
          </p:nvSpPr>
          <p:spPr bwMode="gray">
            <a:xfrm>
              <a:off x="2425701" y="4217988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onduras</a:t>
              </a:r>
            </a:p>
          </p:txBody>
        </p:sp>
        <p:sp>
          <p:nvSpPr>
            <p:cNvPr id="394" name="Rectangle 384"/>
            <p:cNvSpPr>
              <a:spLocks noChangeArrowheads="1"/>
            </p:cNvSpPr>
            <p:nvPr>
              <p:custDataLst>
                <p:tags r:id="rId174"/>
              </p:custDataLst>
            </p:nvPr>
          </p:nvSpPr>
          <p:spPr bwMode="gray">
            <a:xfrm>
              <a:off x="2474913" y="4310063"/>
              <a:ext cx="2141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caragua</a:t>
              </a:r>
            </a:p>
          </p:txBody>
        </p:sp>
        <p:sp>
          <p:nvSpPr>
            <p:cNvPr id="395" name="Rectangle 385"/>
            <p:cNvSpPr>
              <a:spLocks noChangeArrowheads="1"/>
            </p:cNvSpPr>
            <p:nvPr>
              <p:custDataLst>
                <p:tags r:id="rId175"/>
              </p:custDataLst>
            </p:nvPr>
          </p:nvSpPr>
          <p:spPr bwMode="gray">
            <a:xfrm>
              <a:off x="2747963" y="3925888"/>
              <a:ext cx="2834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Bahamas</a:t>
              </a:r>
            </a:p>
          </p:txBody>
        </p:sp>
        <p:sp>
          <p:nvSpPr>
            <p:cNvPr id="396" name="Rectangle 386"/>
            <p:cNvSpPr>
              <a:spLocks noChangeArrowheads="1"/>
            </p:cNvSpPr>
            <p:nvPr>
              <p:custDataLst>
                <p:tags r:id="rId176"/>
              </p:custDataLst>
            </p:nvPr>
          </p:nvSpPr>
          <p:spPr bwMode="gray">
            <a:xfrm>
              <a:off x="777876" y="3994151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waii</a:t>
              </a:r>
            </a:p>
          </p:txBody>
        </p:sp>
        <p:sp>
          <p:nvSpPr>
            <p:cNvPr id="397" name="Rectangle 387"/>
            <p:cNvSpPr>
              <a:spLocks noChangeArrowheads="1"/>
            </p:cNvSpPr>
            <p:nvPr>
              <p:custDataLst>
                <p:tags r:id="rId177"/>
              </p:custDataLst>
            </p:nvPr>
          </p:nvSpPr>
          <p:spPr bwMode="gray">
            <a:xfrm>
              <a:off x="2873376" y="3663952"/>
              <a:ext cx="1914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rmuda</a:t>
              </a:r>
            </a:p>
          </p:txBody>
        </p:sp>
        <p:sp>
          <p:nvSpPr>
            <p:cNvPr id="398" name="Rectangle 388"/>
            <p:cNvSpPr>
              <a:spLocks noChangeArrowheads="1"/>
            </p:cNvSpPr>
            <p:nvPr>
              <p:custDataLst>
                <p:tags r:id="rId178"/>
              </p:custDataLst>
            </p:nvPr>
          </p:nvSpPr>
          <p:spPr bwMode="gray">
            <a:xfrm>
              <a:off x="166688" y="3811588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dway Is.</a:t>
              </a:r>
            </a:p>
          </p:txBody>
        </p:sp>
        <p:sp>
          <p:nvSpPr>
            <p:cNvPr id="399" name="Rectangle 389"/>
            <p:cNvSpPr>
              <a:spLocks noChangeArrowheads="1"/>
            </p:cNvSpPr>
            <p:nvPr>
              <p:custDataLst>
                <p:tags r:id="rId179"/>
              </p:custDataLst>
            </p:nvPr>
          </p:nvSpPr>
          <p:spPr bwMode="gray">
            <a:xfrm>
              <a:off x="1703388" y="2779713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da</a:t>
              </a:r>
            </a:p>
          </p:txBody>
        </p:sp>
        <p:sp>
          <p:nvSpPr>
            <p:cNvPr id="400" name="Rectangle 390"/>
            <p:cNvSpPr>
              <a:spLocks noChangeArrowheads="1"/>
            </p:cNvSpPr>
            <p:nvPr>
              <p:custDataLst>
                <p:tags r:id="rId180"/>
              </p:custDataLst>
            </p:nvPr>
          </p:nvSpPr>
          <p:spPr bwMode="gray">
            <a:xfrm>
              <a:off x="1951038" y="3509963"/>
              <a:ext cx="2846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States</a:t>
              </a:r>
            </a:p>
          </p:txBody>
        </p:sp>
        <p:sp>
          <p:nvSpPr>
            <p:cNvPr id="401" name="Rectangle 391"/>
            <p:cNvSpPr>
              <a:spLocks noChangeArrowheads="1"/>
            </p:cNvSpPr>
            <p:nvPr>
              <p:custDataLst>
                <p:tags r:id="rId181"/>
              </p:custDataLst>
            </p:nvPr>
          </p:nvSpPr>
          <p:spPr bwMode="gray">
            <a:xfrm>
              <a:off x="1952626" y="3943351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exico</a:t>
              </a:r>
            </a:p>
          </p:txBody>
        </p:sp>
        <p:sp>
          <p:nvSpPr>
            <p:cNvPr id="402" name="Rectangle 392"/>
            <p:cNvSpPr>
              <a:spLocks noChangeArrowheads="1"/>
            </p:cNvSpPr>
            <p:nvPr>
              <p:custDataLst>
                <p:tags r:id="rId182"/>
              </p:custDataLst>
            </p:nvPr>
          </p:nvSpPr>
          <p:spPr bwMode="gray">
            <a:xfrm>
              <a:off x="2562226" y="4029076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uba</a:t>
              </a:r>
            </a:p>
          </p:txBody>
        </p:sp>
        <p:sp>
          <p:nvSpPr>
            <p:cNvPr id="403" name="Rectangle 393"/>
            <p:cNvSpPr>
              <a:spLocks noChangeArrowheads="1"/>
            </p:cNvSpPr>
            <p:nvPr>
              <p:custDataLst>
                <p:tags r:id="rId183"/>
              </p:custDataLst>
            </p:nvPr>
          </p:nvSpPr>
          <p:spPr bwMode="gray">
            <a:xfrm>
              <a:off x="2454276" y="44942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nama</a:t>
              </a:r>
            </a:p>
          </p:txBody>
        </p:sp>
        <p:sp>
          <p:nvSpPr>
            <p:cNvPr id="404" name="Rectangle 394"/>
            <p:cNvSpPr>
              <a:spLocks noChangeArrowheads="1"/>
            </p:cNvSpPr>
            <p:nvPr>
              <p:custDataLst>
                <p:tags r:id="rId184"/>
              </p:custDataLst>
            </p:nvPr>
          </p:nvSpPr>
          <p:spPr bwMode="gray">
            <a:xfrm>
              <a:off x="2681288" y="4141788"/>
              <a:ext cx="995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iti</a:t>
              </a:r>
            </a:p>
          </p:txBody>
        </p:sp>
        <p:sp>
          <p:nvSpPr>
            <p:cNvPr id="405" name="Rectangle 395"/>
            <p:cNvSpPr>
              <a:spLocks noChangeArrowheads="1"/>
            </p:cNvSpPr>
            <p:nvPr>
              <p:custDataLst>
                <p:tags r:id="rId185"/>
              </p:custDataLst>
            </p:nvPr>
          </p:nvSpPr>
          <p:spPr bwMode="gray">
            <a:xfrm>
              <a:off x="2951163" y="4151314"/>
              <a:ext cx="2418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uerto Rico</a:t>
              </a:r>
            </a:p>
          </p:txBody>
        </p:sp>
        <p:sp>
          <p:nvSpPr>
            <p:cNvPr id="406" name="Rectangle 396"/>
            <p:cNvSpPr>
              <a:spLocks noChangeArrowheads="1"/>
            </p:cNvSpPr>
            <p:nvPr>
              <p:custDataLst>
                <p:tags r:id="rId186"/>
              </p:custDataLst>
            </p:nvPr>
          </p:nvSpPr>
          <p:spPr bwMode="gray">
            <a:xfrm>
              <a:off x="2811462" y="4089400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ominican Rep.</a:t>
              </a:r>
            </a:p>
          </p:txBody>
        </p:sp>
        <p:sp>
          <p:nvSpPr>
            <p:cNvPr id="407" name="Rectangle 397"/>
            <p:cNvSpPr>
              <a:spLocks noChangeArrowheads="1"/>
            </p:cNvSpPr>
            <p:nvPr>
              <p:custDataLst>
                <p:tags r:id="rId187"/>
              </p:custDataLst>
            </p:nvPr>
          </p:nvSpPr>
          <p:spPr bwMode="gray">
            <a:xfrm>
              <a:off x="2098676" y="4232276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temala</a:t>
              </a:r>
            </a:p>
          </p:txBody>
        </p:sp>
        <p:sp>
          <p:nvSpPr>
            <p:cNvPr id="408" name="Rectangle 398"/>
            <p:cNvSpPr>
              <a:spLocks noChangeArrowheads="1"/>
            </p:cNvSpPr>
            <p:nvPr>
              <p:custDataLst>
                <p:tags r:id="rId188"/>
              </p:custDataLst>
            </p:nvPr>
          </p:nvSpPr>
          <p:spPr bwMode="gray">
            <a:xfrm>
              <a:off x="2389187" y="4160838"/>
              <a:ext cx="12596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ize</a:t>
              </a:r>
            </a:p>
          </p:txBody>
        </p:sp>
        <p:sp>
          <p:nvSpPr>
            <p:cNvPr id="409" name="Rectangle 399"/>
            <p:cNvSpPr>
              <a:spLocks noChangeArrowheads="1"/>
            </p:cNvSpPr>
            <p:nvPr>
              <p:custDataLst>
                <p:tags r:id="rId189"/>
              </p:custDataLst>
            </p:nvPr>
          </p:nvSpPr>
          <p:spPr bwMode="gray">
            <a:xfrm>
              <a:off x="2128838" y="4313238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l Salvador</a:t>
              </a:r>
            </a:p>
          </p:txBody>
        </p:sp>
        <p:sp>
          <p:nvSpPr>
            <p:cNvPr id="410" name="Rectangle 400"/>
            <p:cNvSpPr>
              <a:spLocks noChangeArrowheads="1"/>
            </p:cNvSpPr>
            <p:nvPr>
              <p:custDataLst>
                <p:tags r:id="rId190"/>
              </p:custDataLst>
            </p:nvPr>
          </p:nvSpPr>
          <p:spPr bwMode="gray">
            <a:xfrm>
              <a:off x="2241551" y="4408488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sta Rica</a:t>
              </a:r>
            </a:p>
          </p:txBody>
        </p:sp>
        <p:sp>
          <p:nvSpPr>
            <p:cNvPr id="411" name="Rectangle 403"/>
            <p:cNvSpPr>
              <a:spLocks noChangeArrowheads="1"/>
            </p:cNvSpPr>
            <p:nvPr>
              <p:custDataLst>
                <p:tags r:id="rId191"/>
              </p:custDataLst>
            </p:nvPr>
          </p:nvSpPr>
          <p:spPr bwMode="gray">
            <a:xfrm>
              <a:off x="3422651" y="2049463"/>
              <a:ext cx="2166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nland</a:t>
              </a:r>
            </a:p>
          </p:txBody>
        </p:sp>
        <p:sp>
          <p:nvSpPr>
            <p:cNvPr id="412" name="Rectangle 294"/>
            <p:cNvSpPr>
              <a:spLocks noChangeArrowheads="1"/>
            </p:cNvSpPr>
            <p:nvPr>
              <p:custDataLst>
                <p:tags r:id="rId192"/>
              </p:custDataLst>
            </p:nvPr>
          </p:nvSpPr>
          <p:spPr bwMode="gray">
            <a:xfrm>
              <a:off x="5126990" y="4451669"/>
              <a:ext cx="22415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South Sudan</a:t>
              </a:r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294759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878233">
            <a:off x="7627354" y="2101002"/>
            <a:ext cx="3678333" cy="3787477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2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4758621" y="4374019"/>
            <a:ext cx="1322353" cy="747724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7963894" y="5976693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10430208" y="3140764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9035922" y="4690272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8143515" y="4444794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5320765" y="4734408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84" name="Greenland"/>
          <p:cNvGrpSpPr>
            <a:grpSpLocks noChangeAspect="1"/>
          </p:cNvGrpSpPr>
          <p:nvPr/>
        </p:nvGrpSpPr>
        <p:grpSpPr bwMode="auto">
          <a:xfrm rot="1181657">
            <a:off x="2374868" y="499204"/>
            <a:ext cx="2916164" cy="5138535"/>
            <a:chOff x="3036" y="1082"/>
            <a:chExt cx="1303" cy="2296"/>
          </a:xfrm>
          <a:solidFill>
            <a:schemeClr val="accent3"/>
          </a:solidFill>
        </p:grpSpPr>
        <p:sp>
          <p:nvSpPr>
            <p:cNvPr id="185" name="Freeform 5"/>
            <p:cNvSpPr>
              <a:spLocks/>
            </p:cNvSpPr>
            <p:nvPr/>
          </p:nvSpPr>
          <p:spPr bwMode="auto">
            <a:xfrm>
              <a:off x="3429" y="3262"/>
              <a:ext cx="31" cy="26"/>
            </a:xfrm>
            <a:custGeom>
              <a:avLst/>
              <a:gdLst>
                <a:gd name="T0" fmla="*/ 26 w 31"/>
                <a:gd name="T1" fmla="*/ 15 h 26"/>
                <a:gd name="T2" fmla="*/ 21 w 31"/>
                <a:gd name="T3" fmla="*/ 26 h 26"/>
                <a:gd name="T4" fmla="*/ 0 w 31"/>
                <a:gd name="T5" fmla="*/ 15 h 26"/>
                <a:gd name="T6" fmla="*/ 31 w 31"/>
                <a:gd name="T7" fmla="*/ 0 h 26"/>
                <a:gd name="T8" fmla="*/ 26 w 31"/>
                <a:gd name="T9" fmla="*/ 1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1" h="26">
                  <a:moveTo>
                    <a:pt x="26" y="15"/>
                  </a:moveTo>
                  <a:lnTo>
                    <a:pt x="21" y="26"/>
                  </a:lnTo>
                  <a:lnTo>
                    <a:pt x="0" y="15"/>
                  </a:lnTo>
                  <a:lnTo>
                    <a:pt x="31" y="0"/>
                  </a:lnTo>
                  <a:lnTo>
                    <a:pt x="26" y="1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6" name="Freeform 6"/>
            <p:cNvSpPr>
              <a:spLocks/>
            </p:cNvSpPr>
            <p:nvPr/>
          </p:nvSpPr>
          <p:spPr bwMode="auto">
            <a:xfrm>
              <a:off x="3854" y="2799"/>
              <a:ext cx="10" cy="21"/>
            </a:xfrm>
            <a:custGeom>
              <a:avLst/>
              <a:gdLst>
                <a:gd name="T0" fmla="*/ 5 w 10"/>
                <a:gd name="T1" fmla="*/ 21 h 21"/>
                <a:gd name="T2" fmla="*/ 0 w 10"/>
                <a:gd name="T3" fmla="*/ 21 h 21"/>
                <a:gd name="T4" fmla="*/ 5 w 10"/>
                <a:gd name="T5" fmla="*/ 0 h 21"/>
                <a:gd name="T6" fmla="*/ 10 w 10"/>
                <a:gd name="T7" fmla="*/ 5 h 21"/>
                <a:gd name="T8" fmla="*/ 5 w 10"/>
                <a:gd name="T9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1">
                  <a:moveTo>
                    <a:pt x="5" y="21"/>
                  </a:moveTo>
                  <a:lnTo>
                    <a:pt x="0" y="21"/>
                  </a:lnTo>
                  <a:lnTo>
                    <a:pt x="5" y="0"/>
                  </a:lnTo>
                  <a:lnTo>
                    <a:pt x="10" y="5"/>
                  </a:lnTo>
                  <a:lnTo>
                    <a:pt x="5" y="2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7" name="Freeform 7"/>
            <p:cNvSpPr>
              <a:spLocks/>
            </p:cNvSpPr>
            <p:nvPr/>
          </p:nvSpPr>
          <p:spPr bwMode="auto">
            <a:xfrm>
              <a:off x="3343" y="2377"/>
              <a:ext cx="25" cy="36"/>
            </a:xfrm>
            <a:custGeom>
              <a:avLst/>
              <a:gdLst>
                <a:gd name="T0" fmla="*/ 10 w 25"/>
                <a:gd name="T1" fmla="*/ 36 h 36"/>
                <a:gd name="T2" fmla="*/ 0 w 25"/>
                <a:gd name="T3" fmla="*/ 36 h 36"/>
                <a:gd name="T4" fmla="*/ 5 w 25"/>
                <a:gd name="T5" fmla="*/ 0 h 36"/>
                <a:gd name="T6" fmla="*/ 25 w 25"/>
                <a:gd name="T7" fmla="*/ 10 h 36"/>
                <a:gd name="T8" fmla="*/ 15 w 25"/>
                <a:gd name="T9" fmla="*/ 15 h 36"/>
                <a:gd name="T10" fmla="*/ 10 w 25"/>
                <a:gd name="T11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" h="36">
                  <a:moveTo>
                    <a:pt x="10" y="36"/>
                  </a:moveTo>
                  <a:lnTo>
                    <a:pt x="0" y="36"/>
                  </a:lnTo>
                  <a:lnTo>
                    <a:pt x="5" y="0"/>
                  </a:lnTo>
                  <a:lnTo>
                    <a:pt x="25" y="10"/>
                  </a:lnTo>
                  <a:lnTo>
                    <a:pt x="15" y="15"/>
                  </a:lnTo>
                  <a:lnTo>
                    <a:pt x="10" y="3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8" name="Freeform 8"/>
            <p:cNvSpPr>
              <a:spLocks/>
            </p:cNvSpPr>
            <p:nvPr/>
          </p:nvSpPr>
          <p:spPr bwMode="auto">
            <a:xfrm>
              <a:off x="3225" y="2321"/>
              <a:ext cx="97" cy="107"/>
            </a:xfrm>
            <a:custGeom>
              <a:avLst/>
              <a:gdLst>
                <a:gd name="T0" fmla="*/ 77 w 97"/>
                <a:gd name="T1" fmla="*/ 46 h 107"/>
                <a:gd name="T2" fmla="*/ 82 w 97"/>
                <a:gd name="T3" fmla="*/ 56 h 107"/>
                <a:gd name="T4" fmla="*/ 97 w 97"/>
                <a:gd name="T5" fmla="*/ 61 h 107"/>
                <a:gd name="T6" fmla="*/ 92 w 97"/>
                <a:gd name="T7" fmla="*/ 71 h 107"/>
                <a:gd name="T8" fmla="*/ 97 w 97"/>
                <a:gd name="T9" fmla="*/ 82 h 107"/>
                <a:gd name="T10" fmla="*/ 61 w 97"/>
                <a:gd name="T11" fmla="*/ 102 h 107"/>
                <a:gd name="T12" fmla="*/ 36 w 97"/>
                <a:gd name="T13" fmla="*/ 107 h 107"/>
                <a:gd name="T14" fmla="*/ 26 w 97"/>
                <a:gd name="T15" fmla="*/ 102 h 107"/>
                <a:gd name="T16" fmla="*/ 15 w 97"/>
                <a:gd name="T17" fmla="*/ 87 h 107"/>
                <a:gd name="T18" fmla="*/ 36 w 97"/>
                <a:gd name="T19" fmla="*/ 82 h 107"/>
                <a:gd name="T20" fmla="*/ 0 w 97"/>
                <a:gd name="T21" fmla="*/ 61 h 107"/>
                <a:gd name="T22" fmla="*/ 5 w 97"/>
                <a:gd name="T23" fmla="*/ 31 h 107"/>
                <a:gd name="T24" fmla="*/ 20 w 97"/>
                <a:gd name="T25" fmla="*/ 36 h 107"/>
                <a:gd name="T26" fmla="*/ 10 w 97"/>
                <a:gd name="T27" fmla="*/ 26 h 107"/>
                <a:gd name="T28" fmla="*/ 15 w 97"/>
                <a:gd name="T29" fmla="*/ 0 h 107"/>
                <a:gd name="T30" fmla="*/ 61 w 97"/>
                <a:gd name="T31" fmla="*/ 16 h 107"/>
                <a:gd name="T32" fmla="*/ 77 w 97"/>
                <a:gd name="T33" fmla="*/ 46 h 1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7" h="107">
                  <a:moveTo>
                    <a:pt x="77" y="46"/>
                  </a:moveTo>
                  <a:lnTo>
                    <a:pt x="82" y="56"/>
                  </a:lnTo>
                  <a:lnTo>
                    <a:pt x="97" y="61"/>
                  </a:lnTo>
                  <a:lnTo>
                    <a:pt x="92" y="71"/>
                  </a:lnTo>
                  <a:lnTo>
                    <a:pt x="97" y="82"/>
                  </a:lnTo>
                  <a:lnTo>
                    <a:pt x="61" y="102"/>
                  </a:lnTo>
                  <a:lnTo>
                    <a:pt x="36" y="107"/>
                  </a:lnTo>
                  <a:lnTo>
                    <a:pt x="26" y="102"/>
                  </a:lnTo>
                  <a:lnTo>
                    <a:pt x="15" y="87"/>
                  </a:lnTo>
                  <a:lnTo>
                    <a:pt x="36" y="82"/>
                  </a:lnTo>
                  <a:lnTo>
                    <a:pt x="0" y="61"/>
                  </a:lnTo>
                  <a:lnTo>
                    <a:pt x="5" y="31"/>
                  </a:lnTo>
                  <a:lnTo>
                    <a:pt x="20" y="36"/>
                  </a:lnTo>
                  <a:lnTo>
                    <a:pt x="10" y="26"/>
                  </a:lnTo>
                  <a:lnTo>
                    <a:pt x="15" y="0"/>
                  </a:lnTo>
                  <a:lnTo>
                    <a:pt x="61" y="16"/>
                  </a:lnTo>
                  <a:lnTo>
                    <a:pt x="77" y="4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9" name="Freeform 9"/>
            <p:cNvSpPr>
              <a:spLocks/>
            </p:cNvSpPr>
            <p:nvPr/>
          </p:nvSpPr>
          <p:spPr bwMode="auto">
            <a:xfrm>
              <a:off x="3332" y="2270"/>
              <a:ext cx="21" cy="16"/>
            </a:xfrm>
            <a:custGeom>
              <a:avLst/>
              <a:gdLst>
                <a:gd name="T0" fmla="*/ 16 w 21"/>
                <a:gd name="T1" fmla="*/ 16 h 16"/>
                <a:gd name="T2" fmla="*/ 0 w 21"/>
                <a:gd name="T3" fmla="*/ 6 h 16"/>
                <a:gd name="T4" fmla="*/ 11 w 21"/>
                <a:gd name="T5" fmla="*/ 0 h 16"/>
                <a:gd name="T6" fmla="*/ 21 w 21"/>
                <a:gd name="T7" fmla="*/ 11 h 16"/>
                <a:gd name="T8" fmla="*/ 16 w 21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" h="16">
                  <a:moveTo>
                    <a:pt x="16" y="16"/>
                  </a:moveTo>
                  <a:lnTo>
                    <a:pt x="0" y="6"/>
                  </a:lnTo>
                  <a:lnTo>
                    <a:pt x="11" y="0"/>
                  </a:lnTo>
                  <a:lnTo>
                    <a:pt x="21" y="11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0" name="Freeform 10"/>
            <p:cNvSpPr>
              <a:spLocks/>
            </p:cNvSpPr>
            <p:nvPr/>
          </p:nvSpPr>
          <p:spPr bwMode="auto">
            <a:xfrm>
              <a:off x="4109" y="2220"/>
              <a:ext cx="82" cy="71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1" name="Freeform 11"/>
            <p:cNvSpPr>
              <a:spLocks/>
            </p:cNvSpPr>
            <p:nvPr/>
          </p:nvSpPr>
          <p:spPr bwMode="auto">
            <a:xfrm>
              <a:off x="3281" y="2230"/>
              <a:ext cx="16" cy="25"/>
            </a:xfrm>
            <a:custGeom>
              <a:avLst/>
              <a:gdLst>
                <a:gd name="T0" fmla="*/ 10 w 16"/>
                <a:gd name="T1" fmla="*/ 25 h 25"/>
                <a:gd name="T2" fmla="*/ 0 w 16"/>
                <a:gd name="T3" fmla="*/ 20 h 25"/>
                <a:gd name="T4" fmla="*/ 0 w 16"/>
                <a:gd name="T5" fmla="*/ 10 h 25"/>
                <a:gd name="T6" fmla="*/ 16 w 16"/>
                <a:gd name="T7" fmla="*/ 0 h 25"/>
                <a:gd name="T8" fmla="*/ 10 w 16"/>
                <a:gd name="T9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25">
                  <a:moveTo>
                    <a:pt x="10" y="25"/>
                  </a:moveTo>
                  <a:lnTo>
                    <a:pt x="0" y="20"/>
                  </a:lnTo>
                  <a:lnTo>
                    <a:pt x="0" y="10"/>
                  </a:lnTo>
                  <a:lnTo>
                    <a:pt x="16" y="0"/>
                  </a:lnTo>
                  <a:lnTo>
                    <a:pt x="10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2" name="Freeform 12"/>
            <p:cNvSpPr>
              <a:spLocks/>
            </p:cNvSpPr>
            <p:nvPr/>
          </p:nvSpPr>
          <p:spPr bwMode="auto">
            <a:xfrm>
              <a:off x="3245" y="2072"/>
              <a:ext cx="36" cy="26"/>
            </a:xfrm>
            <a:custGeom>
              <a:avLst/>
              <a:gdLst>
                <a:gd name="T0" fmla="*/ 36 w 36"/>
                <a:gd name="T1" fmla="*/ 5 h 26"/>
                <a:gd name="T2" fmla="*/ 21 w 36"/>
                <a:gd name="T3" fmla="*/ 26 h 26"/>
                <a:gd name="T4" fmla="*/ 0 w 36"/>
                <a:gd name="T5" fmla="*/ 5 h 26"/>
                <a:gd name="T6" fmla="*/ 11 w 36"/>
                <a:gd name="T7" fmla="*/ 0 h 26"/>
                <a:gd name="T8" fmla="*/ 36 w 36"/>
                <a:gd name="T9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26">
                  <a:moveTo>
                    <a:pt x="36" y="5"/>
                  </a:moveTo>
                  <a:lnTo>
                    <a:pt x="21" y="26"/>
                  </a:lnTo>
                  <a:lnTo>
                    <a:pt x="0" y="5"/>
                  </a:lnTo>
                  <a:lnTo>
                    <a:pt x="11" y="0"/>
                  </a:lnTo>
                  <a:lnTo>
                    <a:pt x="36" y="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4217" y="1747"/>
              <a:ext cx="46" cy="40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160" y="1640"/>
              <a:ext cx="36" cy="56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5" name="Freeform 15"/>
            <p:cNvSpPr>
              <a:spLocks/>
            </p:cNvSpPr>
            <p:nvPr/>
          </p:nvSpPr>
          <p:spPr bwMode="auto">
            <a:xfrm>
              <a:off x="3036" y="1508"/>
              <a:ext cx="15" cy="20"/>
            </a:xfrm>
            <a:custGeom>
              <a:avLst/>
              <a:gdLst>
                <a:gd name="T0" fmla="*/ 10 w 15"/>
                <a:gd name="T1" fmla="*/ 20 h 20"/>
                <a:gd name="T2" fmla="*/ 0 w 15"/>
                <a:gd name="T3" fmla="*/ 0 h 20"/>
                <a:gd name="T4" fmla="*/ 10 w 15"/>
                <a:gd name="T5" fmla="*/ 0 h 20"/>
                <a:gd name="T6" fmla="*/ 15 w 15"/>
                <a:gd name="T7" fmla="*/ 10 h 20"/>
                <a:gd name="T8" fmla="*/ 10 w 1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0">
                  <a:moveTo>
                    <a:pt x="10" y="20"/>
                  </a:moveTo>
                  <a:lnTo>
                    <a:pt x="0" y="0"/>
                  </a:lnTo>
                  <a:lnTo>
                    <a:pt x="10" y="0"/>
                  </a:lnTo>
                  <a:lnTo>
                    <a:pt x="15" y="10"/>
                  </a:lnTo>
                  <a:lnTo>
                    <a:pt x="1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>
              <a:off x="4140" y="1523"/>
              <a:ext cx="10" cy="25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7" name="Freeform 17"/>
            <p:cNvSpPr>
              <a:spLocks/>
            </p:cNvSpPr>
            <p:nvPr/>
          </p:nvSpPr>
          <p:spPr bwMode="auto">
            <a:xfrm>
              <a:off x="4094" y="1482"/>
              <a:ext cx="20" cy="41"/>
            </a:xfrm>
            <a:custGeom>
              <a:avLst/>
              <a:gdLst>
                <a:gd name="T0" fmla="*/ 20 w 20"/>
                <a:gd name="T1" fmla="*/ 41 h 41"/>
                <a:gd name="T2" fmla="*/ 5 w 20"/>
                <a:gd name="T3" fmla="*/ 26 h 41"/>
                <a:gd name="T4" fmla="*/ 0 w 20"/>
                <a:gd name="T5" fmla="*/ 10 h 41"/>
                <a:gd name="T6" fmla="*/ 5 w 20"/>
                <a:gd name="T7" fmla="*/ 0 h 41"/>
                <a:gd name="T8" fmla="*/ 20 w 20"/>
                <a:gd name="T9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41">
                  <a:moveTo>
                    <a:pt x="20" y="41"/>
                  </a:moveTo>
                  <a:lnTo>
                    <a:pt x="5" y="26"/>
                  </a:lnTo>
                  <a:lnTo>
                    <a:pt x="0" y="10"/>
                  </a:lnTo>
                  <a:lnTo>
                    <a:pt x="5" y="0"/>
                  </a:lnTo>
                  <a:lnTo>
                    <a:pt x="20" y="4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8" name="Freeform 18"/>
            <p:cNvSpPr>
              <a:spLocks/>
            </p:cNvSpPr>
            <p:nvPr/>
          </p:nvSpPr>
          <p:spPr bwMode="auto">
            <a:xfrm>
              <a:off x="4038" y="1330"/>
              <a:ext cx="30" cy="35"/>
            </a:xfrm>
            <a:custGeom>
              <a:avLst/>
              <a:gdLst>
                <a:gd name="T0" fmla="*/ 30 w 30"/>
                <a:gd name="T1" fmla="*/ 20 h 35"/>
                <a:gd name="T2" fmla="*/ 25 w 30"/>
                <a:gd name="T3" fmla="*/ 35 h 35"/>
                <a:gd name="T4" fmla="*/ 10 w 30"/>
                <a:gd name="T5" fmla="*/ 35 h 35"/>
                <a:gd name="T6" fmla="*/ 0 w 30"/>
                <a:gd name="T7" fmla="*/ 20 h 35"/>
                <a:gd name="T8" fmla="*/ 20 w 30"/>
                <a:gd name="T9" fmla="*/ 0 h 35"/>
                <a:gd name="T10" fmla="*/ 30 w 30"/>
                <a:gd name="T11" fmla="*/ 2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0" h="35">
                  <a:moveTo>
                    <a:pt x="30" y="20"/>
                  </a:moveTo>
                  <a:lnTo>
                    <a:pt x="25" y="35"/>
                  </a:lnTo>
                  <a:lnTo>
                    <a:pt x="10" y="35"/>
                  </a:lnTo>
                  <a:lnTo>
                    <a:pt x="0" y="20"/>
                  </a:lnTo>
                  <a:lnTo>
                    <a:pt x="20" y="0"/>
                  </a:lnTo>
                  <a:lnTo>
                    <a:pt x="3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9" name="Freeform 19"/>
            <p:cNvSpPr>
              <a:spLocks/>
            </p:cNvSpPr>
            <p:nvPr/>
          </p:nvSpPr>
          <p:spPr bwMode="auto">
            <a:xfrm>
              <a:off x="3951" y="1157"/>
              <a:ext cx="20" cy="25"/>
            </a:xfrm>
            <a:custGeom>
              <a:avLst/>
              <a:gdLst>
                <a:gd name="T0" fmla="*/ 20 w 20"/>
                <a:gd name="T1" fmla="*/ 20 h 25"/>
                <a:gd name="T2" fmla="*/ 15 w 20"/>
                <a:gd name="T3" fmla="*/ 25 h 25"/>
                <a:gd name="T4" fmla="*/ 0 w 20"/>
                <a:gd name="T5" fmla="*/ 0 h 25"/>
                <a:gd name="T6" fmla="*/ 20 w 20"/>
                <a:gd name="T7" fmla="*/ 20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0" h="25">
                  <a:moveTo>
                    <a:pt x="20" y="20"/>
                  </a:moveTo>
                  <a:lnTo>
                    <a:pt x="15" y="25"/>
                  </a:lnTo>
                  <a:lnTo>
                    <a:pt x="0" y="0"/>
                  </a:lnTo>
                  <a:lnTo>
                    <a:pt x="2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0" name="Freeform 20"/>
            <p:cNvSpPr>
              <a:spLocks/>
            </p:cNvSpPr>
            <p:nvPr/>
          </p:nvSpPr>
          <p:spPr bwMode="auto">
            <a:xfrm>
              <a:off x="3588" y="1157"/>
              <a:ext cx="31" cy="61"/>
            </a:xfrm>
            <a:custGeom>
              <a:avLst/>
              <a:gdLst>
                <a:gd name="T0" fmla="*/ 31 w 31"/>
                <a:gd name="T1" fmla="*/ 61 h 61"/>
                <a:gd name="T2" fmla="*/ 5 w 31"/>
                <a:gd name="T3" fmla="*/ 30 h 61"/>
                <a:gd name="T4" fmla="*/ 0 w 31"/>
                <a:gd name="T5" fmla="*/ 5 h 61"/>
                <a:gd name="T6" fmla="*/ 10 w 31"/>
                <a:gd name="T7" fmla="*/ 0 h 61"/>
                <a:gd name="T8" fmla="*/ 31 w 31"/>
                <a:gd name="T9" fmla="*/ 20 h 61"/>
                <a:gd name="T10" fmla="*/ 31 w 31"/>
                <a:gd name="T11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61">
                  <a:moveTo>
                    <a:pt x="31" y="61"/>
                  </a:moveTo>
                  <a:lnTo>
                    <a:pt x="5" y="30"/>
                  </a:lnTo>
                  <a:lnTo>
                    <a:pt x="0" y="5"/>
                  </a:lnTo>
                  <a:lnTo>
                    <a:pt x="10" y="0"/>
                  </a:lnTo>
                  <a:lnTo>
                    <a:pt x="31" y="20"/>
                  </a:lnTo>
                  <a:lnTo>
                    <a:pt x="31" y="61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1" name="Freeform 21"/>
            <p:cNvSpPr>
              <a:spLocks/>
            </p:cNvSpPr>
            <p:nvPr/>
          </p:nvSpPr>
          <p:spPr bwMode="auto">
            <a:xfrm>
              <a:off x="3076" y="1082"/>
              <a:ext cx="1263" cy="2296"/>
            </a:xfrm>
            <a:custGeom>
              <a:avLst/>
              <a:gdLst>
                <a:gd name="T0" fmla="*/ 823 w 1273"/>
                <a:gd name="T1" fmla="*/ 51 h 2314"/>
                <a:gd name="T2" fmla="*/ 843 w 1273"/>
                <a:gd name="T3" fmla="*/ 132 h 2314"/>
                <a:gd name="T4" fmla="*/ 935 w 1273"/>
                <a:gd name="T5" fmla="*/ 148 h 2314"/>
                <a:gd name="T6" fmla="*/ 1027 w 1273"/>
                <a:gd name="T7" fmla="*/ 224 h 2314"/>
                <a:gd name="T8" fmla="*/ 1027 w 1273"/>
                <a:gd name="T9" fmla="*/ 366 h 2314"/>
                <a:gd name="T10" fmla="*/ 1068 w 1273"/>
                <a:gd name="T11" fmla="*/ 488 h 2314"/>
                <a:gd name="T12" fmla="*/ 1084 w 1273"/>
                <a:gd name="T13" fmla="*/ 570 h 2314"/>
                <a:gd name="T14" fmla="*/ 1125 w 1273"/>
                <a:gd name="T15" fmla="*/ 651 h 2314"/>
                <a:gd name="T16" fmla="*/ 1135 w 1273"/>
                <a:gd name="T17" fmla="*/ 743 h 2314"/>
                <a:gd name="T18" fmla="*/ 1140 w 1273"/>
                <a:gd name="T19" fmla="*/ 829 h 2314"/>
                <a:gd name="T20" fmla="*/ 1099 w 1273"/>
                <a:gd name="T21" fmla="*/ 890 h 2314"/>
                <a:gd name="T22" fmla="*/ 1033 w 1273"/>
                <a:gd name="T23" fmla="*/ 982 h 2314"/>
                <a:gd name="T24" fmla="*/ 1104 w 1273"/>
                <a:gd name="T25" fmla="*/ 961 h 2314"/>
                <a:gd name="T26" fmla="*/ 1201 w 1273"/>
                <a:gd name="T27" fmla="*/ 1048 h 2314"/>
                <a:gd name="T28" fmla="*/ 1232 w 1273"/>
                <a:gd name="T29" fmla="*/ 1144 h 2314"/>
                <a:gd name="T30" fmla="*/ 1073 w 1273"/>
                <a:gd name="T31" fmla="*/ 1124 h 2314"/>
                <a:gd name="T32" fmla="*/ 1114 w 1273"/>
                <a:gd name="T33" fmla="*/ 1221 h 2314"/>
                <a:gd name="T34" fmla="*/ 1268 w 1273"/>
                <a:gd name="T35" fmla="*/ 1216 h 2314"/>
                <a:gd name="T36" fmla="*/ 1165 w 1273"/>
                <a:gd name="T37" fmla="*/ 1388 h 2314"/>
                <a:gd name="T38" fmla="*/ 946 w 1273"/>
                <a:gd name="T39" fmla="*/ 1536 h 2314"/>
                <a:gd name="T40" fmla="*/ 849 w 1273"/>
                <a:gd name="T41" fmla="*/ 1724 h 2314"/>
                <a:gd name="T42" fmla="*/ 787 w 1273"/>
                <a:gd name="T43" fmla="*/ 1688 h 2314"/>
                <a:gd name="T44" fmla="*/ 700 w 1273"/>
                <a:gd name="T45" fmla="*/ 1805 h 2314"/>
                <a:gd name="T46" fmla="*/ 639 w 1273"/>
                <a:gd name="T47" fmla="*/ 1887 h 2314"/>
                <a:gd name="T48" fmla="*/ 659 w 1273"/>
                <a:gd name="T49" fmla="*/ 1983 h 2314"/>
                <a:gd name="T50" fmla="*/ 613 w 1273"/>
                <a:gd name="T51" fmla="*/ 2105 h 2314"/>
                <a:gd name="T52" fmla="*/ 562 w 1273"/>
                <a:gd name="T53" fmla="*/ 2263 h 2314"/>
                <a:gd name="T54" fmla="*/ 496 w 1273"/>
                <a:gd name="T55" fmla="*/ 2294 h 2314"/>
                <a:gd name="T56" fmla="*/ 434 w 1273"/>
                <a:gd name="T57" fmla="*/ 2197 h 2314"/>
                <a:gd name="T58" fmla="*/ 348 w 1273"/>
                <a:gd name="T59" fmla="*/ 2192 h 2314"/>
                <a:gd name="T60" fmla="*/ 296 w 1273"/>
                <a:gd name="T61" fmla="*/ 2080 h 2314"/>
                <a:gd name="T62" fmla="*/ 220 w 1273"/>
                <a:gd name="T63" fmla="*/ 1958 h 2314"/>
                <a:gd name="T64" fmla="*/ 230 w 1273"/>
                <a:gd name="T65" fmla="*/ 1831 h 2314"/>
                <a:gd name="T66" fmla="*/ 240 w 1273"/>
                <a:gd name="T67" fmla="*/ 1826 h 2314"/>
                <a:gd name="T68" fmla="*/ 256 w 1273"/>
                <a:gd name="T69" fmla="*/ 1714 h 2314"/>
                <a:gd name="T70" fmla="*/ 245 w 1273"/>
                <a:gd name="T71" fmla="*/ 1627 h 2314"/>
                <a:gd name="T72" fmla="*/ 179 w 1273"/>
                <a:gd name="T73" fmla="*/ 1541 h 2314"/>
                <a:gd name="T74" fmla="*/ 179 w 1273"/>
                <a:gd name="T75" fmla="*/ 1531 h 2314"/>
                <a:gd name="T76" fmla="*/ 240 w 1273"/>
                <a:gd name="T77" fmla="*/ 1424 h 2314"/>
                <a:gd name="T78" fmla="*/ 302 w 1273"/>
                <a:gd name="T79" fmla="*/ 1383 h 2314"/>
                <a:gd name="T80" fmla="*/ 276 w 1273"/>
                <a:gd name="T81" fmla="*/ 1297 h 2314"/>
                <a:gd name="T82" fmla="*/ 332 w 1273"/>
                <a:gd name="T83" fmla="*/ 1266 h 2314"/>
                <a:gd name="T84" fmla="*/ 286 w 1273"/>
                <a:gd name="T85" fmla="*/ 1154 h 2314"/>
                <a:gd name="T86" fmla="*/ 271 w 1273"/>
                <a:gd name="T87" fmla="*/ 1119 h 2314"/>
                <a:gd name="T88" fmla="*/ 210 w 1273"/>
                <a:gd name="T89" fmla="*/ 1068 h 2314"/>
                <a:gd name="T90" fmla="*/ 245 w 1273"/>
                <a:gd name="T91" fmla="*/ 971 h 2314"/>
                <a:gd name="T92" fmla="*/ 245 w 1273"/>
                <a:gd name="T93" fmla="*/ 849 h 2314"/>
                <a:gd name="T94" fmla="*/ 82 w 1273"/>
                <a:gd name="T95" fmla="*/ 631 h 2314"/>
                <a:gd name="T96" fmla="*/ 26 w 1273"/>
                <a:gd name="T97" fmla="*/ 514 h 2314"/>
                <a:gd name="T98" fmla="*/ 77 w 1273"/>
                <a:gd name="T99" fmla="*/ 493 h 2314"/>
                <a:gd name="T100" fmla="*/ 56 w 1273"/>
                <a:gd name="T101" fmla="*/ 437 h 2314"/>
                <a:gd name="T102" fmla="*/ 164 w 1273"/>
                <a:gd name="T103" fmla="*/ 346 h 2314"/>
                <a:gd name="T104" fmla="*/ 276 w 1273"/>
                <a:gd name="T105" fmla="*/ 198 h 2314"/>
                <a:gd name="T106" fmla="*/ 404 w 1273"/>
                <a:gd name="T107" fmla="*/ 204 h 2314"/>
                <a:gd name="T108" fmla="*/ 491 w 1273"/>
                <a:gd name="T109" fmla="*/ 153 h 2314"/>
                <a:gd name="T110" fmla="*/ 572 w 1273"/>
                <a:gd name="T111" fmla="*/ 92 h 2314"/>
                <a:gd name="T112" fmla="*/ 613 w 1273"/>
                <a:gd name="T113" fmla="*/ 46 h 2314"/>
                <a:gd name="T114" fmla="*/ 746 w 1273"/>
                <a:gd name="T115" fmla="*/ 0 h 2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1273" h="2314">
                  <a:moveTo>
                    <a:pt x="746" y="0"/>
                  </a:moveTo>
                  <a:lnTo>
                    <a:pt x="797" y="15"/>
                  </a:lnTo>
                  <a:lnTo>
                    <a:pt x="797" y="26"/>
                  </a:lnTo>
                  <a:lnTo>
                    <a:pt x="731" y="51"/>
                  </a:lnTo>
                  <a:lnTo>
                    <a:pt x="736" y="61"/>
                  </a:lnTo>
                  <a:lnTo>
                    <a:pt x="751" y="46"/>
                  </a:lnTo>
                  <a:lnTo>
                    <a:pt x="792" y="41"/>
                  </a:lnTo>
                  <a:lnTo>
                    <a:pt x="808" y="26"/>
                  </a:lnTo>
                  <a:lnTo>
                    <a:pt x="823" y="51"/>
                  </a:lnTo>
                  <a:lnTo>
                    <a:pt x="833" y="46"/>
                  </a:lnTo>
                  <a:lnTo>
                    <a:pt x="864" y="56"/>
                  </a:lnTo>
                  <a:lnTo>
                    <a:pt x="869" y="76"/>
                  </a:lnTo>
                  <a:lnTo>
                    <a:pt x="859" y="97"/>
                  </a:lnTo>
                  <a:lnTo>
                    <a:pt x="782" y="132"/>
                  </a:lnTo>
                  <a:lnTo>
                    <a:pt x="777" y="142"/>
                  </a:lnTo>
                  <a:lnTo>
                    <a:pt x="787" y="153"/>
                  </a:lnTo>
                  <a:lnTo>
                    <a:pt x="808" y="137"/>
                  </a:lnTo>
                  <a:lnTo>
                    <a:pt x="843" y="132"/>
                  </a:lnTo>
                  <a:lnTo>
                    <a:pt x="864" y="158"/>
                  </a:lnTo>
                  <a:lnTo>
                    <a:pt x="869" y="122"/>
                  </a:lnTo>
                  <a:lnTo>
                    <a:pt x="889" y="112"/>
                  </a:lnTo>
                  <a:lnTo>
                    <a:pt x="910" y="168"/>
                  </a:lnTo>
                  <a:lnTo>
                    <a:pt x="905" y="234"/>
                  </a:lnTo>
                  <a:lnTo>
                    <a:pt x="925" y="178"/>
                  </a:lnTo>
                  <a:lnTo>
                    <a:pt x="925" y="142"/>
                  </a:lnTo>
                  <a:lnTo>
                    <a:pt x="930" y="137"/>
                  </a:lnTo>
                  <a:lnTo>
                    <a:pt x="935" y="148"/>
                  </a:lnTo>
                  <a:lnTo>
                    <a:pt x="966" y="153"/>
                  </a:lnTo>
                  <a:lnTo>
                    <a:pt x="971" y="102"/>
                  </a:lnTo>
                  <a:lnTo>
                    <a:pt x="997" y="92"/>
                  </a:lnTo>
                  <a:lnTo>
                    <a:pt x="1038" y="102"/>
                  </a:lnTo>
                  <a:lnTo>
                    <a:pt x="1038" y="148"/>
                  </a:lnTo>
                  <a:lnTo>
                    <a:pt x="1022" y="163"/>
                  </a:lnTo>
                  <a:lnTo>
                    <a:pt x="1033" y="188"/>
                  </a:lnTo>
                  <a:lnTo>
                    <a:pt x="1007" y="219"/>
                  </a:lnTo>
                  <a:lnTo>
                    <a:pt x="1027" y="224"/>
                  </a:lnTo>
                  <a:lnTo>
                    <a:pt x="1027" y="244"/>
                  </a:lnTo>
                  <a:lnTo>
                    <a:pt x="1007" y="265"/>
                  </a:lnTo>
                  <a:lnTo>
                    <a:pt x="981" y="259"/>
                  </a:lnTo>
                  <a:lnTo>
                    <a:pt x="976" y="290"/>
                  </a:lnTo>
                  <a:lnTo>
                    <a:pt x="987" y="310"/>
                  </a:lnTo>
                  <a:lnTo>
                    <a:pt x="1002" y="310"/>
                  </a:lnTo>
                  <a:lnTo>
                    <a:pt x="1012" y="346"/>
                  </a:lnTo>
                  <a:lnTo>
                    <a:pt x="1027" y="351"/>
                  </a:lnTo>
                  <a:lnTo>
                    <a:pt x="1027" y="366"/>
                  </a:lnTo>
                  <a:lnTo>
                    <a:pt x="1017" y="376"/>
                  </a:lnTo>
                  <a:lnTo>
                    <a:pt x="1022" y="397"/>
                  </a:lnTo>
                  <a:lnTo>
                    <a:pt x="1012" y="402"/>
                  </a:lnTo>
                  <a:lnTo>
                    <a:pt x="1007" y="417"/>
                  </a:lnTo>
                  <a:lnTo>
                    <a:pt x="1017" y="422"/>
                  </a:lnTo>
                  <a:lnTo>
                    <a:pt x="1027" y="504"/>
                  </a:lnTo>
                  <a:lnTo>
                    <a:pt x="1038" y="514"/>
                  </a:lnTo>
                  <a:lnTo>
                    <a:pt x="1043" y="483"/>
                  </a:lnTo>
                  <a:lnTo>
                    <a:pt x="1068" y="488"/>
                  </a:lnTo>
                  <a:lnTo>
                    <a:pt x="1084" y="504"/>
                  </a:lnTo>
                  <a:lnTo>
                    <a:pt x="1063" y="498"/>
                  </a:lnTo>
                  <a:lnTo>
                    <a:pt x="1053" y="509"/>
                  </a:lnTo>
                  <a:lnTo>
                    <a:pt x="1063" y="524"/>
                  </a:lnTo>
                  <a:lnTo>
                    <a:pt x="1094" y="534"/>
                  </a:lnTo>
                  <a:lnTo>
                    <a:pt x="1109" y="524"/>
                  </a:lnTo>
                  <a:lnTo>
                    <a:pt x="1125" y="544"/>
                  </a:lnTo>
                  <a:lnTo>
                    <a:pt x="1130" y="570"/>
                  </a:lnTo>
                  <a:lnTo>
                    <a:pt x="1084" y="570"/>
                  </a:lnTo>
                  <a:lnTo>
                    <a:pt x="1068" y="600"/>
                  </a:lnTo>
                  <a:lnTo>
                    <a:pt x="1048" y="595"/>
                  </a:lnTo>
                  <a:lnTo>
                    <a:pt x="1043" y="605"/>
                  </a:lnTo>
                  <a:lnTo>
                    <a:pt x="1063" y="615"/>
                  </a:lnTo>
                  <a:lnTo>
                    <a:pt x="1084" y="641"/>
                  </a:lnTo>
                  <a:lnTo>
                    <a:pt x="1094" y="631"/>
                  </a:lnTo>
                  <a:lnTo>
                    <a:pt x="1104" y="636"/>
                  </a:lnTo>
                  <a:lnTo>
                    <a:pt x="1114" y="631"/>
                  </a:lnTo>
                  <a:lnTo>
                    <a:pt x="1125" y="651"/>
                  </a:lnTo>
                  <a:lnTo>
                    <a:pt x="1145" y="666"/>
                  </a:lnTo>
                  <a:lnTo>
                    <a:pt x="1165" y="707"/>
                  </a:lnTo>
                  <a:lnTo>
                    <a:pt x="1165" y="727"/>
                  </a:lnTo>
                  <a:lnTo>
                    <a:pt x="1140" y="717"/>
                  </a:lnTo>
                  <a:lnTo>
                    <a:pt x="1135" y="737"/>
                  </a:lnTo>
                  <a:lnTo>
                    <a:pt x="1119" y="753"/>
                  </a:lnTo>
                  <a:lnTo>
                    <a:pt x="1104" y="753"/>
                  </a:lnTo>
                  <a:lnTo>
                    <a:pt x="1125" y="758"/>
                  </a:lnTo>
                  <a:lnTo>
                    <a:pt x="1135" y="743"/>
                  </a:lnTo>
                  <a:lnTo>
                    <a:pt x="1155" y="783"/>
                  </a:lnTo>
                  <a:lnTo>
                    <a:pt x="1150" y="748"/>
                  </a:lnTo>
                  <a:lnTo>
                    <a:pt x="1160" y="743"/>
                  </a:lnTo>
                  <a:lnTo>
                    <a:pt x="1201" y="783"/>
                  </a:lnTo>
                  <a:lnTo>
                    <a:pt x="1201" y="804"/>
                  </a:lnTo>
                  <a:lnTo>
                    <a:pt x="1181" y="809"/>
                  </a:lnTo>
                  <a:lnTo>
                    <a:pt x="1186" y="819"/>
                  </a:lnTo>
                  <a:lnTo>
                    <a:pt x="1165" y="834"/>
                  </a:lnTo>
                  <a:lnTo>
                    <a:pt x="1140" y="829"/>
                  </a:lnTo>
                  <a:lnTo>
                    <a:pt x="1130" y="799"/>
                  </a:lnTo>
                  <a:lnTo>
                    <a:pt x="1135" y="849"/>
                  </a:lnTo>
                  <a:lnTo>
                    <a:pt x="1145" y="854"/>
                  </a:lnTo>
                  <a:lnTo>
                    <a:pt x="1191" y="849"/>
                  </a:lnTo>
                  <a:lnTo>
                    <a:pt x="1201" y="890"/>
                  </a:lnTo>
                  <a:lnTo>
                    <a:pt x="1181" y="895"/>
                  </a:lnTo>
                  <a:lnTo>
                    <a:pt x="1165" y="921"/>
                  </a:lnTo>
                  <a:lnTo>
                    <a:pt x="1114" y="910"/>
                  </a:lnTo>
                  <a:lnTo>
                    <a:pt x="1099" y="890"/>
                  </a:lnTo>
                  <a:lnTo>
                    <a:pt x="1094" y="910"/>
                  </a:lnTo>
                  <a:lnTo>
                    <a:pt x="1058" y="895"/>
                  </a:lnTo>
                  <a:lnTo>
                    <a:pt x="1089" y="921"/>
                  </a:lnTo>
                  <a:lnTo>
                    <a:pt x="1063" y="956"/>
                  </a:lnTo>
                  <a:lnTo>
                    <a:pt x="1022" y="946"/>
                  </a:lnTo>
                  <a:lnTo>
                    <a:pt x="1048" y="956"/>
                  </a:lnTo>
                  <a:lnTo>
                    <a:pt x="1048" y="966"/>
                  </a:lnTo>
                  <a:lnTo>
                    <a:pt x="1022" y="977"/>
                  </a:lnTo>
                  <a:lnTo>
                    <a:pt x="1033" y="982"/>
                  </a:lnTo>
                  <a:lnTo>
                    <a:pt x="1033" y="971"/>
                  </a:lnTo>
                  <a:lnTo>
                    <a:pt x="1063" y="961"/>
                  </a:lnTo>
                  <a:lnTo>
                    <a:pt x="1079" y="946"/>
                  </a:lnTo>
                  <a:lnTo>
                    <a:pt x="1079" y="936"/>
                  </a:lnTo>
                  <a:lnTo>
                    <a:pt x="1099" y="926"/>
                  </a:lnTo>
                  <a:lnTo>
                    <a:pt x="1181" y="951"/>
                  </a:lnTo>
                  <a:lnTo>
                    <a:pt x="1201" y="1027"/>
                  </a:lnTo>
                  <a:lnTo>
                    <a:pt x="1150" y="1017"/>
                  </a:lnTo>
                  <a:lnTo>
                    <a:pt x="1104" y="961"/>
                  </a:lnTo>
                  <a:lnTo>
                    <a:pt x="1058" y="1007"/>
                  </a:lnTo>
                  <a:lnTo>
                    <a:pt x="1068" y="1012"/>
                  </a:lnTo>
                  <a:lnTo>
                    <a:pt x="1104" y="977"/>
                  </a:lnTo>
                  <a:lnTo>
                    <a:pt x="1119" y="1007"/>
                  </a:lnTo>
                  <a:lnTo>
                    <a:pt x="1109" y="1027"/>
                  </a:lnTo>
                  <a:lnTo>
                    <a:pt x="1114" y="1032"/>
                  </a:lnTo>
                  <a:lnTo>
                    <a:pt x="1125" y="1017"/>
                  </a:lnTo>
                  <a:lnTo>
                    <a:pt x="1130" y="1027"/>
                  </a:lnTo>
                  <a:lnTo>
                    <a:pt x="1201" y="1048"/>
                  </a:lnTo>
                  <a:lnTo>
                    <a:pt x="1206" y="1063"/>
                  </a:lnTo>
                  <a:lnTo>
                    <a:pt x="1222" y="1058"/>
                  </a:lnTo>
                  <a:lnTo>
                    <a:pt x="1211" y="1088"/>
                  </a:lnTo>
                  <a:lnTo>
                    <a:pt x="1222" y="1109"/>
                  </a:lnTo>
                  <a:lnTo>
                    <a:pt x="1222" y="1088"/>
                  </a:lnTo>
                  <a:lnTo>
                    <a:pt x="1237" y="1083"/>
                  </a:lnTo>
                  <a:lnTo>
                    <a:pt x="1273" y="1175"/>
                  </a:lnTo>
                  <a:lnTo>
                    <a:pt x="1247" y="1180"/>
                  </a:lnTo>
                  <a:lnTo>
                    <a:pt x="1232" y="1144"/>
                  </a:lnTo>
                  <a:lnTo>
                    <a:pt x="1242" y="1185"/>
                  </a:lnTo>
                  <a:lnTo>
                    <a:pt x="1232" y="1190"/>
                  </a:lnTo>
                  <a:lnTo>
                    <a:pt x="1201" y="1185"/>
                  </a:lnTo>
                  <a:lnTo>
                    <a:pt x="1176" y="1160"/>
                  </a:lnTo>
                  <a:lnTo>
                    <a:pt x="1176" y="1144"/>
                  </a:lnTo>
                  <a:lnTo>
                    <a:pt x="1160" y="1134"/>
                  </a:lnTo>
                  <a:lnTo>
                    <a:pt x="1109" y="1109"/>
                  </a:lnTo>
                  <a:lnTo>
                    <a:pt x="1073" y="1114"/>
                  </a:lnTo>
                  <a:lnTo>
                    <a:pt x="1073" y="1124"/>
                  </a:lnTo>
                  <a:lnTo>
                    <a:pt x="1114" y="1119"/>
                  </a:lnTo>
                  <a:lnTo>
                    <a:pt x="1125" y="1144"/>
                  </a:lnTo>
                  <a:lnTo>
                    <a:pt x="1104" y="1175"/>
                  </a:lnTo>
                  <a:lnTo>
                    <a:pt x="1048" y="1185"/>
                  </a:lnTo>
                  <a:lnTo>
                    <a:pt x="1063" y="1190"/>
                  </a:lnTo>
                  <a:lnTo>
                    <a:pt x="1063" y="1216"/>
                  </a:lnTo>
                  <a:lnTo>
                    <a:pt x="1038" y="1241"/>
                  </a:lnTo>
                  <a:lnTo>
                    <a:pt x="1089" y="1236"/>
                  </a:lnTo>
                  <a:lnTo>
                    <a:pt x="1114" y="1221"/>
                  </a:lnTo>
                  <a:lnTo>
                    <a:pt x="1119" y="1231"/>
                  </a:lnTo>
                  <a:lnTo>
                    <a:pt x="1104" y="1241"/>
                  </a:lnTo>
                  <a:lnTo>
                    <a:pt x="1094" y="1271"/>
                  </a:lnTo>
                  <a:lnTo>
                    <a:pt x="1104" y="1271"/>
                  </a:lnTo>
                  <a:lnTo>
                    <a:pt x="1109" y="1251"/>
                  </a:lnTo>
                  <a:lnTo>
                    <a:pt x="1155" y="1221"/>
                  </a:lnTo>
                  <a:lnTo>
                    <a:pt x="1217" y="1226"/>
                  </a:lnTo>
                  <a:lnTo>
                    <a:pt x="1263" y="1210"/>
                  </a:lnTo>
                  <a:lnTo>
                    <a:pt x="1268" y="1216"/>
                  </a:lnTo>
                  <a:lnTo>
                    <a:pt x="1242" y="1241"/>
                  </a:lnTo>
                  <a:lnTo>
                    <a:pt x="1247" y="1251"/>
                  </a:lnTo>
                  <a:lnTo>
                    <a:pt x="1222" y="1266"/>
                  </a:lnTo>
                  <a:lnTo>
                    <a:pt x="1232" y="1277"/>
                  </a:lnTo>
                  <a:lnTo>
                    <a:pt x="1211" y="1282"/>
                  </a:lnTo>
                  <a:lnTo>
                    <a:pt x="1222" y="1292"/>
                  </a:lnTo>
                  <a:lnTo>
                    <a:pt x="1191" y="1322"/>
                  </a:lnTo>
                  <a:lnTo>
                    <a:pt x="1201" y="1332"/>
                  </a:lnTo>
                  <a:lnTo>
                    <a:pt x="1165" y="1388"/>
                  </a:lnTo>
                  <a:lnTo>
                    <a:pt x="1079" y="1449"/>
                  </a:lnTo>
                  <a:lnTo>
                    <a:pt x="1053" y="1449"/>
                  </a:lnTo>
                  <a:lnTo>
                    <a:pt x="1043" y="1465"/>
                  </a:lnTo>
                  <a:lnTo>
                    <a:pt x="1027" y="1465"/>
                  </a:lnTo>
                  <a:lnTo>
                    <a:pt x="1033" y="1475"/>
                  </a:lnTo>
                  <a:lnTo>
                    <a:pt x="1017" y="1485"/>
                  </a:lnTo>
                  <a:lnTo>
                    <a:pt x="966" y="1455"/>
                  </a:lnTo>
                  <a:lnTo>
                    <a:pt x="976" y="1505"/>
                  </a:lnTo>
                  <a:lnTo>
                    <a:pt x="946" y="1536"/>
                  </a:lnTo>
                  <a:lnTo>
                    <a:pt x="920" y="1643"/>
                  </a:lnTo>
                  <a:lnTo>
                    <a:pt x="915" y="1638"/>
                  </a:lnTo>
                  <a:lnTo>
                    <a:pt x="910" y="1643"/>
                  </a:lnTo>
                  <a:lnTo>
                    <a:pt x="910" y="1658"/>
                  </a:lnTo>
                  <a:lnTo>
                    <a:pt x="884" y="1683"/>
                  </a:lnTo>
                  <a:lnTo>
                    <a:pt x="859" y="1663"/>
                  </a:lnTo>
                  <a:lnTo>
                    <a:pt x="869" y="1699"/>
                  </a:lnTo>
                  <a:lnTo>
                    <a:pt x="854" y="1709"/>
                  </a:lnTo>
                  <a:lnTo>
                    <a:pt x="849" y="1724"/>
                  </a:lnTo>
                  <a:lnTo>
                    <a:pt x="838" y="1709"/>
                  </a:lnTo>
                  <a:lnTo>
                    <a:pt x="828" y="1734"/>
                  </a:lnTo>
                  <a:lnTo>
                    <a:pt x="818" y="1724"/>
                  </a:lnTo>
                  <a:lnTo>
                    <a:pt x="803" y="1750"/>
                  </a:lnTo>
                  <a:lnTo>
                    <a:pt x="792" y="1755"/>
                  </a:lnTo>
                  <a:lnTo>
                    <a:pt x="782" y="1750"/>
                  </a:lnTo>
                  <a:lnTo>
                    <a:pt x="803" y="1683"/>
                  </a:lnTo>
                  <a:lnTo>
                    <a:pt x="767" y="1678"/>
                  </a:lnTo>
                  <a:lnTo>
                    <a:pt x="787" y="1688"/>
                  </a:lnTo>
                  <a:lnTo>
                    <a:pt x="772" y="1724"/>
                  </a:lnTo>
                  <a:lnTo>
                    <a:pt x="757" y="1714"/>
                  </a:lnTo>
                  <a:lnTo>
                    <a:pt x="772" y="1729"/>
                  </a:lnTo>
                  <a:lnTo>
                    <a:pt x="772" y="1744"/>
                  </a:lnTo>
                  <a:lnTo>
                    <a:pt x="757" y="1755"/>
                  </a:lnTo>
                  <a:lnTo>
                    <a:pt x="690" y="1765"/>
                  </a:lnTo>
                  <a:lnTo>
                    <a:pt x="716" y="1780"/>
                  </a:lnTo>
                  <a:lnTo>
                    <a:pt x="716" y="1790"/>
                  </a:lnTo>
                  <a:lnTo>
                    <a:pt x="700" y="1805"/>
                  </a:lnTo>
                  <a:lnTo>
                    <a:pt x="690" y="1811"/>
                  </a:lnTo>
                  <a:lnTo>
                    <a:pt x="654" y="1805"/>
                  </a:lnTo>
                  <a:lnTo>
                    <a:pt x="659" y="1831"/>
                  </a:lnTo>
                  <a:lnTo>
                    <a:pt x="675" y="1826"/>
                  </a:lnTo>
                  <a:lnTo>
                    <a:pt x="695" y="1861"/>
                  </a:lnTo>
                  <a:lnTo>
                    <a:pt x="685" y="1882"/>
                  </a:lnTo>
                  <a:lnTo>
                    <a:pt x="675" y="1882"/>
                  </a:lnTo>
                  <a:lnTo>
                    <a:pt x="670" y="1892"/>
                  </a:lnTo>
                  <a:lnTo>
                    <a:pt x="639" y="1887"/>
                  </a:lnTo>
                  <a:lnTo>
                    <a:pt x="659" y="1902"/>
                  </a:lnTo>
                  <a:lnTo>
                    <a:pt x="665" y="1897"/>
                  </a:lnTo>
                  <a:lnTo>
                    <a:pt x="680" y="1902"/>
                  </a:lnTo>
                  <a:lnTo>
                    <a:pt x="675" y="1922"/>
                  </a:lnTo>
                  <a:lnTo>
                    <a:pt x="680" y="1943"/>
                  </a:lnTo>
                  <a:lnTo>
                    <a:pt x="675" y="1958"/>
                  </a:lnTo>
                  <a:lnTo>
                    <a:pt x="659" y="1963"/>
                  </a:lnTo>
                  <a:lnTo>
                    <a:pt x="654" y="1978"/>
                  </a:lnTo>
                  <a:lnTo>
                    <a:pt x="659" y="1983"/>
                  </a:lnTo>
                  <a:lnTo>
                    <a:pt x="644" y="2004"/>
                  </a:lnTo>
                  <a:lnTo>
                    <a:pt x="624" y="2004"/>
                  </a:lnTo>
                  <a:lnTo>
                    <a:pt x="613" y="1994"/>
                  </a:lnTo>
                  <a:lnTo>
                    <a:pt x="634" y="2014"/>
                  </a:lnTo>
                  <a:lnTo>
                    <a:pt x="624" y="2039"/>
                  </a:lnTo>
                  <a:lnTo>
                    <a:pt x="578" y="2039"/>
                  </a:lnTo>
                  <a:lnTo>
                    <a:pt x="613" y="2055"/>
                  </a:lnTo>
                  <a:lnTo>
                    <a:pt x="603" y="2095"/>
                  </a:lnTo>
                  <a:lnTo>
                    <a:pt x="613" y="2105"/>
                  </a:lnTo>
                  <a:lnTo>
                    <a:pt x="613" y="2121"/>
                  </a:lnTo>
                  <a:lnTo>
                    <a:pt x="608" y="2131"/>
                  </a:lnTo>
                  <a:lnTo>
                    <a:pt x="593" y="2131"/>
                  </a:lnTo>
                  <a:lnTo>
                    <a:pt x="603" y="2136"/>
                  </a:lnTo>
                  <a:lnTo>
                    <a:pt x="603" y="2146"/>
                  </a:lnTo>
                  <a:lnTo>
                    <a:pt x="583" y="2228"/>
                  </a:lnTo>
                  <a:lnTo>
                    <a:pt x="562" y="2253"/>
                  </a:lnTo>
                  <a:lnTo>
                    <a:pt x="526" y="2243"/>
                  </a:lnTo>
                  <a:lnTo>
                    <a:pt x="562" y="2263"/>
                  </a:lnTo>
                  <a:lnTo>
                    <a:pt x="562" y="2294"/>
                  </a:lnTo>
                  <a:lnTo>
                    <a:pt x="552" y="2304"/>
                  </a:lnTo>
                  <a:lnTo>
                    <a:pt x="521" y="2294"/>
                  </a:lnTo>
                  <a:lnTo>
                    <a:pt x="537" y="2314"/>
                  </a:lnTo>
                  <a:lnTo>
                    <a:pt x="516" y="2314"/>
                  </a:lnTo>
                  <a:lnTo>
                    <a:pt x="516" y="2304"/>
                  </a:lnTo>
                  <a:lnTo>
                    <a:pt x="501" y="2309"/>
                  </a:lnTo>
                  <a:lnTo>
                    <a:pt x="511" y="2273"/>
                  </a:lnTo>
                  <a:lnTo>
                    <a:pt x="496" y="2294"/>
                  </a:lnTo>
                  <a:lnTo>
                    <a:pt x="480" y="2294"/>
                  </a:lnTo>
                  <a:lnTo>
                    <a:pt x="455" y="2278"/>
                  </a:lnTo>
                  <a:lnTo>
                    <a:pt x="455" y="2258"/>
                  </a:lnTo>
                  <a:lnTo>
                    <a:pt x="470" y="2258"/>
                  </a:lnTo>
                  <a:lnTo>
                    <a:pt x="486" y="2233"/>
                  </a:lnTo>
                  <a:lnTo>
                    <a:pt x="460" y="2253"/>
                  </a:lnTo>
                  <a:lnTo>
                    <a:pt x="424" y="2233"/>
                  </a:lnTo>
                  <a:lnTo>
                    <a:pt x="419" y="2217"/>
                  </a:lnTo>
                  <a:lnTo>
                    <a:pt x="434" y="2197"/>
                  </a:lnTo>
                  <a:lnTo>
                    <a:pt x="440" y="2182"/>
                  </a:lnTo>
                  <a:lnTo>
                    <a:pt x="434" y="2177"/>
                  </a:lnTo>
                  <a:lnTo>
                    <a:pt x="388" y="2212"/>
                  </a:lnTo>
                  <a:lnTo>
                    <a:pt x="358" y="2207"/>
                  </a:lnTo>
                  <a:lnTo>
                    <a:pt x="342" y="2207"/>
                  </a:lnTo>
                  <a:lnTo>
                    <a:pt x="342" y="2217"/>
                  </a:lnTo>
                  <a:lnTo>
                    <a:pt x="322" y="2212"/>
                  </a:lnTo>
                  <a:lnTo>
                    <a:pt x="322" y="2202"/>
                  </a:lnTo>
                  <a:lnTo>
                    <a:pt x="348" y="2192"/>
                  </a:lnTo>
                  <a:lnTo>
                    <a:pt x="317" y="2187"/>
                  </a:lnTo>
                  <a:lnTo>
                    <a:pt x="317" y="2172"/>
                  </a:lnTo>
                  <a:lnTo>
                    <a:pt x="291" y="2161"/>
                  </a:lnTo>
                  <a:lnTo>
                    <a:pt x="291" y="2136"/>
                  </a:lnTo>
                  <a:lnTo>
                    <a:pt x="281" y="2131"/>
                  </a:lnTo>
                  <a:lnTo>
                    <a:pt x="286" y="2121"/>
                  </a:lnTo>
                  <a:lnTo>
                    <a:pt x="281" y="2095"/>
                  </a:lnTo>
                  <a:lnTo>
                    <a:pt x="307" y="2085"/>
                  </a:lnTo>
                  <a:lnTo>
                    <a:pt x="296" y="2080"/>
                  </a:lnTo>
                  <a:lnTo>
                    <a:pt x="266" y="2085"/>
                  </a:lnTo>
                  <a:lnTo>
                    <a:pt x="276" y="2065"/>
                  </a:lnTo>
                  <a:lnTo>
                    <a:pt x="256" y="2055"/>
                  </a:lnTo>
                  <a:lnTo>
                    <a:pt x="245" y="2039"/>
                  </a:lnTo>
                  <a:lnTo>
                    <a:pt x="250" y="2019"/>
                  </a:lnTo>
                  <a:lnTo>
                    <a:pt x="245" y="2014"/>
                  </a:lnTo>
                  <a:lnTo>
                    <a:pt x="271" y="1983"/>
                  </a:lnTo>
                  <a:lnTo>
                    <a:pt x="245" y="2004"/>
                  </a:lnTo>
                  <a:lnTo>
                    <a:pt x="220" y="1958"/>
                  </a:lnTo>
                  <a:lnTo>
                    <a:pt x="204" y="1907"/>
                  </a:lnTo>
                  <a:lnTo>
                    <a:pt x="215" y="1892"/>
                  </a:lnTo>
                  <a:lnTo>
                    <a:pt x="210" y="1882"/>
                  </a:lnTo>
                  <a:lnTo>
                    <a:pt x="266" y="1872"/>
                  </a:lnTo>
                  <a:lnTo>
                    <a:pt x="256" y="1872"/>
                  </a:lnTo>
                  <a:lnTo>
                    <a:pt x="261" y="1861"/>
                  </a:lnTo>
                  <a:lnTo>
                    <a:pt x="210" y="1877"/>
                  </a:lnTo>
                  <a:lnTo>
                    <a:pt x="204" y="1861"/>
                  </a:lnTo>
                  <a:lnTo>
                    <a:pt x="230" y="1831"/>
                  </a:lnTo>
                  <a:lnTo>
                    <a:pt x="245" y="1836"/>
                  </a:lnTo>
                  <a:lnTo>
                    <a:pt x="250" y="1826"/>
                  </a:lnTo>
                  <a:lnTo>
                    <a:pt x="271" y="1826"/>
                  </a:lnTo>
                  <a:lnTo>
                    <a:pt x="281" y="1851"/>
                  </a:lnTo>
                  <a:lnTo>
                    <a:pt x="281" y="1826"/>
                  </a:lnTo>
                  <a:lnTo>
                    <a:pt x="266" y="1816"/>
                  </a:lnTo>
                  <a:lnTo>
                    <a:pt x="250" y="1770"/>
                  </a:lnTo>
                  <a:lnTo>
                    <a:pt x="256" y="1811"/>
                  </a:lnTo>
                  <a:lnTo>
                    <a:pt x="240" y="1826"/>
                  </a:lnTo>
                  <a:lnTo>
                    <a:pt x="230" y="1826"/>
                  </a:lnTo>
                  <a:lnTo>
                    <a:pt x="235" y="1811"/>
                  </a:lnTo>
                  <a:lnTo>
                    <a:pt x="204" y="1856"/>
                  </a:lnTo>
                  <a:lnTo>
                    <a:pt x="199" y="1861"/>
                  </a:lnTo>
                  <a:lnTo>
                    <a:pt x="194" y="1856"/>
                  </a:lnTo>
                  <a:lnTo>
                    <a:pt x="199" y="1770"/>
                  </a:lnTo>
                  <a:lnTo>
                    <a:pt x="189" y="1750"/>
                  </a:lnTo>
                  <a:lnTo>
                    <a:pt x="230" y="1719"/>
                  </a:lnTo>
                  <a:lnTo>
                    <a:pt x="256" y="1714"/>
                  </a:lnTo>
                  <a:lnTo>
                    <a:pt x="225" y="1719"/>
                  </a:lnTo>
                  <a:lnTo>
                    <a:pt x="189" y="1739"/>
                  </a:lnTo>
                  <a:lnTo>
                    <a:pt x="184" y="1724"/>
                  </a:lnTo>
                  <a:lnTo>
                    <a:pt x="169" y="1724"/>
                  </a:lnTo>
                  <a:lnTo>
                    <a:pt x="179" y="1683"/>
                  </a:lnTo>
                  <a:lnTo>
                    <a:pt x="169" y="1683"/>
                  </a:lnTo>
                  <a:lnTo>
                    <a:pt x="169" y="1673"/>
                  </a:lnTo>
                  <a:lnTo>
                    <a:pt x="235" y="1627"/>
                  </a:lnTo>
                  <a:lnTo>
                    <a:pt x="245" y="1627"/>
                  </a:lnTo>
                  <a:lnTo>
                    <a:pt x="266" y="1607"/>
                  </a:lnTo>
                  <a:lnTo>
                    <a:pt x="184" y="1663"/>
                  </a:lnTo>
                  <a:lnTo>
                    <a:pt x="158" y="1663"/>
                  </a:lnTo>
                  <a:lnTo>
                    <a:pt x="174" y="1617"/>
                  </a:lnTo>
                  <a:lnTo>
                    <a:pt x="194" y="1602"/>
                  </a:lnTo>
                  <a:lnTo>
                    <a:pt x="220" y="1602"/>
                  </a:lnTo>
                  <a:lnTo>
                    <a:pt x="179" y="1592"/>
                  </a:lnTo>
                  <a:lnTo>
                    <a:pt x="169" y="1566"/>
                  </a:lnTo>
                  <a:lnTo>
                    <a:pt x="179" y="1541"/>
                  </a:lnTo>
                  <a:lnTo>
                    <a:pt x="225" y="1516"/>
                  </a:lnTo>
                  <a:lnTo>
                    <a:pt x="296" y="1551"/>
                  </a:lnTo>
                  <a:lnTo>
                    <a:pt x="276" y="1531"/>
                  </a:lnTo>
                  <a:lnTo>
                    <a:pt x="291" y="1526"/>
                  </a:lnTo>
                  <a:lnTo>
                    <a:pt x="286" y="1521"/>
                  </a:lnTo>
                  <a:lnTo>
                    <a:pt x="256" y="1526"/>
                  </a:lnTo>
                  <a:lnTo>
                    <a:pt x="235" y="1510"/>
                  </a:lnTo>
                  <a:lnTo>
                    <a:pt x="194" y="1531"/>
                  </a:lnTo>
                  <a:lnTo>
                    <a:pt x="179" y="1531"/>
                  </a:lnTo>
                  <a:lnTo>
                    <a:pt x="215" y="1470"/>
                  </a:lnTo>
                  <a:lnTo>
                    <a:pt x="261" y="1495"/>
                  </a:lnTo>
                  <a:lnTo>
                    <a:pt x="281" y="1480"/>
                  </a:lnTo>
                  <a:lnTo>
                    <a:pt x="286" y="1460"/>
                  </a:lnTo>
                  <a:lnTo>
                    <a:pt x="276" y="1460"/>
                  </a:lnTo>
                  <a:lnTo>
                    <a:pt x="271" y="1475"/>
                  </a:lnTo>
                  <a:lnTo>
                    <a:pt x="240" y="1475"/>
                  </a:lnTo>
                  <a:lnTo>
                    <a:pt x="210" y="1455"/>
                  </a:lnTo>
                  <a:lnTo>
                    <a:pt x="240" y="1424"/>
                  </a:lnTo>
                  <a:lnTo>
                    <a:pt x="276" y="1449"/>
                  </a:lnTo>
                  <a:lnTo>
                    <a:pt x="302" y="1439"/>
                  </a:lnTo>
                  <a:lnTo>
                    <a:pt x="307" y="1424"/>
                  </a:lnTo>
                  <a:lnTo>
                    <a:pt x="291" y="1429"/>
                  </a:lnTo>
                  <a:lnTo>
                    <a:pt x="302" y="1394"/>
                  </a:lnTo>
                  <a:lnTo>
                    <a:pt x="327" y="1394"/>
                  </a:lnTo>
                  <a:lnTo>
                    <a:pt x="322" y="1383"/>
                  </a:lnTo>
                  <a:lnTo>
                    <a:pt x="312" y="1388"/>
                  </a:lnTo>
                  <a:lnTo>
                    <a:pt x="302" y="1383"/>
                  </a:lnTo>
                  <a:lnTo>
                    <a:pt x="317" y="1343"/>
                  </a:lnTo>
                  <a:lnTo>
                    <a:pt x="337" y="1332"/>
                  </a:lnTo>
                  <a:lnTo>
                    <a:pt x="332" y="1317"/>
                  </a:lnTo>
                  <a:lnTo>
                    <a:pt x="342" y="1312"/>
                  </a:lnTo>
                  <a:lnTo>
                    <a:pt x="337" y="1307"/>
                  </a:lnTo>
                  <a:lnTo>
                    <a:pt x="322" y="1312"/>
                  </a:lnTo>
                  <a:lnTo>
                    <a:pt x="312" y="1302"/>
                  </a:lnTo>
                  <a:lnTo>
                    <a:pt x="296" y="1307"/>
                  </a:lnTo>
                  <a:lnTo>
                    <a:pt x="276" y="1297"/>
                  </a:lnTo>
                  <a:lnTo>
                    <a:pt x="245" y="1261"/>
                  </a:lnTo>
                  <a:lnTo>
                    <a:pt x="220" y="1246"/>
                  </a:lnTo>
                  <a:lnTo>
                    <a:pt x="215" y="1221"/>
                  </a:lnTo>
                  <a:lnTo>
                    <a:pt x="230" y="1210"/>
                  </a:lnTo>
                  <a:lnTo>
                    <a:pt x="250" y="1226"/>
                  </a:lnTo>
                  <a:lnTo>
                    <a:pt x="271" y="1226"/>
                  </a:lnTo>
                  <a:lnTo>
                    <a:pt x="307" y="1266"/>
                  </a:lnTo>
                  <a:lnTo>
                    <a:pt x="327" y="1277"/>
                  </a:lnTo>
                  <a:lnTo>
                    <a:pt x="332" y="1266"/>
                  </a:lnTo>
                  <a:lnTo>
                    <a:pt x="317" y="1256"/>
                  </a:lnTo>
                  <a:lnTo>
                    <a:pt x="322" y="1226"/>
                  </a:lnTo>
                  <a:lnTo>
                    <a:pt x="307" y="1210"/>
                  </a:lnTo>
                  <a:lnTo>
                    <a:pt x="322" y="1216"/>
                  </a:lnTo>
                  <a:lnTo>
                    <a:pt x="332" y="1210"/>
                  </a:lnTo>
                  <a:lnTo>
                    <a:pt x="286" y="1185"/>
                  </a:lnTo>
                  <a:lnTo>
                    <a:pt x="271" y="1185"/>
                  </a:lnTo>
                  <a:lnTo>
                    <a:pt x="271" y="1170"/>
                  </a:lnTo>
                  <a:lnTo>
                    <a:pt x="286" y="1154"/>
                  </a:lnTo>
                  <a:lnTo>
                    <a:pt x="317" y="1144"/>
                  </a:lnTo>
                  <a:lnTo>
                    <a:pt x="291" y="1139"/>
                  </a:lnTo>
                  <a:lnTo>
                    <a:pt x="271" y="1149"/>
                  </a:lnTo>
                  <a:lnTo>
                    <a:pt x="266" y="1144"/>
                  </a:lnTo>
                  <a:lnTo>
                    <a:pt x="276" y="1129"/>
                  </a:lnTo>
                  <a:lnTo>
                    <a:pt x="266" y="1088"/>
                  </a:lnTo>
                  <a:lnTo>
                    <a:pt x="271" y="1068"/>
                  </a:lnTo>
                  <a:lnTo>
                    <a:pt x="266" y="1068"/>
                  </a:lnTo>
                  <a:lnTo>
                    <a:pt x="271" y="1119"/>
                  </a:lnTo>
                  <a:lnTo>
                    <a:pt x="250" y="1134"/>
                  </a:lnTo>
                  <a:lnTo>
                    <a:pt x="250" y="1149"/>
                  </a:lnTo>
                  <a:lnTo>
                    <a:pt x="225" y="1160"/>
                  </a:lnTo>
                  <a:lnTo>
                    <a:pt x="199" y="1144"/>
                  </a:lnTo>
                  <a:lnTo>
                    <a:pt x="199" y="1114"/>
                  </a:lnTo>
                  <a:lnTo>
                    <a:pt x="240" y="1063"/>
                  </a:lnTo>
                  <a:lnTo>
                    <a:pt x="235" y="1058"/>
                  </a:lnTo>
                  <a:lnTo>
                    <a:pt x="220" y="1073"/>
                  </a:lnTo>
                  <a:lnTo>
                    <a:pt x="210" y="1068"/>
                  </a:lnTo>
                  <a:lnTo>
                    <a:pt x="225" y="1058"/>
                  </a:lnTo>
                  <a:lnTo>
                    <a:pt x="220" y="1048"/>
                  </a:lnTo>
                  <a:lnTo>
                    <a:pt x="225" y="1043"/>
                  </a:lnTo>
                  <a:lnTo>
                    <a:pt x="235" y="1048"/>
                  </a:lnTo>
                  <a:lnTo>
                    <a:pt x="250" y="1027"/>
                  </a:lnTo>
                  <a:lnTo>
                    <a:pt x="250" y="1002"/>
                  </a:lnTo>
                  <a:lnTo>
                    <a:pt x="230" y="997"/>
                  </a:lnTo>
                  <a:lnTo>
                    <a:pt x="230" y="987"/>
                  </a:lnTo>
                  <a:lnTo>
                    <a:pt x="245" y="971"/>
                  </a:lnTo>
                  <a:lnTo>
                    <a:pt x="245" y="951"/>
                  </a:lnTo>
                  <a:lnTo>
                    <a:pt x="235" y="956"/>
                  </a:lnTo>
                  <a:lnTo>
                    <a:pt x="230" y="941"/>
                  </a:lnTo>
                  <a:lnTo>
                    <a:pt x="240" y="921"/>
                  </a:lnTo>
                  <a:lnTo>
                    <a:pt x="240" y="885"/>
                  </a:lnTo>
                  <a:lnTo>
                    <a:pt x="215" y="880"/>
                  </a:lnTo>
                  <a:lnTo>
                    <a:pt x="230" y="875"/>
                  </a:lnTo>
                  <a:lnTo>
                    <a:pt x="235" y="849"/>
                  </a:lnTo>
                  <a:lnTo>
                    <a:pt x="245" y="849"/>
                  </a:lnTo>
                  <a:lnTo>
                    <a:pt x="210" y="753"/>
                  </a:lnTo>
                  <a:lnTo>
                    <a:pt x="225" y="743"/>
                  </a:lnTo>
                  <a:lnTo>
                    <a:pt x="220" y="717"/>
                  </a:lnTo>
                  <a:lnTo>
                    <a:pt x="210" y="712"/>
                  </a:lnTo>
                  <a:lnTo>
                    <a:pt x="194" y="682"/>
                  </a:lnTo>
                  <a:lnTo>
                    <a:pt x="133" y="626"/>
                  </a:lnTo>
                  <a:lnTo>
                    <a:pt x="118" y="636"/>
                  </a:lnTo>
                  <a:lnTo>
                    <a:pt x="112" y="621"/>
                  </a:lnTo>
                  <a:lnTo>
                    <a:pt x="82" y="631"/>
                  </a:lnTo>
                  <a:lnTo>
                    <a:pt x="77" y="615"/>
                  </a:lnTo>
                  <a:lnTo>
                    <a:pt x="56" y="621"/>
                  </a:lnTo>
                  <a:lnTo>
                    <a:pt x="46" y="610"/>
                  </a:lnTo>
                  <a:lnTo>
                    <a:pt x="46" y="631"/>
                  </a:lnTo>
                  <a:lnTo>
                    <a:pt x="20" y="610"/>
                  </a:lnTo>
                  <a:lnTo>
                    <a:pt x="5" y="570"/>
                  </a:lnTo>
                  <a:lnTo>
                    <a:pt x="46" y="559"/>
                  </a:lnTo>
                  <a:lnTo>
                    <a:pt x="15" y="534"/>
                  </a:lnTo>
                  <a:lnTo>
                    <a:pt x="26" y="514"/>
                  </a:lnTo>
                  <a:lnTo>
                    <a:pt x="5" y="524"/>
                  </a:lnTo>
                  <a:lnTo>
                    <a:pt x="0" y="519"/>
                  </a:lnTo>
                  <a:lnTo>
                    <a:pt x="5" y="509"/>
                  </a:lnTo>
                  <a:lnTo>
                    <a:pt x="0" y="498"/>
                  </a:lnTo>
                  <a:lnTo>
                    <a:pt x="5" y="488"/>
                  </a:lnTo>
                  <a:lnTo>
                    <a:pt x="41" y="493"/>
                  </a:lnTo>
                  <a:lnTo>
                    <a:pt x="51" y="504"/>
                  </a:lnTo>
                  <a:lnTo>
                    <a:pt x="61" y="493"/>
                  </a:lnTo>
                  <a:lnTo>
                    <a:pt x="77" y="493"/>
                  </a:lnTo>
                  <a:lnTo>
                    <a:pt x="97" y="504"/>
                  </a:lnTo>
                  <a:lnTo>
                    <a:pt x="107" y="519"/>
                  </a:lnTo>
                  <a:lnTo>
                    <a:pt x="118" y="498"/>
                  </a:lnTo>
                  <a:lnTo>
                    <a:pt x="112" y="478"/>
                  </a:lnTo>
                  <a:lnTo>
                    <a:pt x="82" y="483"/>
                  </a:lnTo>
                  <a:lnTo>
                    <a:pt x="77" y="468"/>
                  </a:lnTo>
                  <a:lnTo>
                    <a:pt x="56" y="478"/>
                  </a:lnTo>
                  <a:lnTo>
                    <a:pt x="41" y="443"/>
                  </a:lnTo>
                  <a:lnTo>
                    <a:pt x="56" y="437"/>
                  </a:lnTo>
                  <a:lnTo>
                    <a:pt x="51" y="432"/>
                  </a:lnTo>
                  <a:lnTo>
                    <a:pt x="46" y="437"/>
                  </a:lnTo>
                  <a:lnTo>
                    <a:pt x="26" y="412"/>
                  </a:lnTo>
                  <a:lnTo>
                    <a:pt x="26" y="381"/>
                  </a:lnTo>
                  <a:lnTo>
                    <a:pt x="46" y="356"/>
                  </a:lnTo>
                  <a:lnTo>
                    <a:pt x="82" y="361"/>
                  </a:lnTo>
                  <a:lnTo>
                    <a:pt x="123" y="356"/>
                  </a:lnTo>
                  <a:lnTo>
                    <a:pt x="128" y="346"/>
                  </a:lnTo>
                  <a:lnTo>
                    <a:pt x="164" y="346"/>
                  </a:lnTo>
                  <a:lnTo>
                    <a:pt x="189" y="356"/>
                  </a:lnTo>
                  <a:lnTo>
                    <a:pt x="210" y="336"/>
                  </a:lnTo>
                  <a:lnTo>
                    <a:pt x="235" y="285"/>
                  </a:lnTo>
                  <a:lnTo>
                    <a:pt x="250" y="280"/>
                  </a:lnTo>
                  <a:lnTo>
                    <a:pt x="245" y="275"/>
                  </a:lnTo>
                  <a:lnTo>
                    <a:pt x="220" y="280"/>
                  </a:lnTo>
                  <a:lnTo>
                    <a:pt x="204" y="265"/>
                  </a:lnTo>
                  <a:lnTo>
                    <a:pt x="210" y="244"/>
                  </a:lnTo>
                  <a:lnTo>
                    <a:pt x="276" y="198"/>
                  </a:lnTo>
                  <a:lnTo>
                    <a:pt x="291" y="198"/>
                  </a:lnTo>
                  <a:lnTo>
                    <a:pt x="296" y="219"/>
                  </a:lnTo>
                  <a:lnTo>
                    <a:pt x="307" y="188"/>
                  </a:lnTo>
                  <a:lnTo>
                    <a:pt x="327" y="204"/>
                  </a:lnTo>
                  <a:lnTo>
                    <a:pt x="358" y="137"/>
                  </a:lnTo>
                  <a:lnTo>
                    <a:pt x="368" y="132"/>
                  </a:lnTo>
                  <a:lnTo>
                    <a:pt x="383" y="148"/>
                  </a:lnTo>
                  <a:lnTo>
                    <a:pt x="383" y="163"/>
                  </a:lnTo>
                  <a:lnTo>
                    <a:pt x="404" y="204"/>
                  </a:lnTo>
                  <a:lnTo>
                    <a:pt x="383" y="132"/>
                  </a:lnTo>
                  <a:lnTo>
                    <a:pt x="409" y="122"/>
                  </a:lnTo>
                  <a:lnTo>
                    <a:pt x="440" y="122"/>
                  </a:lnTo>
                  <a:lnTo>
                    <a:pt x="450" y="112"/>
                  </a:lnTo>
                  <a:lnTo>
                    <a:pt x="460" y="122"/>
                  </a:lnTo>
                  <a:lnTo>
                    <a:pt x="450" y="183"/>
                  </a:lnTo>
                  <a:lnTo>
                    <a:pt x="465" y="163"/>
                  </a:lnTo>
                  <a:lnTo>
                    <a:pt x="470" y="122"/>
                  </a:lnTo>
                  <a:lnTo>
                    <a:pt x="491" y="153"/>
                  </a:lnTo>
                  <a:lnTo>
                    <a:pt x="491" y="168"/>
                  </a:lnTo>
                  <a:lnTo>
                    <a:pt x="511" y="168"/>
                  </a:lnTo>
                  <a:lnTo>
                    <a:pt x="501" y="148"/>
                  </a:lnTo>
                  <a:lnTo>
                    <a:pt x="501" y="112"/>
                  </a:lnTo>
                  <a:lnTo>
                    <a:pt x="511" y="112"/>
                  </a:lnTo>
                  <a:lnTo>
                    <a:pt x="578" y="183"/>
                  </a:lnTo>
                  <a:lnTo>
                    <a:pt x="578" y="153"/>
                  </a:lnTo>
                  <a:lnTo>
                    <a:pt x="588" y="127"/>
                  </a:lnTo>
                  <a:lnTo>
                    <a:pt x="572" y="92"/>
                  </a:lnTo>
                  <a:lnTo>
                    <a:pt x="578" y="87"/>
                  </a:lnTo>
                  <a:lnTo>
                    <a:pt x="608" y="92"/>
                  </a:lnTo>
                  <a:lnTo>
                    <a:pt x="619" y="102"/>
                  </a:lnTo>
                  <a:lnTo>
                    <a:pt x="624" y="92"/>
                  </a:lnTo>
                  <a:lnTo>
                    <a:pt x="562" y="81"/>
                  </a:lnTo>
                  <a:lnTo>
                    <a:pt x="567" y="61"/>
                  </a:lnTo>
                  <a:lnTo>
                    <a:pt x="572" y="66"/>
                  </a:lnTo>
                  <a:lnTo>
                    <a:pt x="603" y="46"/>
                  </a:lnTo>
                  <a:lnTo>
                    <a:pt x="613" y="46"/>
                  </a:lnTo>
                  <a:lnTo>
                    <a:pt x="624" y="61"/>
                  </a:lnTo>
                  <a:lnTo>
                    <a:pt x="634" y="36"/>
                  </a:lnTo>
                  <a:lnTo>
                    <a:pt x="659" y="66"/>
                  </a:lnTo>
                  <a:lnTo>
                    <a:pt x="665" y="51"/>
                  </a:lnTo>
                  <a:lnTo>
                    <a:pt x="654" y="46"/>
                  </a:lnTo>
                  <a:lnTo>
                    <a:pt x="649" y="31"/>
                  </a:lnTo>
                  <a:lnTo>
                    <a:pt x="659" y="31"/>
                  </a:lnTo>
                  <a:lnTo>
                    <a:pt x="659" y="20"/>
                  </a:lnTo>
                  <a:lnTo>
                    <a:pt x="746" y="0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3932404" y="2416629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6480389" y="5063749"/>
            <a:ext cx="219076" cy="322263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6310916" y="5476178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006EB6"/>
                </a:solidFill>
              </a:rPr>
              <a:t>Faroe </a:t>
            </a:r>
            <a:br>
              <a:rPr lang="en-GB" sz="900" b="1" dirty="0">
                <a:solidFill>
                  <a:srgbClr val="006EB6"/>
                </a:solidFill>
              </a:rPr>
            </a:br>
            <a:r>
              <a:rPr lang="en-GB" sz="900" b="1" dirty="0">
                <a:solidFill>
                  <a:srgbClr val="006EB6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9732683" y="466515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006EB6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344241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5869970" y="594201"/>
            <a:ext cx="5439342" cy="5600739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2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1565954" y="3938138"/>
            <a:ext cx="2076589" cy="117420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6951757" y="6300514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9395451" y="1490970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7923002" y="4135144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6835114" y="4395685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2541418" y="4563309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noFill/>
            </a:endParaRPr>
          </a:p>
        </p:txBody>
      </p:sp>
      <p:grpSp>
        <p:nvGrpSpPr>
          <p:cNvPr id="23" name="Greenland"/>
          <p:cNvGrpSpPr/>
          <p:nvPr/>
        </p:nvGrpSpPr>
        <p:grpSpPr>
          <a:xfrm>
            <a:off x="-585190" y="-350005"/>
            <a:ext cx="3236080" cy="4498713"/>
            <a:chOff x="-585190" y="-350005"/>
            <a:chExt cx="3236080" cy="4498713"/>
          </a:xfrm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solidFill>
              <a:schemeClr val="accent3"/>
            </a:solidFill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983302" y="2023002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4222342" y="5112343"/>
            <a:ext cx="453102" cy="666518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4501296" y="527313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006EB6"/>
                </a:solidFill>
              </a:rPr>
              <a:t>Faroe </a:t>
            </a:r>
            <a:br>
              <a:rPr lang="en-GB" sz="900" b="1" dirty="0">
                <a:solidFill>
                  <a:srgbClr val="006EB6"/>
                </a:solidFill>
              </a:rPr>
            </a:br>
            <a:r>
              <a:rPr lang="en-GB" sz="900" b="1" dirty="0">
                <a:solidFill>
                  <a:srgbClr val="006EB6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8775837" y="388259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006EB6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277302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eece"/>
          <p:cNvGrpSpPr/>
          <p:nvPr/>
        </p:nvGrpSpPr>
        <p:grpSpPr>
          <a:xfrm>
            <a:off x="10557401" y="5599113"/>
            <a:ext cx="1063625" cy="1130300"/>
            <a:chOff x="10578421" y="5599113"/>
            <a:chExt cx="1063625" cy="1130300"/>
          </a:xfrm>
          <a:solidFill>
            <a:schemeClr val="accent3"/>
          </a:solidFill>
        </p:grpSpPr>
        <p:sp>
          <p:nvSpPr>
            <p:cNvPr id="8" name="Freeform 54"/>
            <p:cNvSpPr>
              <a:spLocks/>
            </p:cNvSpPr>
            <p:nvPr/>
          </p:nvSpPr>
          <p:spPr bwMode="auto">
            <a:xfrm>
              <a:off x="10578421" y="5599113"/>
              <a:ext cx="1063625" cy="863600"/>
            </a:xfrm>
            <a:custGeom>
              <a:avLst/>
              <a:gdLst>
                <a:gd name="T0" fmla="*/ 348 w 371"/>
                <a:gd name="T1" fmla="*/ 82 h 301"/>
                <a:gd name="T2" fmla="*/ 328 w 371"/>
                <a:gd name="T3" fmla="*/ 66 h 301"/>
                <a:gd name="T4" fmla="*/ 287 w 371"/>
                <a:gd name="T5" fmla="*/ 66 h 301"/>
                <a:gd name="T6" fmla="*/ 246 w 371"/>
                <a:gd name="T7" fmla="*/ 74 h 301"/>
                <a:gd name="T8" fmla="*/ 214 w 371"/>
                <a:gd name="T9" fmla="*/ 94 h 301"/>
                <a:gd name="T10" fmla="*/ 221 w 371"/>
                <a:gd name="T11" fmla="*/ 122 h 301"/>
                <a:gd name="T12" fmla="*/ 209 w 371"/>
                <a:gd name="T13" fmla="*/ 133 h 301"/>
                <a:gd name="T14" fmla="*/ 188 w 371"/>
                <a:gd name="T15" fmla="*/ 138 h 301"/>
                <a:gd name="T16" fmla="*/ 158 w 371"/>
                <a:gd name="T17" fmla="*/ 122 h 301"/>
                <a:gd name="T18" fmla="*/ 146 w 371"/>
                <a:gd name="T19" fmla="*/ 122 h 301"/>
                <a:gd name="T20" fmla="*/ 146 w 371"/>
                <a:gd name="T21" fmla="*/ 149 h 301"/>
                <a:gd name="T22" fmla="*/ 178 w 371"/>
                <a:gd name="T23" fmla="*/ 193 h 301"/>
                <a:gd name="T24" fmla="*/ 225 w 371"/>
                <a:gd name="T25" fmla="*/ 214 h 301"/>
                <a:gd name="T26" fmla="*/ 259 w 371"/>
                <a:gd name="T27" fmla="*/ 224 h 301"/>
                <a:gd name="T28" fmla="*/ 271 w 371"/>
                <a:gd name="T29" fmla="*/ 245 h 301"/>
                <a:gd name="T30" fmla="*/ 295 w 371"/>
                <a:gd name="T31" fmla="*/ 261 h 301"/>
                <a:gd name="T32" fmla="*/ 263 w 371"/>
                <a:gd name="T33" fmla="*/ 249 h 301"/>
                <a:gd name="T34" fmla="*/ 234 w 371"/>
                <a:gd name="T35" fmla="*/ 243 h 301"/>
                <a:gd name="T36" fmla="*/ 197 w 371"/>
                <a:gd name="T37" fmla="*/ 219 h 301"/>
                <a:gd name="T38" fmla="*/ 187 w 371"/>
                <a:gd name="T39" fmla="*/ 239 h 301"/>
                <a:gd name="T40" fmla="*/ 209 w 371"/>
                <a:gd name="T41" fmla="*/ 238 h 301"/>
                <a:gd name="T42" fmla="*/ 226 w 371"/>
                <a:gd name="T43" fmla="*/ 249 h 301"/>
                <a:gd name="T44" fmla="*/ 256 w 371"/>
                <a:gd name="T45" fmla="*/ 258 h 301"/>
                <a:gd name="T46" fmla="*/ 267 w 371"/>
                <a:gd name="T47" fmla="*/ 291 h 301"/>
                <a:gd name="T48" fmla="*/ 237 w 371"/>
                <a:gd name="T49" fmla="*/ 283 h 301"/>
                <a:gd name="T50" fmla="*/ 209 w 371"/>
                <a:gd name="T51" fmla="*/ 289 h 301"/>
                <a:gd name="T52" fmla="*/ 201 w 371"/>
                <a:gd name="T53" fmla="*/ 294 h 301"/>
                <a:gd name="T54" fmla="*/ 208 w 371"/>
                <a:gd name="T55" fmla="*/ 278 h 301"/>
                <a:gd name="T56" fmla="*/ 184 w 371"/>
                <a:gd name="T57" fmla="*/ 271 h 301"/>
                <a:gd name="T58" fmla="*/ 160 w 371"/>
                <a:gd name="T59" fmla="*/ 269 h 301"/>
                <a:gd name="T60" fmla="*/ 115 w 371"/>
                <a:gd name="T61" fmla="*/ 275 h 301"/>
                <a:gd name="T62" fmla="*/ 83 w 371"/>
                <a:gd name="T63" fmla="*/ 280 h 301"/>
                <a:gd name="T64" fmla="*/ 63 w 371"/>
                <a:gd name="T65" fmla="*/ 252 h 301"/>
                <a:gd name="T66" fmla="*/ 55 w 371"/>
                <a:gd name="T67" fmla="*/ 237 h 301"/>
                <a:gd name="T68" fmla="*/ 18 w 371"/>
                <a:gd name="T69" fmla="*/ 201 h 301"/>
                <a:gd name="T70" fmla="*/ 6 w 371"/>
                <a:gd name="T71" fmla="*/ 195 h 301"/>
                <a:gd name="T72" fmla="*/ 14 w 371"/>
                <a:gd name="T73" fmla="*/ 171 h 301"/>
                <a:gd name="T74" fmla="*/ 35 w 371"/>
                <a:gd name="T75" fmla="*/ 122 h 301"/>
                <a:gd name="T76" fmla="*/ 56 w 371"/>
                <a:gd name="T77" fmla="*/ 105 h 301"/>
                <a:gd name="T78" fmla="*/ 92 w 371"/>
                <a:gd name="T79" fmla="*/ 81 h 301"/>
                <a:gd name="T80" fmla="*/ 119 w 371"/>
                <a:gd name="T81" fmla="*/ 66 h 301"/>
                <a:gd name="T82" fmla="*/ 241 w 371"/>
                <a:gd name="T83" fmla="*/ 32 h 301"/>
                <a:gd name="T84" fmla="*/ 269 w 371"/>
                <a:gd name="T85" fmla="*/ 37 h 301"/>
                <a:gd name="T86" fmla="*/ 333 w 371"/>
                <a:gd name="T87" fmla="*/ 32 h 301"/>
                <a:gd name="T88" fmla="*/ 339 w 371"/>
                <a:gd name="T89" fmla="*/ 0 h 301"/>
                <a:gd name="T90" fmla="*/ 350 w 371"/>
                <a:gd name="T91" fmla="*/ 32 h 301"/>
                <a:gd name="T92" fmla="*/ 366 w 371"/>
                <a:gd name="T93" fmla="*/ 76 h 3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71" h="301">
                  <a:moveTo>
                    <a:pt x="366" y="76"/>
                  </a:moveTo>
                  <a:cubicBezTo>
                    <a:pt x="348" y="82"/>
                    <a:pt x="348" y="82"/>
                    <a:pt x="348" y="82"/>
                  </a:cubicBezTo>
                  <a:cubicBezTo>
                    <a:pt x="339" y="72"/>
                    <a:pt x="339" y="72"/>
                    <a:pt x="339" y="72"/>
                  </a:cubicBezTo>
                  <a:cubicBezTo>
                    <a:pt x="328" y="66"/>
                    <a:pt x="328" y="66"/>
                    <a:pt x="328" y="66"/>
                  </a:cubicBezTo>
                  <a:cubicBezTo>
                    <a:pt x="309" y="72"/>
                    <a:pt x="309" y="72"/>
                    <a:pt x="309" y="72"/>
                  </a:cubicBezTo>
                  <a:cubicBezTo>
                    <a:pt x="287" y="66"/>
                    <a:pt x="287" y="66"/>
                    <a:pt x="287" y="66"/>
                  </a:cubicBezTo>
                  <a:cubicBezTo>
                    <a:pt x="263" y="82"/>
                    <a:pt x="263" y="82"/>
                    <a:pt x="263" y="82"/>
                  </a:cubicBezTo>
                  <a:cubicBezTo>
                    <a:pt x="246" y="74"/>
                    <a:pt x="246" y="74"/>
                    <a:pt x="246" y="74"/>
                  </a:cubicBezTo>
                  <a:cubicBezTo>
                    <a:pt x="232" y="91"/>
                    <a:pt x="232" y="91"/>
                    <a:pt x="232" y="91"/>
                  </a:cubicBezTo>
                  <a:cubicBezTo>
                    <a:pt x="214" y="94"/>
                    <a:pt x="214" y="94"/>
                    <a:pt x="214" y="94"/>
                  </a:cubicBezTo>
                  <a:cubicBezTo>
                    <a:pt x="214" y="109"/>
                    <a:pt x="214" y="109"/>
                    <a:pt x="214" y="109"/>
                  </a:cubicBezTo>
                  <a:cubicBezTo>
                    <a:pt x="221" y="122"/>
                    <a:pt x="221" y="122"/>
                    <a:pt x="221" y="122"/>
                  </a:cubicBezTo>
                  <a:cubicBezTo>
                    <a:pt x="212" y="122"/>
                    <a:pt x="212" y="122"/>
                    <a:pt x="212" y="122"/>
                  </a:cubicBezTo>
                  <a:cubicBezTo>
                    <a:pt x="209" y="133"/>
                    <a:pt x="209" y="133"/>
                    <a:pt x="209" y="133"/>
                  </a:cubicBezTo>
                  <a:cubicBezTo>
                    <a:pt x="199" y="133"/>
                    <a:pt x="199" y="133"/>
                    <a:pt x="199" y="133"/>
                  </a:cubicBezTo>
                  <a:cubicBezTo>
                    <a:pt x="188" y="138"/>
                    <a:pt x="188" y="138"/>
                    <a:pt x="188" y="138"/>
                  </a:cubicBezTo>
                  <a:cubicBezTo>
                    <a:pt x="167" y="128"/>
                    <a:pt x="167" y="128"/>
                    <a:pt x="167" y="128"/>
                  </a:cubicBezTo>
                  <a:cubicBezTo>
                    <a:pt x="158" y="122"/>
                    <a:pt x="158" y="122"/>
                    <a:pt x="158" y="122"/>
                  </a:cubicBezTo>
                  <a:cubicBezTo>
                    <a:pt x="162" y="112"/>
                    <a:pt x="162" y="112"/>
                    <a:pt x="162" y="112"/>
                  </a:cubicBezTo>
                  <a:cubicBezTo>
                    <a:pt x="146" y="122"/>
                    <a:pt x="146" y="122"/>
                    <a:pt x="146" y="122"/>
                  </a:cubicBezTo>
                  <a:cubicBezTo>
                    <a:pt x="152" y="140"/>
                    <a:pt x="152" y="140"/>
                    <a:pt x="152" y="140"/>
                  </a:cubicBezTo>
                  <a:cubicBezTo>
                    <a:pt x="146" y="149"/>
                    <a:pt x="146" y="149"/>
                    <a:pt x="146" y="149"/>
                  </a:cubicBezTo>
                  <a:cubicBezTo>
                    <a:pt x="173" y="176"/>
                    <a:pt x="173" y="176"/>
                    <a:pt x="173" y="176"/>
                  </a:cubicBezTo>
                  <a:cubicBezTo>
                    <a:pt x="178" y="193"/>
                    <a:pt x="178" y="193"/>
                    <a:pt x="178" y="193"/>
                  </a:cubicBezTo>
                  <a:cubicBezTo>
                    <a:pt x="201" y="204"/>
                    <a:pt x="201" y="204"/>
                    <a:pt x="201" y="204"/>
                  </a:cubicBezTo>
                  <a:cubicBezTo>
                    <a:pt x="225" y="214"/>
                    <a:pt x="225" y="214"/>
                    <a:pt x="225" y="214"/>
                  </a:cubicBezTo>
                  <a:cubicBezTo>
                    <a:pt x="242" y="224"/>
                    <a:pt x="242" y="224"/>
                    <a:pt x="242" y="224"/>
                  </a:cubicBezTo>
                  <a:cubicBezTo>
                    <a:pt x="259" y="224"/>
                    <a:pt x="259" y="224"/>
                    <a:pt x="259" y="224"/>
                  </a:cubicBezTo>
                  <a:cubicBezTo>
                    <a:pt x="269" y="226"/>
                    <a:pt x="269" y="226"/>
                    <a:pt x="269" y="226"/>
                  </a:cubicBezTo>
                  <a:cubicBezTo>
                    <a:pt x="271" y="245"/>
                    <a:pt x="271" y="245"/>
                    <a:pt x="271" y="245"/>
                  </a:cubicBezTo>
                  <a:cubicBezTo>
                    <a:pt x="294" y="250"/>
                    <a:pt x="294" y="250"/>
                    <a:pt x="294" y="250"/>
                  </a:cubicBezTo>
                  <a:cubicBezTo>
                    <a:pt x="295" y="261"/>
                    <a:pt x="295" y="261"/>
                    <a:pt x="295" y="261"/>
                  </a:cubicBezTo>
                  <a:cubicBezTo>
                    <a:pt x="278" y="266"/>
                    <a:pt x="278" y="266"/>
                    <a:pt x="278" y="266"/>
                  </a:cubicBezTo>
                  <a:cubicBezTo>
                    <a:pt x="263" y="249"/>
                    <a:pt x="263" y="249"/>
                    <a:pt x="263" y="249"/>
                  </a:cubicBezTo>
                  <a:cubicBezTo>
                    <a:pt x="259" y="240"/>
                    <a:pt x="259" y="240"/>
                    <a:pt x="259" y="240"/>
                  </a:cubicBezTo>
                  <a:cubicBezTo>
                    <a:pt x="234" y="243"/>
                    <a:pt x="234" y="243"/>
                    <a:pt x="234" y="243"/>
                  </a:cubicBezTo>
                  <a:cubicBezTo>
                    <a:pt x="225" y="231"/>
                    <a:pt x="225" y="231"/>
                    <a:pt x="225" y="231"/>
                  </a:cubicBezTo>
                  <a:cubicBezTo>
                    <a:pt x="197" y="219"/>
                    <a:pt x="197" y="219"/>
                    <a:pt x="197" y="219"/>
                  </a:cubicBezTo>
                  <a:cubicBezTo>
                    <a:pt x="171" y="230"/>
                    <a:pt x="171" y="230"/>
                    <a:pt x="171" y="230"/>
                  </a:cubicBezTo>
                  <a:cubicBezTo>
                    <a:pt x="187" y="239"/>
                    <a:pt x="187" y="239"/>
                    <a:pt x="187" y="239"/>
                  </a:cubicBezTo>
                  <a:cubicBezTo>
                    <a:pt x="203" y="245"/>
                    <a:pt x="203" y="245"/>
                    <a:pt x="203" y="245"/>
                  </a:cubicBezTo>
                  <a:cubicBezTo>
                    <a:pt x="203" y="245"/>
                    <a:pt x="208" y="237"/>
                    <a:pt x="209" y="238"/>
                  </a:cubicBezTo>
                  <a:cubicBezTo>
                    <a:pt x="210" y="240"/>
                    <a:pt x="217" y="247"/>
                    <a:pt x="217" y="247"/>
                  </a:cubicBezTo>
                  <a:cubicBezTo>
                    <a:pt x="226" y="249"/>
                    <a:pt x="226" y="249"/>
                    <a:pt x="226" y="249"/>
                  </a:cubicBezTo>
                  <a:cubicBezTo>
                    <a:pt x="229" y="256"/>
                    <a:pt x="229" y="256"/>
                    <a:pt x="229" y="256"/>
                  </a:cubicBezTo>
                  <a:cubicBezTo>
                    <a:pt x="256" y="258"/>
                    <a:pt x="256" y="258"/>
                    <a:pt x="256" y="258"/>
                  </a:cubicBezTo>
                  <a:cubicBezTo>
                    <a:pt x="256" y="271"/>
                    <a:pt x="256" y="271"/>
                    <a:pt x="256" y="271"/>
                  </a:cubicBezTo>
                  <a:cubicBezTo>
                    <a:pt x="267" y="291"/>
                    <a:pt x="267" y="291"/>
                    <a:pt x="267" y="291"/>
                  </a:cubicBezTo>
                  <a:cubicBezTo>
                    <a:pt x="260" y="301"/>
                    <a:pt x="260" y="301"/>
                    <a:pt x="260" y="301"/>
                  </a:cubicBezTo>
                  <a:cubicBezTo>
                    <a:pt x="237" y="283"/>
                    <a:pt x="237" y="283"/>
                    <a:pt x="237" y="283"/>
                  </a:cubicBezTo>
                  <a:cubicBezTo>
                    <a:pt x="227" y="278"/>
                    <a:pt x="227" y="278"/>
                    <a:pt x="227" y="278"/>
                  </a:cubicBezTo>
                  <a:cubicBezTo>
                    <a:pt x="209" y="289"/>
                    <a:pt x="209" y="289"/>
                    <a:pt x="209" y="289"/>
                  </a:cubicBezTo>
                  <a:cubicBezTo>
                    <a:pt x="201" y="288"/>
                    <a:pt x="201" y="288"/>
                    <a:pt x="201" y="288"/>
                  </a:cubicBezTo>
                  <a:cubicBezTo>
                    <a:pt x="201" y="294"/>
                    <a:pt x="201" y="294"/>
                    <a:pt x="201" y="294"/>
                  </a:cubicBezTo>
                  <a:cubicBezTo>
                    <a:pt x="194" y="279"/>
                    <a:pt x="194" y="279"/>
                    <a:pt x="194" y="279"/>
                  </a:cubicBezTo>
                  <a:cubicBezTo>
                    <a:pt x="208" y="278"/>
                    <a:pt x="208" y="278"/>
                    <a:pt x="208" y="278"/>
                  </a:cubicBezTo>
                  <a:cubicBezTo>
                    <a:pt x="209" y="269"/>
                    <a:pt x="209" y="269"/>
                    <a:pt x="209" y="269"/>
                  </a:cubicBezTo>
                  <a:cubicBezTo>
                    <a:pt x="184" y="271"/>
                    <a:pt x="184" y="271"/>
                    <a:pt x="184" y="271"/>
                  </a:cubicBezTo>
                  <a:cubicBezTo>
                    <a:pt x="173" y="260"/>
                    <a:pt x="173" y="260"/>
                    <a:pt x="173" y="260"/>
                  </a:cubicBezTo>
                  <a:cubicBezTo>
                    <a:pt x="160" y="269"/>
                    <a:pt x="160" y="269"/>
                    <a:pt x="160" y="269"/>
                  </a:cubicBezTo>
                  <a:cubicBezTo>
                    <a:pt x="128" y="266"/>
                    <a:pt x="128" y="266"/>
                    <a:pt x="128" y="266"/>
                  </a:cubicBezTo>
                  <a:cubicBezTo>
                    <a:pt x="115" y="275"/>
                    <a:pt x="115" y="275"/>
                    <a:pt x="115" y="275"/>
                  </a:cubicBezTo>
                  <a:cubicBezTo>
                    <a:pt x="94" y="273"/>
                    <a:pt x="94" y="273"/>
                    <a:pt x="94" y="273"/>
                  </a:cubicBezTo>
                  <a:cubicBezTo>
                    <a:pt x="83" y="280"/>
                    <a:pt x="83" y="280"/>
                    <a:pt x="83" y="280"/>
                  </a:cubicBezTo>
                  <a:cubicBezTo>
                    <a:pt x="76" y="264"/>
                    <a:pt x="76" y="264"/>
                    <a:pt x="76" y="264"/>
                  </a:cubicBezTo>
                  <a:cubicBezTo>
                    <a:pt x="63" y="252"/>
                    <a:pt x="63" y="252"/>
                    <a:pt x="63" y="252"/>
                  </a:cubicBezTo>
                  <a:cubicBezTo>
                    <a:pt x="55" y="247"/>
                    <a:pt x="55" y="247"/>
                    <a:pt x="55" y="247"/>
                  </a:cubicBezTo>
                  <a:cubicBezTo>
                    <a:pt x="55" y="237"/>
                    <a:pt x="55" y="237"/>
                    <a:pt x="55" y="237"/>
                  </a:cubicBezTo>
                  <a:cubicBezTo>
                    <a:pt x="18" y="212"/>
                    <a:pt x="18" y="212"/>
                    <a:pt x="18" y="212"/>
                  </a:cubicBezTo>
                  <a:cubicBezTo>
                    <a:pt x="18" y="201"/>
                    <a:pt x="18" y="201"/>
                    <a:pt x="18" y="201"/>
                  </a:cubicBezTo>
                  <a:cubicBezTo>
                    <a:pt x="0" y="203"/>
                    <a:pt x="0" y="203"/>
                    <a:pt x="0" y="203"/>
                  </a:cubicBezTo>
                  <a:cubicBezTo>
                    <a:pt x="6" y="195"/>
                    <a:pt x="6" y="195"/>
                    <a:pt x="6" y="195"/>
                  </a:cubicBezTo>
                  <a:cubicBezTo>
                    <a:pt x="21" y="187"/>
                    <a:pt x="21" y="187"/>
                    <a:pt x="21" y="187"/>
                  </a:cubicBezTo>
                  <a:cubicBezTo>
                    <a:pt x="14" y="171"/>
                    <a:pt x="14" y="171"/>
                    <a:pt x="14" y="171"/>
                  </a:cubicBezTo>
                  <a:cubicBezTo>
                    <a:pt x="37" y="163"/>
                    <a:pt x="37" y="163"/>
                    <a:pt x="37" y="163"/>
                  </a:cubicBezTo>
                  <a:cubicBezTo>
                    <a:pt x="35" y="122"/>
                    <a:pt x="35" y="122"/>
                    <a:pt x="35" y="122"/>
                  </a:cubicBezTo>
                  <a:cubicBezTo>
                    <a:pt x="45" y="112"/>
                    <a:pt x="45" y="112"/>
                    <a:pt x="45" y="112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92" y="90"/>
                    <a:pt x="92" y="90"/>
                    <a:pt x="92" y="90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108" y="77"/>
                    <a:pt x="108" y="77"/>
                    <a:pt x="108" y="77"/>
                  </a:cubicBezTo>
                  <a:cubicBezTo>
                    <a:pt x="119" y="66"/>
                    <a:pt x="119" y="66"/>
                    <a:pt x="119" y="66"/>
                  </a:cubicBezTo>
                  <a:cubicBezTo>
                    <a:pt x="143" y="66"/>
                    <a:pt x="143" y="66"/>
                    <a:pt x="143" y="66"/>
                  </a:cubicBezTo>
                  <a:cubicBezTo>
                    <a:pt x="241" y="32"/>
                    <a:pt x="241" y="32"/>
                    <a:pt x="241" y="32"/>
                  </a:cubicBezTo>
                  <a:cubicBezTo>
                    <a:pt x="251" y="42"/>
                    <a:pt x="251" y="42"/>
                    <a:pt x="251" y="42"/>
                  </a:cubicBezTo>
                  <a:cubicBezTo>
                    <a:pt x="269" y="37"/>
                    <a:pt x="269" y="37"/>
                    <a:pt x="269" y="37"/>
                  </a:cubicBezTo>
                  <a:cubicBezTo>
                    <a:pt x="287" y="47"/>
                    <a:pt x="287" y="47"/>
                    <a:pt x="287" y="47"/>
                  </a:cubicBezTo>
                  <a:cubicBezTo>
                    <a:pt x="333" y="32"/>
                    <a:pt x="333" y="32"/>
                    <a:pt x="333" y="32"/>
                  </a:cubicBezTo>
                  <a:cubicBezTo>
                    <a:pt x="327" y="10"/>
                    <a:pt x="327" y="10"/>
                    <a:pt x="327" y="10"/>
                  </a:cubicBezTo>
                  <a:cubicBezTo>
                    <a:pt x="339" y="0"/>
                    <a:pt x="339" y="0"/>
                    <a:pt x="339" y="0"/>
                  </a:cubicBezTo>
                  <a:cubicBezTo>
                    <a:pt x="371" y="16"/>
                    <a:pt x="371" y="16"/>
                    <a:pt x="371" y="16"/>
                  </a:cubicBezTo>
                  <a:cubicBezTo>
                    <a:pt x="350" y="32"/>
                    <a:pt x="350" y="32"/>
                    <a:pt x="350" y="32"/>
                  </a:cubicBezTo>
                  <a:cubicBezTo>
                    <a:pt x="342" y="66"/>
                    <a:pt x="342" y="66"/>
                    <a:pt x="342" y="66"/>
                  </a:cubicBezTo>
                  <a:lnTo>
                    <a:pt x="366" y="76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55"/>
            <p:cNvSpPr>
              <a:spLocks/>
            </p:cNvSpPr>
            <p:nvPr/>
          </p:nvSpPr>
          <p:spPr bwMode="auto">
            <a:xfrm>
              <a:off x="10837183" y="6388100"/>
              <a:ext cx="409575" cy="341313"/>
            </a:xfrm>
            <a:custGeom>
              <a:avLst/>
              <a:gdLst>
                <a:gd name="T0" fmla="*/ 103 w 143"/>
                <a:gd name="T1" fmla="*/ 21 h 119"/>
                <a:gd name="T2" fmla="*/ 113 w 143"/>
                <a:gd name="T3" fmla="*/ 21 h 119"/>
                <a:gd name="T4" fmla="*/ 120 w 143"/>
                <a:gd name="T5" fmla="*/ 21 h 119"/>
                <a:gd name="T6" fmla="*/ 126 w 143"/>
                <a:gd name="T7" fmla="*/ 36 h 119"/>
                <a:gd name="T8" fmla="*/ 143 w 143"/>
                <a:gd name="T9" fmla="*/ 36 h 119"/>
                <a:gd name="T10" fmla="*/ 143 w 143"/>
                <a:gd name="T11" fmla="*/ 52 h 119"/>
                <a:gd name="T12" fmla="*/ 123 w 143"/>
                <a:gd name="T13" fmla="*/ 48 h 119"/>
                <a:gd name="T14" fmla="*/ 109 w 143"/>
                <a:gd name="T15" fmla="*/ 42 h 119"/>
                <a:gd name="T16" fmla="*/ 95 w 143"/>
                <a:gd name="T17" fmla="*/ 43 h 119"/>
                <a:gd name="T18" fmla="*/ 104 w 143"/>
                <a:gd name="T19" fmla="*/ 55 h 119"/>
                <a:gd name="T20" fmla="*/ 127 w 143"/>
                <a:gd name="T21" fmla="*/ 80 h 119"/>
                <a:gd name="T22" fmla="*/ 131 w 143"/>
                <a:gd name="T23" fmla="*/ 102 h 119"/>
                <a:gd name="T24" fmla="*/ 116 w 143"/>
                <a:gd name="T25" fmla="*/ 99 h 119"/>
                <a:gd name="T26" fmla="*/ 101 w 143"/>
                <a:gd name="T27" fmla="*/ 93 h 119"/>
                <a:gd name="T28" fmla="*/ 99 w 143"/>
                <a:gd name="T29" fmla="*/ 106 h 119"/>
                <a:gd name="T30" fmla="*/ 100 w 143"/>
                <a:gd name="T31" fmla="*/ 119 h 119"/>
                <a:gd name="T32" fmla="*/ 86 w 143"/>
                <a:gd name="T33" fmla="*/ 119 h 119"/>
                <a:gd name="T34" fmla="*/ 86 w 143"/>
                <a:gd name="T35" fmla="*/ 103 h 119"/>
                <a:gd name="T36" fmla="*/ 73 w 143"/>
                <a:gd name="T37" fmla="*/ 83 h 119"/>
                <a:gd name="T38" fmla="*/ 62 w 143"/>
                <a:gd name="T39" fmla="*/ 84 h 119"/>
                <a:gd name="T40" fmla="*/ 62 w 143"/>
                <a:gd name="T41" fmla="*/ 106 h 119"/>
                <a:gd name="T42" fmla="*/ 48 w 143"/>
                <a:gd name="T43" fmla="*/ 109 h 119"/>
                <a:gd name="T44" fmla="*/ 41 w 143"/>
                <a:gd name="T45" fmla="*/ 93 h 119"/>
                <a:gd name="T46" fmla="*/ 29 w 143"/>
                <a:gd name="T47" fmla="*/ 80 h 119"/>
                <a:gd name="T48" fmla="*/ 38 w 143"/>
                <a:gd name="T49" fmla="*/ 67 h 119"/>
                <a:gd name="T50" fmla="*/ 19 w 143"/>
                <a:gd name="T51" fmla="*/ 46 h 119"/>
                <a:gd name="T52" fmla="*/ 0 w 143"/>
                <a:gd name="T53" fmla="*/ 33 h 119"/>
                <a:gd name="T54" fmla="*/ 12 w 143"/>
                <a:gd name="T55" fmla="*/ 15 h 119"/>
                <a:gd name="T56" fmla="*/ 29 w 143"/>
                <a:gd name="T57" fmla="*/ 8 h 119"/>
                <a:gd name="T58" fmla="*/ 39 w 143"/>
                <a:gd name="T59" fmla="*/ 0 h 119"/>
                <a:gd name="T60" fmla="*/ 74 w 143"/>
                <a:gd name="T61" fmla="*/ 5 h 119"/>
                <a:gd name="T62" fmla="*/ 89 w 143"/>
                <a:gd name="T63" fmla="*/ 6 h 119"/>
                <a:gd name="T64" fmla="*/ 101 w 143"/>
                <a:gd name="T65" fmla="*/ 16 h 119"/>
                <a:gd name="T66" fmla="*/ 103 w 143"/>
                <a:gd name="T67" fmla="*/ 21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43" h="119">
                  <a:moveTo>
                    <a:pt x="103" y="21"/>
                  </a:moveTo>
                  <a:cubicBezTo>
                    <a:pt x="113" y="21"/>
                    <a:pt x="113" y="21"/>
                    <a:pt x="113" y="21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43" y="36"/>
                    <a:pt x="143" y="36"/>
                    <a:pt x="143" y="36"/>
                  </a:cubicBezTo>
                  <a:cubicBezTo>
                    <a:pt x="143" y="52"/>
                    <a:pt x="143" y="52"/>
                    <a:pt x="143" y="52"/>
                  </a:cubicBezTo>
                  <a:cubicBezTo>
                    <a:pt x="123" y="48"/>
                    <a:pt x="123" y="48"/>
                    <a:pt x="123" y="48"/>
                  </a:cubicBezTo>
                  <a:cubicBezTo>
                    <a:pt x="109" y="42"/>
                    <a:pt x="109" y="42"/>
                    <a:pt x="109" y="42"/>
                  </a:cubicBezTo>
                  <a:cubicBezTo>
                    <a:pt x="95" y="43"/>
                    <a:pt x="95" y="43"/>
                    <a:pt x="95" y="43"/>
                  </a:cubicBezTo>
                  <a:cubicBezTo>
                    <a:pt x="104" y="55"/>
                    <a:pt x="104" y="55"/>
                    <a:pt x="104" y="55"/>
                  </a:cubicBezTo>
                  <a:cubicBezTo>
                    <a:pt x="127" y="80"/>
                    <a:pt x="127" y="80"/>
                    <a:pt x="127" y="80"/>
                  </a:cubicBezTo>
                  <a:cubicBezTo>
                    <a:pt x="131" y="102"/>
                    <a:pt x="131" y="102"/>
                    <a:pt x="131" y="102"/>
                  </a:cubicBezTo>
                  <a:cubicBezTo>
                    <a:pt x="116" y="99"/>
                    <a:pt x="116" y="99"/>
                    <a:pt x="116" y="99"/>
                  </a:cubicBezTo>
                  <a:cubicBezTo>
                    <a:pt x="101" y="93"/>
                    <a:pt x="101" y="93"/>
                    <a:pt x="101" y="93"/>
                  </a:cubicBezTo>
                  <a:cubicBezTo>
                    <a:pt x="99" y="106"/>
                    <a:pt x="99" y="106"/>
                    <a:pt x="99" y="106"/>
                  </a:cubicBezTo>
                  <a:cubicBezTo>
                    <a:pt x="99" y="106"/>
                    <a:pt x="102" y="119"/>
                    <a:pt x="100" y="119"/>
                  </a:cubicBezTo>
                  <a:cubicBezTo>
                    <a:pt x="98" y="119"/>
                    <a:pt x="86" y="119"/>
                    <a:pt x="86" y="119"/>
                  </a:cubicBezTo>
                  <a:cubicBezTo>
                    <a:pt x="86" y="103"/>
                    <a:pt x="86" y="103"/>
                    <a:pt x="86" y="103"/>
                  </a:cubicBezTo>
                  <a:cubicBezTo>
                    <a:pt x="73" y="83"/>
                    <a:pt x="73" y="83"/>
                    <a:pt x="73" y="83"/>
                  </a:cubicBezTo>
                  <a:cubicBezTo>
                    <a:pt x="62" y="84"/>
                    <a:pt x="62" y="84"/>
                    <a:pt x="62" y="84"/>
                  </a:cubicBezTo>
                  <a:cubicBezTo>
                    <a:pt x="62" y="106"/>
                    <a:pt x="62" y="106"/>
                    <a:pt x="62" y="106"/>
                  </a:cubicBezTo>
                  <a:cubicBezTo>
                    <a:pt x="62" y="106"/>
                    <a:pt x="49" y="112"/>
                    <a:pt x="48" y="109"/>
                  </a:cubicBezTo>
                  <a:cubicBezTo>
                    <a:pt x="47" y="106"/>
                    <a:pt x="41" y="93"/>
                    <a:pt x="41" y="93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29" y="80"/>
                    <a:pt x="38" y="68"/>
                    <a:pt x="38" y="67"/>
                  </a:cubicBezTo>
                  <a:cubicBezTo>
                    <a:pt x="37" y="65"/>
                    <a:pt x="19" y="46"/>
                    <a:pt x="19" y="4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74" y="5"/>
                    <a:pt x="74" y="5"/>
                    <a:pt x="74" y="5"/>
                  </a:cubicBezTo>
                  <a:cubicBezTo>
                    <a:pt x="89" y="6"/>
                    <a:pt x="89" y="6"/>
                    <a:pt x="89" y="6"/>
                  </a:cubicBezTo>
                  <a:cubicBezTo>
                    <a:pt x="101" y="16"/>
                    <a:pt x="101" y="16"/>
                    <a:pt x="101" y="16"/>
                  </a:cubicBezTo>
                  <a:lnTo>
                    <a:pt x="103" y="21"/>
                  </a:lnTo>
                  <a:close/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0" name="Bulgaria"/>
          <p:cNvSpPr>
            <a:spLocks/>
          </p:cNvSpPr>
          <p:nvPr/>
        </p:nvSpPr>
        <p:spPr bwMode="auto">
          <a:xfrm>
            <a:off x="10827276" y="5108575"/>
            <a:ext cx="971550" cy="679450"/>
          </a:xfrm>
          <a:custGeom>
            <a:avLst/>
            <a:gdLst>
              <a:gd name="T0" fmla="*/ 612 w 612"/>
              <a:gd name="T1" fmla="*/ 72 h 428"/>
              <a:gd name="T2" fmla="*/ 572 w 612"/>
              <a:gd name="T3" fmla="*/ 72 h 428"/>
              <a:gd name="T4" fmla="*/ 560 w 612"/>
              <a:gd name="T5" fmla="*/ 101 h 428"/>
              <a:gd name="T6" fmla="*/ 576 w 612"/>
              <a:gd name="T7" fmla="*/ 157 h 428"/>
              <a:gd name="T8" fmla="*/ 535 w 612"/>
              <a:gd name="T9" fmla="*/ 197 h 428"/>
              <a:gd name="T10" fmla="*/ 565 w 612"/>
              <a:gd name="T11" fmla="*/ 215 h 428"/>
              <a:gd name="T12" fmla="*/ 600 w 612"/>
              <a:gd name="T13" fmla="*/ 238 h 428"/>
              <a:gd name="T14" fmla="*/ 565 w 612"/>
              <a:gd name="T15" fmla="*/ 262 h 428"/>
              <a:gd name="T16" fmla="*/ 535 w 612"/>
              <a:gd name="T17" fmla="*/ 247 h 428"/>
              <a:gd name="T18" fmla="*/ 462 w 612"/>
              <a:gd name="T19" fmla="*/ 276 h 428"/>
              <a:gd name="T20" fmla="*/ 442 w 612"/>
              <a:gd name="T21" fmla="*/ 309 h 428"/>
              <a:gd name="T22" fmla="*/ 421 w 612"/>
              <a:gd name="T23" fmla="*/ 327 h 428"/>
              <a:gd name="T24" fmla="*/ 432 w 612"/>
              <a:gd name="T25" fmla="*/ 367 h 428"/>
              <a:gd name="T26" fmla="*/ 374 w 612"/>
              <a:gd name="T27" fmla="*/ 385 h 428"/>
              <a:gd name="T28" fmla="*/ 348 w 612"/>
              <a:gd name="T29" fmla="*/ 394 h 428"/>
              <a:gd name="T30" fmla="*/ 316 w 612"/>
              <a:gd name="T31" fmla="*/ 376 h 428"/>
              <a:gd name="T32" fmla="*/ 283 w 612"/>
              <a:gd name="T33" fmla="*/ 385 h 428"/>
              <a:gd name="T34" fmla="*/ 265 w 612"/>
              <a:gd name="T35" fmla="*/ 367 h 428"/>
              <a:gd name="T36" fmla="*/ 164 w 612"/>
              <a:gd name="T37" fmla="*/ 406 h 428"/>
              <a:gd name="T38" fmla="*/ 88 w 612"/>
              <a:gd name="T39" fmla="*/ 428 h 428"/>
              <a:gd name="T40" fmla="*/ 105 w 612"/>
              <a:gd name="T41" fmla="*/ 383 h 428"/>
              <a:gd name="T42" fmla="*/ 88 w 612"/>
              <a:gd name="T43" fmla="*/ 339 h 428"/>
              <a:gd name="T44" fmla="*/ 23 w 612"/>
              <a:gd name="T45" fmla="*/ 316 h 428"/>
              <a:gd name="T46" fmla="*/ 41 w 612"/>
              <a:gd name="T47" fmla="*/ 287 h 428"/>
              <a:gd name="T48" fmla="*/ 23 w 612"/>
              <a:gd name="T49" fmla="*/ 251 h 428"/>
              <a:gd name="T50" fmla="*/ 74 w 612"/>
              <a:gd name="T51" fmla="*/ 195 h 428"/>
              <a:gd name="T52" fmla="*/ 0 w 612"/>
              <a:gd name="T53" fmla="*/ 153 h 428"/>
              <a:gd name="T54" fmla="*/ 0 w 612"/>
              <a:gd name="T55" fmla="*/ 106 h 428"/>
              <a:gd name="T56" fmla="*/ 36 w 612"/>
              <a:gd name="T57" fmla="*/ 85 h 428"/>
              <a:gd name="T58" fmla="*/ 40 w 612"/>
              <a:gd name="T59" fmla="*/ 112 h 428"/>
              <a:gd name="T60" fmla="*/ 72 w 612"/>
              <a:gd name="T61" fmla="*/ 123 h 428"/>
              <a:gd name="T62" fmla="*/ 108 w 612"/>
              <a:gd name="T63" fmla="*/ 103 h 428"/>
              <a:gd name="T64" fmla="*/ 188 w 612"/>
              <a:gd name="T65" fmla="*/ 115 h 428"/>
              <a:gd name="T66" fmla="*/ 206 w 612"/>
              <a:gd name="T67" fmla="*/ 99 h 428"/>
              <a:gd name="T68" fmla="*/ 309 w 612"/>
              <a:gd name="T69" fmla="*/ 99 h 428"/>
              <a:gd name="T70" fmla="*/ 354 w 612"/>
              <a:gd name="T71" fmla="*/ 41 h 428"/>
              <a:gd name="T72" fmla="*/ 451 w 612"/>
              <a:gd name="T73" fmla="*/ 0 h 428"/>
              <a:gd name="T74" fmla="*/ 489 w 612"/>
              <a:gd name="T75" fmla="*/ 5 h 428"/>
              <a:gd name="T76" fmla="*/ 520 w 612"/>
              <a:gd name="T77" fmla="*/ 14 h 428"/>
              <a:gd name="T78" fmla="*/ 531 w 612"/>
              <a:gd name="T79" fmla="*/ 5 h 428"/>
              <a:gd name="T80" fmla="*/ 556 w 612"/>
              <a:gd name="T81" fmla="*/ 20 h 428"/>
              <a:gd name="T82" fmla="*/ 607 w 612"/>
              <a:gd name="T83" fmla="*/ 20 h 428"/>
              <a:gd name="T84" fmla="*/ 612 w 612"/>
              <a:gd name="T85" fmla="*/ 72 h 4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612" h="428">
                <a:moveTo>
                  <a:pt x="612" y="72"/>
                </a:moveTo>
                <a:lnTo>
                  <a:pt x="572" y="72"/>
                </a:lnTo>
                <a:lnTo>
                  <a:pt x="560" y="101"/>
                </a:lnTo>
                <a:lnTo>
                  <a:pt x="576" y="157"/>
                </a:lnTo>
                <a:lnTo>
                  <a:pt x="535" y="197"/>
                </a:lnTo>
                <a:lnTo>
                  <a:pt x="565" y="215"/>
                </a:lnTo>
                <a:lnTo>
                  <a:pt x="600" y="238"/>
                </a:lnTo>
                <a:lnTo>
                  <a:pt x="565" y="262"/>
                </a:lnTo>
                <a:lnTo>
                  <a:pt x="535" y="247"/>
                </a:lnTo>
                <a:lnTo>
                  <a:pt x="462" y="276"/>
                </a:lnTo>
                <a:lnTo>
                  <a:pt x="442" y="309"/>
                </a:lnTo>
                <a:lnTo>
                  <a:pt x="421" y="327"/>
                </a:lnTo>
                <a:lnTo>
                  <a:pt x="432" y="367"/>
                </a:lnTo>
                <a:lnTo>
                  <a:pt x="374" y="385"/>
                </a:lnTo>
                <a:lnTo>
                  <a:pt x="348" y="394"/>
                </a:lnTo>
                <a:lnTo>
                  <a:pt x="316" y="376"/>
                </a:lnTo>
                <a:lnTo>
                  <a:pt x="283" y="385"/>
                </a:lnTo>
                <a:lnTo>
                  <a:pt x="265" y="367"/>
                </a:lnTo>
                <a:lnTo>
                  <a:pt x="164" y="406"/>
                </a:lnTo>
                <a:lnTo>
                  <a:pt x="88" y="428"/>
                </a:lnTo>
                <a:lnTo>
                  <a:pt x="105" y="383"/>
                </a:lnTo>
                <a:lnTo>
                  <a:pt x="88" y="339"/>
                </a:lnTo>
                <a:lnTo>
                  <a:pt x="23" y="316"/>
                </a:lnTo>
                <a:lnTo>
                  <a:pt x="41" y="287"/>
                </a:lnTo>
                <a:lnTo>
                  <a:pt x="23" y="251"/>
                </a:lnTo>
                <a:lnTo>
                  <a:pt x="74" y="195"/>
                </a:lnTo>
                <a:lnTo>
                  <a:pt x="0" y="153"/>
                </a:lnTo>
                <a:lnTo>
                  <a:pt x="0" y="106"/>
                </a:lnTo>
                <a:lnTo>
                  <a:pt x="36" y="85"/>
                </a:lnTo>
                <a:lnTo>
                  <a:pt x="40" y="112"/>
                </a:lnTo>
                <a:lnTo>
                  <a:pt x="72" y="123"/>
                </a:lnTo>
                <a:lnTo>
                  <a:pt x="108" y="103"/>
                </a:lnTo>
                <a:lnTo>
                  <a:pt x="188" y="115"/>
                </a:lnTo>
                <a:lnTo>
                  <a:pt x="206" y="99"/>
                </a:lnTo>
                <a:lnTo>
                  <a:pt x="309" y="99"/>
                </a:lnTo>
                <a:lnTo>
                  <a:pt x="354" y="41"/>
                </a:lnTo>
                <a:lnTo>
                  <a:pt x="451" y="0"/>
                </a:lnTo>
                <a:lnTo>
                  <a:pt x="489" y="5"/>
                </a:lnTo>
                <a:lnTo>
                  <a:pt x="520" y="14"/>
                </a:lnTo>
                <a:lnTo>
                  <a:pt x="531" y="5"/>
                </a:lnTo>
                <a:lnTo>
                  <a:pt x="556" y="20"/>
                </a:lnTo>
                <a:lnTo>
                  <a:pt x="607" y="20"/>
                </a:lnTo>
                <a:lnTo>
                  <a:pt x="612" y="7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Macedonia"/>
          <p:cNvSpPr>
            <a:spLocks/>
          </p:cNvSpPr>
          <p:nvPr/>
        </p:nvSpPr>
        <p:spPr bwMode="auto">
          <a:xfrm>
            <a:off x="10574863" y="5589588"/>
            <a:ext cx="419100" cy="330200"/>
          </a:xfrm>
          <a:custGeom>
            <a:avLst/>
            <a:gdLst>
              <a:gd name="T0" fmla="*/ 159 w 264"/>
              <a:gd name="T1" fmla="*/ 0 h 208"/>
              <a:gd name="T2" fmla="*/ 182 w 264"/>
              <a:gd name="T3" fmla="*/ 13 h 208"/>
              <a:gd name="T4" fmla="*/ 247 w 264"/>
              <a:gd name="T5" fmla="*/ 36 h 208"/>
              <a:gd name="T6" fmla="*/ 264 w 264"/>
              <a:gd name="T7" fmla="*/ 80 h 208"/>
              <a:gd name="T8" fmla="*/ 247 w 264"/>
              <a:gd name="T9" fmla="*/ 125 h 208"/>
              <a:gd name="T10" fmla="*/ 204 w 264"/>
              <a:gd name="T11" fmla="*/ 125 h 208"/>
              <a:gd name="T12" fmla="*/ 184 w 264"/>
              <a:gd name="T13" fmla="*/ 145 h 208"/>
              <a:gd name="T14" fmla="*/ 155 w 264"/>
              <a:gd name="T15" fmla="*/ 152 h 208"/>
              <a:gd name="T16" fmla="*/ 155 w 264"/>
              <a:gd name="T17" fmla="*/ 172 h 208"/>
              <a:gd name="T18" fmla="*/ 90 w 264"/>
              <a:gd name="T19" fmla="*/ 195 h 208"/>
              <a:gd name="T20" fmla="*/ 70 w 264"/>
              <a:gd name="T21" fmla="*/ 208 h 208"/>
              <a:gd name="T22" fmla="*/ 63 w 264"/>
              <a:gd name="T23" fmla="*/ 192 h 208"/>
              <a:gd name="T24" fmla="*/ 43 w 264"/>
              <a:gd name="T25" fmla="*/ 195 h 208"/>
              <a:gd name="T26" fmla="*/ 12 w 264"/>
              <a:gd name="T27" fmla="*/ 154 h 208"/>
              <a:gd name="T28" fmla="*/ 12 w 264"/>
              <a:gd name="T29" fmla="*/ 129 h 208"/>
              <a:gd name="T30" fmla="*/ 0 w 264"/>
              <a:gd name="T31" fmla="*/ 96 h 208"/>
              <a:gd name="T32" fmla="*/ 0 w 264"/>
              <a:gd name="T33" fmla="*/ 36 h 208"/>
              <a:gd name="T34" fmla="*/ 63 w 264"/>
              <a:gd name="T35" fmla="*/ 42 h 208"/>
              <a:gd name="T36" fmla="*/ 97 w 264"/>
              <a:gd name="T37" fmla="*/ 20 h 208"/>
              <a:gd name="T38" fmla="*/ 132 w 264"/>
              <a:gd name="T39" fmla="*/ 17 h 208"/>
              <a:gd name="T40" fmla="*/ 159 w 264"/>
              <a:gd name="T41" fmla="*/ 0 h 20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264" h="208">
                <a:moveTo>
                  <a:pt x="159" y="0"/>
                </a:moveTo>
                <a:lnTo>
                  <a:pt x="182" y="13"/>
                </a:lnTo>
                <a:lnTo>
                  <a:pt x="247" y="36"/>
                </a:lnTo>
                <a:lnTo>
                  <a:pt x="264" y="80"/>
                </a:lnTo>
                <a:lnTo>
                  <a:pt x="247" y="125"/>
                </a:lnTo>
                <a:lnTo>
                  <a:pt x="204" y="125"/>
                </a:lnTo>
                <a:lnTo>
                  <a:pt x="184" y="145"/>
                </a:lnTo>
                <a:lnTo>
                  <a:pt x="155" y="152"/>
                </a:lnTo>
                <a:lnTo>
                  <a:pt x="155" y="172"/>
                </a:lnTo>
                <a:lnTo>
                  <a:pt x="90" y="195"/>
                </a:lnTo>
                <a:lnTo>
                  <a:pt x="70" y="208"/>
                </a:lnTo>
                <a:lnTo>
                  <a:pt x="63" y="192"/>
                </a:lnTo>
                <a:lnTo>
                  <a:pt x="43" y="195"/>
                </a:lnTo>
                <a:lnTo>
                  <a:pt x="12" y="154"/>
                </a:lnTo>
                <a:lnTo>
                  <a:pt x="12" y="129"/>
                </a:lnTo>
                <a:lnTo>
                  <a:pt x="0" y="96"/>
                </a:lnTo>
                <a:lnTo>
                  <a:pt x="0" y="36"/>
                </a:lnTo>
                <a:lnTo>
                  <a:pt x="63" y="42"/>
                </a:lnTo>
                <a:lnTo>
                  <a:pt x="97" y="20"/>
                </a:lnTo>
                <a:lnTo>
                  <a:pt x="132" y="17"/>
                </a:lnTo>
                <a:lnTo>
                  <a:pt x="159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Albania"/>
          <p:cNvSpPr>
            <a:spLocks/>
          </p:cNvSpPr>
          <p:nvPr/>
        </p:nvSpPr>
        <p:spPr bwMode="auto">
          <a:xfrm>
            <a:off x="10376426" y="5602288"/>
            <a:ext cx="309563" cy="561975"/>
          </a:xfrm>
          <a:custGeom>
            <a:avLst/>
            <a:gdLst>
              <a:gd name="T0" fmla="*/ 2 w 195"/>
              <a:gd name="T1" fmla="*/ 85 h 354"/>
              <a:gd name="T2" fmla="*/ 11 w 195"/>
              <a:gd name="T3" fmla="*/ 85 h 354"/>
              <a:gd name="T4" fmla="*/ 29 w 195"/>
              <a:gd name="T5" fmla="*/ 59 h 354"/>
              <a:gd name="T6" fmla="*/ 33 w 195"/>
              <a:gd name="T7" fmla="*/ 25 h 354"/>
              <a:gd name="T8" fmla="*/ 47 w 195"/>
              <a:gd name="T9" fmla="*/ 0 h 354"/>
              <a:gd name="T10" fmla="*/ 65 w 195"/>
              <a:gd name="T11" fmla="*/ 14 h 354"/>
              <a:gd name="T12" fmla="*/ 78 w 195"/>
              <a:gd name="T13" fmla="*/ 1 h 354"/>
              <a:gd name="T14" fmla="*/ 114 w 195"/>
              <a:gd name="T15" fmla="*/ 27 h 354"/>
              <a:gd name="T16" fmla="*/ 125 w 195"/>
              <a:gd name="T17" fmla="*/ 28 h 354"/>
              <a:gd name="T18" fmla="*/ 125 w 195"/>
              <a:gd name="T19" fmla="*/ 88 h 354"/>
              <a:gd name="T20" fmla="*/ 137 w 195"/>
              <a:gd name="T21" fmla="*/ 121 h 354"/>
              <a:gd name="T22" fmla="*/ 137 w 195"/>
              <a:gd name="T23" fmla="*/ 146 h 354"/>
              <a:gd name="T24" fmla="*/ 168 w 195"/>
              <a:gd name="T25" fmla="*/ 187 h 354"/>
              <a:gd name="T26" fmla="*/ 188 w 195"/>
              <a:gd name="T27" fmla="*/ 184 h 354"/>
              <a:gd name="T28" fmla="*/ 195 w 195"/>
              <a:gd name="T29" fmla="*/ 200 h 354"/>
              <a:gd name="T30" fmla="*/ 177 w 195"/>
              <a:gd name="T31" fmla="*/ 218 h 354"/>
              <a:gd name="T32" fmla="*/ 181 w 195"/>
              <a:gd name="T33" fmla="*/ 292 h 354"/>
              <a:gd name="T34" fmla="*/ 139 w 195"/>
              <a:gd name="T35" fmla="*/ 307 h 354"/>
              <a:gd name="T36" fmla="*/ 152 w 195"/>
              <a:gd name="T37" fmla="*/ 336 h 354"/>
              <a:gd name="T38" fmla="*/ 121 w 195"/>
              <a:gd name="T39" fmla="*/ 354 h 354"/>
              <a:gd name="T40" fmla="*/ 105 w 195"/>
              <a:gd name="T41" fmla="*/ 325 h 354"/>
              <a:gd name="T42" fmla="*/ 89 w 195"/>
              <a:gd name="T43" fmla="*/ 301 h 354"/>
              <a:gd name="T44" fmla="*/ 29 w 195"/>
              <a:gd name="T45" fmla="*/ 283 h 354"/>
              <a:gd name="T46" fmla="*/ 36 w 195"/>
              <a:gd name="T47" fmla="*/ 249 h 354"/>
              <a:gd name="T48" fmla="*/ 42 w 195"/>
              <a:gd name="T49" fmla="*/ 200 h 354"/>
              <a:gd name="T50" fmla="*/ 33 w 195"/>
              <a:gd name="T51" fmla="*/ 177 h 354"/>
              <a:gd name="T52" fmla="*/ 40 w 195"/>
              <a:gd name="T53" fmla="*/ 171 h 354"/>
              <a:gd name="T54" fmla="*/ 22 w 195"/>
              <a:gd name="T55" fmla="*/ 144 h 354"/>
              <a:gd name="T56" fmla="*/ 42 w 195"/>
              <a:gd name="T57" fmla="*/ 117 h 354"/>
              <a:gd name="T58" fmla="*/ 34 w 195"/>
              <a:gd name="T59" fmla="*/ 95 h 354"/>
              <a:gd name="T60" fmla="*/ 18 w 195"/>
              <a:gd name="T61" fmla="*/ 95 h 354"/>
              <a:gd name="T62" fmla="*/ 0 w 195"/>
              <a:gd name="T63" fmla="*/ 95 h 354"/>
              <a:gd name="T64" fmla="*/ 2 w 195"/>
              <a:gd name="T65" fmla="*/ 85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195" h="354">
                <a:moveTo>
                  <a:pt x="2" y="85"/>
                </a:moveTo>
                <a:lnTo>
                  <a:pt x="11" y="85"/>
                </a:lnTo>
                <a:lnTo>
                  <a:pt x="29" y="59"/>
                </a:lnTo>
                <a:lnTo>
                  <a:pt x="33" y="25"/>
                </a:lnTo>
                <a:lnTo>
                  <a:pt x="47" y="0"/>
                </a:lnTo>
                <a:lnTo>
                  <a:pt x="65" y="14"/>
                </a:lnTo>
                <a:lnTo>
                  <a:pt x="78" y="1"/>
                </a:lnTo>
                <a:lnTo>
                  <a:pt x="114" y="27"/>
                </a:lnTo>
                <a:lnTo>
                  <a:pt x="125" y="28"/>
                </a:lnTo>
                <a:lnTo>
                  <a:pt x="125" y="88"/>
                </a:lnTo>
                <a:lnTo>
                  <a:pt x="137" y="121"/>
                </a:lnTo>
                <a:lnTo>
                  <a:pt x="137" y="146"/>
                </a:lnTo>
                <a:lnTo>
                  <a:pt x="168" y="187"/>
                </a:lnTo>
                <a:lnTo>
                  <a:pt x="188" y="184"/>
                </a:lnTo>
                <a:lnTo>
                  <a:pt x="195" y="200"/>
                </a:lnTo>
                <a:lnTo>
                  <a:pt x="177" y="218"/>
                </a:lnTo>
                <a:lnTo>
                  <a:pt x="181" y="292"/>
                </a:lnTo>
                <a:lnTo>
                  <a:pt x="139" y="307"/>
                </a:lnTo>
                <a:lnTo>
                  <a:pt x="152" y="336"/>
                </a:lnTo>
                <a:lnTo>
                  <a:pt x="121" y="354"/>
                </a:lnTo>
                <a:lnTo>
                  <a:pt x="105" y="325"/>
                </a:lnTo>
                <a:lnTo>
                  <a:pt x="89" y="301"/>
                </a:lnTo>
                <a:lnTo>
                  <a:pt x="29" y="283"/>
                </a:lnTo>
                <a:lnTo>
                  <a:pt x="36" y="249"/>
                </a:lnTo>
                <a:lnTo>
                  <a:pt x="42" y="200"/>
                </a:lnTo>
                <a:lnTo>
                  <a:pt x="33" y="177"/>
                </a:lnTo>
                <a:lnTo>
                  <a:pt x="40" y="171"/>
                </a:lnTo>
                <a:lnTo>
                  <a:pt x="22" y="144"/>
                </a:lnTo>
                <a:lnTo>
                  <a:pt x="42" y="117"/>
                </a:lnTo>
                <a:lnTo>
                  <a:pt x="34" y="95"/>
                </a:lnTo>
                <a:lnTo>
                  <a:pt x="18" y="95"/>
                </a:lnTo>
                <a:lnTo>
                  <a:pt x="0" y="95"/>
                </a:lnTo>
                <a:lnTo>
                  <a:pt x="2" y="8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Romania"/>
          <p:cNvSpPr>
            <a:spLocks/>
          </p:cNvSpPr>
          <p:nvPr/>
        </p:nvSpPr>
        <p:spPr bwMode="auto">
          <a:xfrm>
            <a:off x="10428813" y="4348163"/>
            <a:ext cx="1450975" cy="955675"/>
          </a:xfrm>
          <a:custGeom>
            <a:avLst/>
            <a:gdLst>
              <a:gd name="T0" fmla="*/ 335 w 506"/>
              <a:gd name="T1" fmla="*/ 34 h 333"/>
              <a:gd name="T2" fmla="*/ 404 w 506"/>
              <a:gd name="T3" fmla="*/ 136 h 333"/>
              <a:gd name="T4" fmla="*/ 440 w 506"/>
              <a:gd name="T5" fmla="*/ 170 h 333"/>
              <a:gd name="T6" fmla="*/ 473 w 506"/>
              <a:gd name="T7" fmla="*/ 156 h 333"/>
              <a:gd name="T8" fmla="*/ 506 w 506"/>
              <a:gd name="T9" fmla="*/ 163 h 333"/>
              <a:gd name="T10" fmla="*/ 482 w 506"/>
              <a:gd name="T11" fmla="*/ 204 h 333"/>
              <a:gd name="T12" fmla="*/ 467 w 506"/>
              <a:gd name="T13" fmla="*/ 200 h 333"/>
              <a:gd name="T14" fmla="*/ 473 w 506"/>
              <a:gd name="T15" fmla="*/ 220 h 333"/>
              <a:gd name="T16" fmla="*/ 471 w 506"/>
              <a:gd name="T17" fmla="*/ 264 h 333"/>
              <a:gd name="T18" fmla="*/ 447 w 506"/>
              <a:gd name="T19" fmla="*/ 276 h 333"/>
              <a:gd name="T20" fmla="*/ 427 w 506"/>
              <a:gd name="T21" fmla="*/ 273 h 333"/>
              <a:gd name="T22" fmla="*/ 389 w 506"/>
              <a:gd name="T23" fmla="*/ 265 h 333"/>
              <a:gd name="T24" fmla="*/ 310 w 506"/>
              <a:gd name="T25" fmla="*/ 320 h 333"/>
              <a:gd name="T26" fmla="*/ 243 w 506"/>
              <a:gd name="T27" fmla="*/ 329 h 333"/>
              <a:gd name="T28" fmla="*/ 179 w 506"/>
              <a:gd name="T29" fmla="*/ 333 h 333"/>
              <a:gd name="T30" fmla="*/ 157 w 506"/>
              <a:gd name="T31" fmla="*/ 300 h 333"/>
              <a:gd name="T32" fmla="*/ 153 w 506"/>
              <a:gd name="T33" fmla="*/ 284 h 333"/>
              <a:gd name="T34" fmla="*/ 139 w 506"/>
              <a:gd name="T35" fmla="*/ 288 h 333"/>
              <a:gd name="T36" fmla="*/ 105 w 506"/>
              <a:gd name="T37" fmla="*/ 283 h 333"/>
              <a:gd name="T38" fmla="*/ 75 w 506"/>
              <a:gd name="T39" fmla="*/ 254 h 333"/>
              <a:gd name="T40" fmla="*/ 37 w 506"/>
              <a:gd name="T41" fmla="*/ 220 h 333"/>
              <a:gd name="T42" fmla="*/ 18 w 506"/>
              <a:gd name="T43" fmla="*/ 187 h 333"/>
              <a:gd name="T44" fmla="*/ 52 w 506"/>
              <a:gd name="T45" fmla="*/ 152 h 333"/>
              <a:gd name="T46" fmla="*/ 67 w 506"/>
              <a:gd name="T47" fmla="*/ 111 h 333"/>
              <a:gd name="T48" fmla="*/ 83 w 506"/>
              <a:gd name="T49" fmla="*/ 76 h 333"/>
              <a:gd name="T50" fmla="*/ 108 w 506"/>
              <a:gd name="T51" fmla="*/ 62 h 333"/>
              <a:gd name="T52" fmla="*/ 108 w 506"/>
              <a:gd name="T53" fmla="*/ 48 h 333"/>
              <a:gd name="T54" fmla="*/ 129 w 506"/>
              <a:gd name="T55" fmla="*/ 43 h 333"/>
              <a:gd name="T56" fmla="*/ 205 w 506"/>
              <a:gd name="T57" fmla="*/ 40 h 333"/>
              <a:gd name="T58" fmla="*/ 234 w 506"/>
              <a:gd name="T59" fmla="*/ 36 h 333"/>
              <a:gd name="T60" fmla="*/ 281 w 506"/>
              <a:gd name="T61" fmla="*/ 13 h 333"/>
              <a:gd name="T62" fmla="*/ 312 w 506"/>
              <a:gd name="T63" fmla="*/ 1 h 3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506" h="333">
                <a:moveTo>
                  <a:pt x="315" y="0"/>
                </a:moveTo>
                <a:cubicBezTo>
                  <a:pt x="335" y="34"/>
                  <a:pt x="335" y="34"/>
                  <a:pt x="335" y="34"/>
                </a:cubicBezTo>
                <a:cubicBezTo>
                  <a:pt x="406" y="93"/>
                  <a:pt x="406" y="93"/>
                  <a:pt x="406" y="93"/>
                </a:cubicBezTo>
                <a:cubicBezTo>
                  <a:pt x="404" y="136"/>
                  <a:pt x="404" y="136"/>
                  <a:pt x="404" y="136"/>
                </a:cubicBezTo>
                <a:cubicBezTo>
                  <a:pt x="425" y="163"/>
                  <a:pt x="425" y="163"/>
                  <a:pt x="425" y="163"/>
                </a:cubicBezTo>
                <a:cubicBezTo>
                  <a:pt x="440" y="170"/>
                  <a:pt x="440" y="170"/>
                  <a:pt x="440" y="170"/>
                </a:cubicBezTo>
                <a:cubicBezTo>
                  <a:pt x="458" y="165"/>
                  <a:pt x="458" y="165"/>
                  <a:pt x="458" y="165"/>
                </a:cubicBezTo>
                <a:cubicBezTo>
                  <a:pt x="473" y="156"/>
                  <a:pt x="473" y="156"/>
                  <a:pt x="473" y="156"/>
                </a:cubicBezTo>
                <a:cubicBezTo>
                  <a:pt x="485" y="152"/>
                  <a:pt x="485" y="152"/>
                  <a:pt x="485" y="152"/>
                </a:cubicBezTo>
                <a:cubicBezTo>
                  <a:pt x="506" y="163"/>
                  <a:pt x="506" y="163"/>
                  <a:pt x="506" y="163"/>
                </a:cubicBezTo>
                <a:cubicBezTo>
                  <a:pt x="506" y="187"/>
                  <a:pt x="506" y="187"/>
                  <a:pt x="506" y="187"/>
                </a:cubicBezTo>
                <a:cubicBezTo>
                  <a:pt x="482" y="204"/>
                  <a:pt x="482" y="204"/>
                  <a:pt x="482" y="204"/>
                </a:cubicBezTo>
                <a:cubicBezTo>
                  <a:pt x="475" y="192"/>
                  <a:pt x="475" y="192"/>
                  <a:pt x="475" y="192"/>
                </a:cubicBezTo>
                <a:cubicBezTo>
                  <a:pt x="467" y="200"/>
                  <a:pt x="467" y="200"/>
                  <a:pt x="467" y="200"/>
                </a:cubicBezTo>
                <a:cubicBezTo>
                  <a:pt x="471" y="204"/>
                  <a:pt x="471" y="204"/>
                  <a:pt x="471" y="204"/>
                </a:cubicBezTo>
                <a:cubicBezTo>
                  <a:pt x="473" y="220"/>
                  <a:pt x="473" y="220"/>
                  <a:pt x="473" y="220"/>
                </a:cubicBezTo>
                <a:cubicBezTo>
                  <a:pt x="464" y="236"/>
                  <a:pt x="464" y="236"/>
                  <a:pt x="464" y="236"/>
                </a:cubicBezTo>
                <a:cubicBezTo>
                  <a:pt x="471" y="264"/>
                  <a:pt x="471" y="264"/>
                  <a:pt x="471" y="264"/>
                </a:cubicBezTo>
                <a:cubicBezTo>
                  <a:pt x="475" y="276"/>
                  <a:pt x="475" y="276"/>
                  <a:pt x="475" y="276"/>
                </a:cubicBezTo>
                <a:cubicBezTo>
                  <a:pt x="447" y="276"/>
                  <a:pt x="447" y="276"/>
                  <a:pt x="447" y="276"/>
                </a:cubicBezTo>
                <a:cubicBezTo>
                  <a:pt x="433" y="268"/>
                  <a:pt x="433" y="268"/>
                  <a:pt x="433" y="268"/>
                </a:cubicBezTo>
                <a:cubicBezTo>
                  <a:pt x="427" y="273"/>
                  <a:pt x="427" y="273"/>
                  <a:pt x="427" y="273"/>
                </a:cubicBezTo>
                <a:cubicBezTo>
                  <a:pt x="410" y="268"/>
                  <a:pt x="410" y="268"/>
                  <a:pt x="410" y="268"/>
                </a:cubicBezTo>
                <a:cubicBezTo>
                  <a:pt x="389" y="265"/>
                  <a:pt x="389" y="265"/>
                  <a:pt x="389" y="265"/>
                </a:cubicBezTo>
                <a:cubicBezTo>
                  <a:pt x="335" y="288"/>
                  <a:pt x="335" y="288"/>
                  <a:pt x="335" y="288"/>
                </a:cubicBezTo>
                <a:cubicBezTo>
                  <a:pt x="310" y="320"/>
                  <a:pt x="310" y="320"/>
                  <a:pt x="310" y="320"/>
                </a:cubicBezTo>
                <a:cubicBezTo>
                  <a:pt x="253" y="320"/>
                  <a:pt x="253" y="320"/>
                  <a:pt x="253" y="320"/>
                </a:cubicBezTo>
                <a:cubicBezTo>
                  <a:pt x="243" y="329"/>
                  <a:pt x="243" y="329"/>
                  <a:pt x="243" y="329"/>
                </a:cubicBezTo>
                <a:cubicBezTo>
                  <a:pt x="199" y="322"/>
                  <a:pt x="199" y="322"/>
                  <a:pt x="199" y="322"/>
                </a:cubicBezTo>
                <a:cubicBezTo>
                  <a:pt x="179" y="333"/>
                  <a:pt x="179" y="333"/>
                  <a:pt x="179" y="333"/>
                </a:cubicBezTo>
                <a:cubicBezTo>
                  <a:pt x="179" y="333"/>
                  <a:pt x="161" y="330"/>
                  <a:pt x="161" y="327"/>
                </a:cubicBezTo>
                <a:cubicBezTo>
                  <a:pt x="162" y="324"/>
                  <a:pt x="157" y="300"/>
                  <a:pt x="157" y="300"/>
                </a:cubicBezTo>
                <a:cubicBezTo>
                  <a:pt x="149" y="294"/>
                  <a:pt x="149" y="294"/>
                  <a:pt x="149" y="294"/>
                </a:cubicBezTo>
                <a:cubicBezTo>
                  <a:pt x="153" y="284"/>
                  <a:pt x="153" y="284"/>
                  <a:pt x="153" y="284"/>
                </a:cubicBezTo>
                <a:cubicBezTo>
                  <a:pt x="139" y="275"/>
                  <a:pt x="139" y="275"/>
                  <a:pt x="139" y="275"/>
                </a:cubicBezTo>
                <a:cubicBezTo>
                  <a:pt x="139" y="288"/>
                  <a:pt x="139" y="288"/>
                  <a:pt x="139" y="288"/>
                </a:cubicBezTo>
                <a:cubicBezTo>
                  <a:pt x="127" y="298"/>
                  <a:pt x="127" y="298"/>
                  <a:pt x="127" y="298"/>
                </a:cubicBezTo>
                <a:cubicBezTo>
                  <a:pt x="105" y="283"/>
                  <a:pt x="105" y="283"/>
                  <a:pt x="105" y="283"/>
                </a:cubicBezTo>
                <a:cubicBezTo>
                  <a:pt x="87" y="281"/>
                  <a:pt x="87" y="281"/>
                  <a:pt x="87" y="281"/>
                </a:cubicBezTo>
                <a:cubicBezTo>
                  <a:pt x="75" y="254"/>
                  <a:pt x="75" y="254"/>
                  <a:pt x="75" y="254"/>
                </a:cubicBezTo>
                <a:cubicBezTo>
                  <a:pt x="37" y="244"/>
                  <a:pt x="37" y="244"/>
                  <a:pt x="37" y="244"/>
                </a:cubicBezTo>
                <a:cubicBezTo>
                  <a:pt x="37" y="220"/>
                  <a:pt x="37" y="220"/>
                  <a:pt x="37" y="220"/>
                </a:cubicBezTo>
                <a:cubicBezTo>
                  <a:pt x="0" y="199"/>
                  <a:pt x="0" y="199"/>
                  <a:pt x="0" y="199"/>
                </a:cubicBezTo>
                <a:cubicBezTo>
                  <a:pt x="18" y="187"/>
                  <a:pt x="18" y="187"/>
                  <a:pt x="18" y="187"/>
                </a:cubicBezTo>
                <a:cubicBezTo>
                  <a:pt x="38" y="182"/>
                  <a:pt x="38" y="182"/>
                  <a:pt x="38" y="182"/>
                </a:cubicBezTo>
                <a:cubicBezTo>
                  <a:pt x="52" y="152"/>
                  <a:pt x="52" y="152"/>
                  <a:pt x="52" y="152"/>
                </a:cubicBezTo>
                <a:cubicBezTo>
                  <a:pt x="54" y="135"/>
                  <a:pt x="54" y="135"/>
                  <a:pt x="54" y="135"/>
                </a:cubicBezTo>
                <a:cubicBezTo>
                  <a:pt x="67" y="111"/>
                  <a:pt x="67" y="111"/>
                  <a:pt x="67" y="111"/>
                </a:cubicBezTo>
                <a:cubicBezTo>
                  <a:pt x="69" y="92"/>
                  <a:pt x="69" y="92"/>
                  <a:pt x="69" y="92"/>
                </a:cubicBezTo>
                <a:cubicBezTo>
                  <a:pt x="83" y="76"/>
                  <a:pt x="83" y="76"/>
                  <a:pt x="83" y="76"/>
                </a:cubicBezTo>
                <a:cubicBezTo>
                  <a:pt x="103" y="74"/>
                  <a:pt x="103" y="74"/>
                  <a:pt x="103" y="74"/>
                </a:cubicBezTo>
                <a:cubicBezTo>
                  <a:pt x="108" y="62"/>
                  <a:pt x="108" y="62"/>
                  <a:pt x="108" y="62"/>
                </a:cubicBezTo>
                <a:cubicBezTo>
                  <a:pt x="105" y="54"/>
                  <a:pt x="105" y="54"/>
                  <a:pt x="105" y="54"/>
                </a:cubicBezTo>
                <a:cubicBezTo>
                  <a:pt x="108" y="48"/>
                  <a:pt x="108" y="48"/>
                  <a:pt x="108" y="48"/>
                </a:cubicBezTo>
                <a:cubicBezTo>
                  <a:pt x="115" y="56"/>
                  <a:pt x="115" y="56"/>
                  <a:pt x="115" y="56"/>
                </a:cubicBezTo>
                <a:cubicBezTo>
                  <a:pt x="129" y="43"/>
                  <a:pt x="129" y="43"/>
                  <a:pt x="129" y="43"/>
                </a:cubicBezTo>
                <a:cubicBezTo>
                  <a:pt x="175" y="46"/>
                  <a:pt x="175" y="46"/>
                  <a:pt x="175" y="46"/>
                </a:cubicBezTo>
                <a:cubicBezTo>
                  <a:pt x="205" y="40"/>
                  <a:pt x="205" y="40"/>
                  <a:pt x="205" y="40"/>
                </a:cubicBezTo>
                <a:cubicBezTo>
                  <a:pt x="225" y="54"/>
                  <a:pt x="225" y="54"/>
                  <a:pt x="225" y="54"/>
                </a:cubicBezTo>
                <a:cubicBezTo>
                  <a:pt x="234" y="36"/>
                  <a:pt x="234" y="36"/>
                  <a:pt x="234" y="36"/>
                </a:cubicBezTo>
                <a:cubicBezTo>
                  <a:pt x="273" y="27"/>
                  <a:pt x="273" y="27"/>
                  <a:pt x="273" y="27"/>
                </a:cubicBezTo>
                <a:cubicBezTo>
                  <a:pt x="281" y="13"/>
                  <a:pt x="281" y="13"/>
                  <a:pt x="281" y="13"/>
                </a:cubicBezTo>
                <a:cubicBezTo>
                  <a:pt x="286" y="7"/>
                  <a:pt x="286" y="7"/>
                  <a:pt x="286" y="7"/>
                </a:cubicBezTo>
                <a:cubicBezTo>
                  <a:pt x="312" y="1"/>
                  <a:pt x="312" y="1"/>
                  <a:pt x="312" y="1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4" name="Serbia"/>
          <p:cNvSpPr>
            <a:spLocks/>
          </p:cNvSpPr>
          <p:nvPr/>
        </p:nvSpPr>
        <p:spPr bwMode="auto">
          <a:xfrm>
            <a:off x="10208151" y="4919663"/>
            <a:ext cx="736600" cy="739775"/>
          </a:xfrm>
          <a:custGeom>
            <a:avLst/>
            <a:gdLst>
              <a:gd name="T0" fmla="*/ 413 w 464"/>
              <a:gd name="T1" fmla="*/ 435 h 466"/>
              <a:gd name="T2" fmla="*/ 390 w 464"/>
              <a:gd name="T3" fmla="*/ 422 h 466"/>
              <a:gd name="T4" fmla="*/ 359 w 464"/>
              <a:gd name="T5" fmla="*/ 440 h 466"/>
              <a:gd name="T6" fmla="*/ 328 w 464"/>
              <a:gd name="T7" fmla="*/ 440 h 466"/>
              <a:gd name="T8" fmla="*/ 294 w 464"/>
              <a:gd name="T9" fmla="*/ 466 h 466"/>
              <a:gd name="T10" fmla="*/ 222 w 464"/>
              <a:gd name="T11" fmla="*/ 457 h 466"/>
              <a:gd name="T12" fmla="*/ 184 w 464"/>
              <a:gd name="T13" fmla="*/ 430 h 466"/>
              <a:gd name="T14" fmla="*/ 184 w 464"/>
              <a:gd name="T15" fmla="*/ 406 h 466"/>
              <a:gd name="T16" fmla="*/ 200 w 464"/>
              <a:gd name="T17" fmla="*/ 393 h 466"/>
              <a:gd name="T18" fmla="*/ 191 w 464"/>
              <a:gd name="T19" fmla="*/ 366 h 466"/>
              <a:gd name="T20" fmla="*/ 162 w 464"/>
              <a:gd name="T21" fmla="*/ 357 h 466"/>
              <a:gd name="T22" fmla="*/ 150 w 464"/>
              <a:gd name="T23" fmla="*/ 325 h 466"/>
              <a:gd name="T24" fmla="*/ 106 w 464"/>
              <a:gd name="T25" fmla="*/ 312 h 466"/>
              <a:gd name="T26" fmla="*/ 77 w 464"/>
              <a:gd name="T27" fmla="*/ 271 h 466"/>
              <a:gd name="T28" fmla="*/ 108 w 464"/>
              <a:gd name="T29" fmla="*/ 271 h 466"/>
              <a:gd name="T30" fmla="*/ 94 w 464"/>
              <a:gd name="T31" fmla="*/ 245 h 466"/>
              <a:gd name="T32" fmla="*/ 57 w 464"/>
              <a:gd name="T33" fmla="*/ 231 h 466"/>
              <a:gd name="T34" fmla="*/ 74 w 464"/>
              <a:gd name="T35" fmla="*/ 162 h 466"/>
              <a:gd name="T36" fmla="*/ 66 w 464"/>
              <a:gd name="T37" fmla="*/ 150 h 466"/>
              <a:gd name="T38" fmla="*/ 25 w 464"/>
              <a:gd name="T39" fmla="*/ 166 h 466"/>
              <a:gd name="T40" fmla="*/ 10 w 464"/>
              <a:gd name="T41" fmla="*/ 159 h 466"/>
              <a:gd name="T42" fmla="*/ 45 w 464"/>
              <a:gd name="T43" fmla="*/ 141 h 466"/>
              <a:gd name="T44" fmla="*/ 45 w 464"/>
              <a:gd name="T45" fmla="*/ 99 h 466"/>
              <a:gd name="T46" fmla="*/ 12 w 464"/>
              <a:gd name="T47" fmla="*/ 75 h 466"/>
              <a:gd name="T48" fmla="*/ 12 w 464"/>
              <a:gd name="T49" fmla="*/ 52 h 466"/>
              <a:gd name="T50" fmla="*/ 0 w 464"/>
              <a:gd name="T51" fmla="*/ 41 h 466"/>
              <a:gd name="T52" fmla="*/ 28 w 464"/>
              <a:gd name="T53" fmla="*/ 36 h 466"/>
              <a:gd name="T54" fmla="*/ 75 w 464"/>
              <a:gd name="T55" fmla="*/ 0 h 466"/>
              <a:gd name="T56" fmla="*/ 139 w 464"/>
              <a:gd name="T57" fmla="*/ 0 h 466"/>
              <a:gd name="T58" fmla="*/ 206 w 464"/>
              <a:gd name="T59" fmla="*/ 38 h 466"/>
              <a:gd name="T60" fmla="*/ 206 w 464"/>
              <a:gd name="T61" fmla="*/ 81 h 466"/>
              <a:gd name="T62" fmla="*/ 274 w 464"/>
              <a:gd name="T63" fmla="*/ 99 h 466"/>
              <a:gd name="T64" fmla="*/ 296 w 464"/>
              <a:gd name="T65" fmla="*/ 148 h 466"/>
              <a:gd name="T66" fmla="*/ 328 w 464"/>
              <a:gd name="T67" fmla="*/ 151 h 466"/>
              <a:gd name="T68" fmla="*/ 368 w 464"/>
              <a:gd name="T69" fmla="*/ 177 h 466"/>
              <a:gd name="T70" fmla="*/ 390 w 464"/>
              <a:gd name="T71" fmla="*/ 160 h 466"/>
              <a:gd name="T72" fmla="*/ 390 w 464"/>
              <a:gd name="T73" fmla="*/ 137 h 466"/>
              <a:gd name="T74" fmla="*/ 415 w 464"/>
              <a:gd name="T75" fmla="*/ 153 h 466"/>
              <a:gd name="T76" fmla="*/ 408 w 464"/>
              <a:gd name="T77" fmla="*/ 169 h 466"/>
              <a:gd name="T78" fmla="*/ 422 w 464"/>
              <a:gd name="T79" fmla="*/ 180 h 466"/>
              <a:gd name="T80" fmla="*/ 426 w 464"/>
              <a:gd name="T81" fmla="*/ 202 h 466"/>
              <a:gd name="T82" fmla="*/ 390 w 464"/>
              <a:gd name="T83" fmla="*/ 225 h 466"/>
              <a:gd name="T84" fmla="*/ 390 w 464"/>
              <a:gd name="T85" fmla="*/ 272 h 466"/>
              <a:gd name="T86" fmla="*/ 464 w 464"/>
              <a:gd name="T87" fmla="*/ 314 h 466"/>
              <a:gd name="T88" fmla="*/ 413 w 464"/>
              <a:gd name="T89" fmla="*/ 368 h 466"/>
              <a:gd name="T90" fmla="*/ 431 w 464"/>
              <a:gd name="T91" fmla="*/ 406 h 466"/>
              <a:gd name="T92" fmla="*/ 413 w 464"/>
              <a:gd name="T93" fmla="*/ 435 h 4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464" h="466">
                <a:moveTo>
                  <a:pt x="413" y="435"/>
                </a:moveTo>
                <a:lnTo>
                  <a:pt x="390" y="422"/>
                </a:lnTo>
                <a:lnTo>
                  <a:pt x="359" y="440"/>
                </a:lnTo>
                <a:lnTo>
                  <a:pt x="328" y="440"/>
                </a:lnTo>
                <a:lnTo>
                  <a:pt x="294" y="466"/>
                </a:lnTo>
                <a:lnTo>
                  <a:pt x="222" y="457"/>
                </a:lnTo>
                <a:lnTo>
                  <a:pt x="184" y="430"/>
                </a:lnTo>
                <a:lnTo>
                  <a:pt x="184" y="406"/>
                </a:lnTo>
                <a:lnTo>
                  <a:pt x="200" y="393"/>
                </a:lnTo>
                <a:lnTo>
                  <a:pt x="191" y="366"/>
                </a:lnTo>
                <a:lnTo>
                  <a:pt x="162" y="357"/>
                </a:lnTo>
                <a:lnTo>
                  <a:pt x="150" y="325"/>
                </a:lnTo>
                <a:lnTo>
                  <a:pt x="106" y="312"/>
                </a:lnTo>
                <a:lnTo>
                  <a:pt x="77" y="271"/>
                </a:lnTo>
                <a:lnTo>
                  <a:pt x="108" y="271"/>
                </a:lnTo>
                <a:lnTo>
                  <a:pt x="94" y="245"/>
                </a:lnTo>
                <a:lnTo>
                  <a:pt x="57" y="231"/>
                </a:lnTo>
                <a:lnTo>
                  <a:pt x="74" y="162"/>
                </a:lnTo>
                <a:lnTo>
                  <a:pt x="66" y="150"/>
                </a:lnTo>
                <a:lnTo>
                  <a:pt x="25" y="166"/>
                </a:lnTo>
                <a:lnTo>
                  <a:pt x="10" y="159"/>
                </a:lnTo>
                <a:lnTo>
                  <a:pt x="45" y="141"/>
                </a:lnTo>
                <a:lnTo>
                  <a:pt x="45" y="99"/>
                </a:lnTo>
                <a:lnTo>
                  <a:pt x="12" y="75"/>
                </a:lnTo>
                <a:lnTo>
                  <a:pt x="12" y="52"/>
                </a:lnTo>
                <a:lnTo>
                  <a:pt x="0" y="41"/>
                </a:lnTo>
                <a:lnTo>
                  <a:pt x="28" y="36"/>
                </a:lnTo>
                <a:lnTo>
                  <a:pt x="75" y="0"/>
                </a:lnTo>
                <a:lnTo>
                  <a:pt x="139" y="0"/>
                </a:lnTo>
                <a:lnTo>
                  <a:pt x="206" y="38"/>
                </a:lnTo>
                <a:lnTo>
                  <a:pt x="206" y="81"/>
                </a:lnTo>
                <a:lnTo>
                  <a:pt x="274" y="99"/>
                </a:lnTo>
                <a:lnTo>
                  <a:pt x="296" y="148"/>
                </a:lnTo>
                <a:lnTo>
                  <a:pt x="328" y="151"/>
                </a:lnTo>
                <a:lnTo>
                  <a:pt x="368" y="177"/>
                </a:lnTo>
                <a:lnTo>
                  <a:pt x="390" y="160"/>
                </a:lnTo>
                <a:lnTo>
                  <a:pt x="390" y="137"/>
                </a:lnTo>
                <a:lnTo>
                  <a:pt x="415" y="153"/>
                </a:lnTo>
                <a:lnTo>
                  <a:pt x="408" y="169"/>
                </a:lnTo>
                <a:lnTo>
                  <a:pt x="422" y="180"/>
                </a:lnTo>
                <a:lnTo>
                  <a:pt x="426" y="202"/>
                </a:lnTo>
                <a:lnTo>
                  <a:pt x="390" y="225"/>
                </a:lnTo>
                <a:lnTo>
                  <a:pt x="390" y="272"/>
                </a:lnTo>
                <a:lnTo>
                  <a:pt x="464" y="314"/>
                </a:lnTo>
                <a:lnTo>
                  <a:pt x="413" y="368"/>
                </a:lnTo>
                <a:lnTo>
                  <a:pt x="431" y="406"/>
                </a:lnTo>
                <a:lnTo>
                  <a:pt x="413" y="4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5" name="Bosnia &amp; Herzegovina"/>
          <p:cNvSpPr>
            <a:spLocks/>
          </p:cNvSpPr>
          <p:nvPr/>
        </p:nvSpPr>
        <p:spPr bwMode="auto">
          <a:xfrm>
            <a:off x="9754126" y="5127625"/>
            <a:ext cx="628650" cy="519113"/>
          </a:xfrm>
          <a:custGeom>
            <a:avLst/>
            <a:gdLst>
              <a:gd name="T0" fmla="*/ 396 w 396"/>
              <a:gd name="T1" fmla="*/ 140 h 327"/>
              <a:gd name="T2" fmla="*/ 381 w 396"/>
              <a:gd name="T3" fmla="*/ 116 h 327"/>
              <a:gd name="T4" fmla="*/ 345 w 396"/>
              <a:gd name="T5" fmla="*/ 100 h 327"/>
              <a:gd name="T6" fmla="*/ 361 w 396"/>
              <a:gd name="T7" fmla="*/ 31 h 327"/>
              <a:gd name="T8" fmla="*/ 352 w 396"/>
              <a:gd name="T9" fmla="*/ 20 h 327"/>
              <a:gd name="T10" fmla="*/ 313 w 396"/>
              <a:gd name="T11" fmla="*/ 35 h 327"/>
              <a:gd name="T12" fmla="*/ 298 w 396"/>
              <a:gd name="T13" fmla="*/ 28 h 327"/>
              <a:gd name="T14" fmla="*/ 282 w 396"/>
              <a:gd name="T15" fmla="*/ 10 h 327"/>
              <a:gd name="T16" fmla="*/ 248 w 396"/>
              <a:gd name="T17" fmla="*/ 0 h 327"/>
              <a:gd name="T18" fmla="*/ 224 w 396"/>
              <a:gd name="T19" fmla="*/ 10 h 327"/>
              <a:gd name="T20" fmla="*/ 202 w 396"/>
              <a:gd name="T21" fmla="*/ 29 h 327"/>
              <a:gd name="T22" fmla="*/ 179 w 396"/>
              <a:gd name="T23" fmla="*/ 10 h 327"/>
              <a:gd name="T24" fmla="*/ 161 w 396"/>
              <a:gd name="T25" fmla="*/ 10 h 327"/>
              <a:gd name="T26" fmla="*/ 145 w 396"/>
              <a:gd name="T27" fmla="*/ 19 h 327"/>
              <a:gd name="T28" fmla="*/ 118 w 396"/>
              <a:gd name="T29" fmla="*/ 0 h 327"/>
              <a:gd name="T30" fmla="*/ 109 w 396"/>
              <a:gd name="T31" fmla="*/ 17 h 327"/>
              <a:gd name="T32" fmla="*/ 81 w 396"/>
              <a:gd name="T33" fmla="*/ 10 h 327"/>
              <a:gd name="T34" fmla="*/ 51 w 396"/>
              <a:gd name="T35" fmla="*/ 40 h 327"/>
              <a:gd name="T36" fmla="*/ 24 w 396"/>
              <a:gd name="T37" fmla="*/ 20 h 327"/>
              <a:gd name="T38" fmla="*/ 11 w 396"/>
              <a:gd name="T39" fmla="*/ 33 h 327"/>
              <a:gd name="T40" fmla="*/ 13 w 396"/>
              <a:gd name="T41" fmla="*/ 66 h 327"/>
              <a:gd name="T42" fmla="*/ 11 w 396"/>
              <a:gd name="T43" fmla="*/ 75 h 327"/>
              <a:gd name="T44" fmla="*/ 11 w 396"/>
              <a:gd name="T45" fmla="*/ 75 h 327"/>
              <a:gd name="T46" fmla="*/ 11 w 396"/>
              <a:gd name="T47" fmla="*/ 75 h 327"/>
              <a:gd name="T48" fmla="*/ 0 w 396"/>
              <a:gd name="T49" fmla="*/ 141 h 327"/>
              <a:gd name="T50" fmla="*/ 0 w 396"/>
              <a:gd name="T51" fmla="*/ 143 h 327"/>
              <a:gd name="T52" fmla="*/ 49 w 396"/>
              <a:gd name="T53" fmla="*/ 167 h 327"/>
              <a:gd name="T54" fmla="*/ 213 w 396"/>
              <a:gd name="T55" fmla="*/ 266 h 327"/>
              <a:gd name="T56" fmla="*/ 215 w 396"/>
              <a:gd name="T57" fmla="*/ 268 h 327"/>
              <a:gd name="T58" fmla="*/ 224 w 396"/>
              <a:gd name="T59" fmla="*/ 288 h 327"/>
              <a:gd name="T60" fmla="*/ 255 w 396"/>
              <a:gd name="T61" fmla="*/ 297 h 327"/>
              <a:gd name="T62" fmla="*/ 302 w 396"/>
              <a:gd name="T63" fmla="*/ 327 h 327"/>
              <a:gd name="T64" fmla="*/ 307 w 396"/>
              <a:gd name="T65" fmla="*/ 304 h 327"/>
              <a:gd name="T66" fmla="*/ 300 w 396"/>
              <a:gd name="T67" fmla="*/ 281 h 327"/>
              <a:gd name="T68" fmla="*/ 322 w 396"/>
              <a:gd name="T69" fmla="*/ 262 h 327"/>
              <a:gd name="T70" fmla="*/ 316 w 396"/>
              <a:gd name="T71" fmla="*/ 239 h 327"/>
              <a:gd name="T72" fmla="*/ 333 w 396"/>
              <a:gd name="T73" fmla="*/ 215 h 327"/>
              <a:gd name="T74" fmla="*/ 385 w 396"/>
              <a:gd name="T75" fmla="*/ 212 h 327"/>
              <a:gd name="T76" fmla="*/ 394 w 396"/>
              <a:gd name="T77" fmla="*/ 181 h 327"/>
              <a:gd name="T78" fmla="*/ 365 w 396"/>
              <a:gd name="T79" fmla="*/ 140 h 327"/>
              <a:gd name="T80" fmla="*/ 396 w 396"/>
              <a:gd name="T81" fmla="*/ 140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396" h="327">
                <a:moveTo>
                  <a:pt x="396" y="140"/>
                </a:moveTo>
                <a:lnTo>
                  <a:pt x="381" y="116"/>
                </a:lnTo>
                <a:lnTo>
                  <a:pt x="345" y="100"/>
                </a:lnTo>
                <a:lnTo>
                  <a:pt x="361" y="31"/>
                </a:lnTo>
                <a:lnTo>
                  <a:pt x="352" y="20"/>
                </a:lnTo>
                <a:lnTo>
                  <a:pt x="313" y="35"/>
                </a:lnTo>
                <a:lnTo>
                  <a:pt x="298" y="28"/>
                </a:lnTo>
                <a:lnTo>
                  <a:pt x="282" y="10"/>
                </a:lnTo>
                <a:lnTo>
                  <a:pt x="248" y="0"/>
                </a:lnTo>
                <a:lnTo>
                  <a:pt x="224" y="10"/>
                </a:lnTo>
                <a:lnTo>
                  <a:pt x="202" y="29"/>
                </a:lnTo>
                <a:lnTo>
                  <a:pt x="179" y="10"/>
                </a:lnTo>
                <a:lnTo>
                  <a:pt x="161" y="10"/>
                </a:lnTo>
                <a:lnTo>
                  <a:pt x="145" y="19"/>
                </a:lnTo>
                <a:lnTo>
                  <a:pt x="118" y="0"/>
                </a:lnTo>
                <a:lnTo>
                  <a:pt x="109" y="17"/>
                </a:lnTo>
                <a:lnTo>
                  <a:pt x="81" y="10"/>
                </a:lnTo>
                <a:lnTo>
                  <a:pt x="51" y="40"/>
                </a:lnTo>
                <a:lnTo>
                  <a:pt x="24" y="20"/>
                </a:lnTo>
                <a:lnTo>
                  <a:pt x="11" y="33"/>
                </a:lnTo>
                <a:lnTo>
                  <a:pt x="13" y="66"/>
                </a:lnTo>
                <a:lnTo>
                  <a:pt x="11" y="75"/>
                </a:lnTo>
                <a:lnTo>
                  <a:pt x="11" y="75"/>
                </a:lnTo>
                <a:lnTo>
                  <a:pt x="11" y="75"/>
                </a:lnTo>
                <a:lnTo>
                  <a:pt x="0" y="141"/>
                </a:lnTo>
                <a:lnTo>
                  <a:pt x="0" y="143"/>
                </a:lnTo>
                <a:lnTo>
                  <a:pt x="49" y="167"/>
                </a:lnTo>
                <a:lnTo>
                  <a:pt x="213" y="266"/>
                </a:lnTo>
                <a:lnTo>
                  <a:pt x="215" y="268"/>
                </a:lnTo>
                <a:lnTo>
                  <a:pt x="224" y="288"/>
                </a:lnTo>
                <a:lnTo>
                  <a:pt x="255" y="297"/>
                </a:lnTo>
                <a:lnTo>
                  <a:pt x="302" y="327"/>
                </a:lnTo>
                <a:lnTo>
                  <a:pt x="307" y="304"/>
                </a:lnTo>
                <a:lnTo>
                  <a:pt x="300" y="281"/>
                </a:lnTo>
                <a:lnTo>
                  <a:pt x="322" y="262"/>
                </a:lnTo>
                <a:lnTo>
                  <a:pt x="316" y="239"/>
                </a:lnTo>
                <a:lnTo>
                  <a:pt x="333" y="215"/>
                </a:lnTo>
                <a:lnTo>
                  <a:pt x="385" y="212"/>
                </a:lnTo>
                <a:lnTo>
                  <a:pt x="394" y="181"/>
                </a:lnTo>
                <a:lnTo>
                  <a:pt x="365" y="140"/>
                </a:lnTo>
                <a:lnTo>
                  <a:pt x="396" y="14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urkey"/>
          <p:cNvSpPr>
            <a:spLocks/>
          </p:cNvSpPr>
          <p:nvPr/>
        </p:nvSpPr>
        <p:spPr bwMode="auto">
          <a:xfrm>
            <a:off x="11528951" y="5486400"/>
            <a:ext cx="671513" cy="923925"/>
          </a:xfrm>
          <a:custGeom>
            <a:avLst/>
            <a:gdLst>
              <a:gd name="T0" fmla="*/ 234 w 234"/>
              <a:gd name="T1" fmla="*/ 3 h 322"/>
              <a:gd name="T2" fmla="*/ 234 w 234"/>
              <a:gd name="T3" fmla="*/ 311 h 322"/>
              <a:gd name="T4" fmla="*/ 223 w 234"/>
              <a:gd name="T5" fmla="*/ 311 h 322"/>
              <a:gd name="T6" fmla="*/ 209 w 234"/>
              <a:gd name="T7" fmla="*/ 322 h 322"/>
              <a:gd name="T8" fmla="*/ 201 w 234"/>
              <a:gd name="T9" fmla="*/ 307 h 322"/>
              <a:gd name="T10" fmla="*/ 189 w 234"/>
              <a:gd name="T11" fmla="*/ 322 h 322"/>
              <a:gd name="T12" fmla="*/ 173 w 234"/>
              <a:gd name="T13" fmla="*/ 322 h 322"/>
              <a:gd name="T14" fmla="*/ 181 w 234"/>
              <a:gd name="T15" fmla="*/ 298 h 322"/>
              <a:gd name="T16" fmla="*/ 133 w 234"/>
              <a:gd name="T17" fmla="*/ 317 h 322"/>
              <a:gd name="T18" fmla="*/ 122 w 234"/>
              <a:gd name="T19" fmla="*/ 310 h 322"/>
              <a:gd name="T20" fmla="*/ 141 w 234"/>
              <a:gd name="T21" fmla="*/ 303 h 322"/>
              <a:gd name="T22" fmla="*/ 130 w 234"/>
              <a:gd name="T23" fmla="*/ 288 h 322"/>
              <a:gd name="T24" fmla="*/ 115 w 234"/>
              <a:gd name="T25" fmla="*/ 293 h 322"/>
              <a:gd name="T26" fmla="*/ 108 w 234"/>
              <a:gd name="T27" fmla="*/ 253 h 322"/>
              <a:gd name="T28" fmla="*/ 87 w 234"/>
              <a:gd name="T29" fmla="*/ 251 h 322"/>
              <a:gd name="T30" fmla="*/ 49 w 234"/>
              <a:gd name="T31" fmla="*/ 250 h 322"/>
              <a:gd name="T32" fmla="*/ 43 w 234"/>
              <a:gd name="T33" fmla="*/ 218 h 322"/>
              <a:gd name="T34" fmla="*/ 65 w 234"/>
              <a:gd name="T35" fmla="*/ 240 h 322"/>
              <a:gd name="T36" fmla="*/ 87 w 234"/>
              <a:gd name="T37" fmla="*/ 223 h 322"/>
              <a:gd name="T38" fmla="*/ 68 w 234"/>
              <a:gd name="T39" fmla="*/ 212 h 322"/>
              <a:gd name="T40" fmla="*/ 87 w 234"/>
              <a:gd name="T41" fmla="*/ 197 h 322"/>
              <a:gd name="T42" fmla="*/ 54 w 234"/>
              <a:gd name="T43" fmla="*/ 176 h 322"/>
              <a:gd name="T44" fmla="*/ 66 w 234"/>
              <a:gd name="T45" fmla="*/ 156 h 322"/>
              <a:gd name="T46" fmla="*/ 22 w 234"/>
              <a:gd name="T47" fmla="*/ 174 h 322"/>
              <a:gd name="T48" fmla="*/ 22 w 234"/>
              <a:gd name="T49" fmla="*/ 138 h 322"/>
              <a:gd name="T50" fmla="*/ 32 w 234"/>
              <a:gd name="T51" fmla="*/ 117 h 322"/>
              <a:gd name="T52" fmla="*/ 3 w 234"/>
              <a:gd name="T53" fmla="*/ 105 h 322"/>
              <a:gd name="T54" fmla="*/ 11 w 234"/>
              <a:gd name="T55" fmla="*/ 71 h 322"/>
              <a:gd name="T56" fmla="*/ 32 w 234"/>
              <a:gd name="T57" fmla="*/ 55 h 322"/>
              <a:gd name="T58" fmla="*/ 0 w 234"/>
              <a:gd name="T59" fmla="*/ 39 h 322"/>
              <a:gd name="T60" fmla="*/ 11 w 234"/>
              <a:gd name="T61" fmla="*/ 21 h 322"/>
              <a:gd name="T62" fmla="*/ 51 w 234"/>
              <a:gd name="T63" fmla="*/ 5 h 322"/>
              <a:gd name="T64" fmla="*/ 68 w 234"/>
              <a:gd name="T65" fmla="*/ 13 h 322"/>
              <a:gd name="T66" fmla="*/ 87 w 234"/>
              <a:gd name="T67" fmla="*/ 0 h 322"/>
              <a:gd name="T68" fmla="*/ 102 w 234"/>
              <a:gd name="T69" fmla="*/ 17 h 322"/>
              <a:gd name="T70" fmla="*/ 94 w 234"/>
              <a:gd name="T71" fmla="*/ 30 h 322"/>
              <a:gd name="T72" fmla="*/ 150 w 234"/>
              <a:gd name="T73" fmla="*/ 40 h 322"/>
              <a:gd name="T74" fmla="*/ 160 w 234"/>
              <a:gd name="T75" fmla="*/ 50 h 322"/>
              <a:gd name="T76" fmla="*/ 151 w 234"/>
              <a:gd name="T77" fmla="*/ 62 h 322"/>
              <a:gd name="T78" fmla="*/ 136 w 234"/>
              <a:gd name="T79" fmla="*/ 61 h 322"/>
              <a:gd name="T80" fmla="*/ 111 w 234"/>
              <a:gd name="T81" fmla="*/ 71 h 322"/>
              <a:gd name="T82" fmla="*/ 87 w 234"/>
              <a:gd name="T83" fmla="*/ 71 h 322"/>
              <a:gd name="T84" fmla="*/ 78 w 234"/>
              <a:gd name="T85" fmla="*/ 90 h 322"/>
              <a:gd name="T86" fmla="*/ 82 w 234"/>
              <a:gd name="T87" fmla="*/ 105 h 322"/>
              <a:gd name="T88" fmla="*/ 94 w 234"/>
              <a:gd name="T89" fmla="*/ 96 h 322"/>
              <a:gd name="T90" fmla="*/ 106 w 234"/>
              <a:gd name="T91" fmla="*/ 90 h 322"/>
              <a:gd name="T92" fmla="*/ 117 w 234"/>
              <a:gd name="T93" fmla="*/ 90 h 322"/>
              <a:gd name="T94" fmla="*/ 156 w 234"/>
              <a:gd name="T95" fmla="*/ 80 h 322"/>
              <a:gd name="T96" fmla="*/ 185 w 234"/>
              <a:gd name="T97" fmla="*/ 77 h 322"/>
              <a:gd name="T98" fmla="*/ 171 w 234"/>
              <a:gd name="T99" fmla="*/ 71 h 322"/>
              <a:gd name="T100" fmla="*/ 156 w 234"/>
              <a:gd name="T101" fmla="*/ 71 h 322"/>
              <a:gd name="T102" fmla="*/ 172 w 234"/>
              <a:gd name="T103" fmla="*/ 54 h 322"/>
              <a:gd name="T104" fmla="*/ 196 w 234"/>
              <a:gd name="T105" fmla="*/ 46 h 322"/>
              <a:gd name="T106" fmla="*/ 184 w 234"/>
              <a:gd name="T107" fmla="*/ 40 h 322"/>
              <a:gd name="T108" fmla="*/ 161 w 234"/>
              <a:gd name="T109" fmla="*/ 33 h 322"/>
              <a:gd name="T110" fmla="*/ 169 w 234"/>
              <a:gd name="T111" fmla="*/ 17 h 322"/>
              <a:gd name="T112" fmla="*/ 212 w 234"/>
              <a:gd name="T113" fmla="*/ 10 h 322"/>
              <a:gd name="T114" fmla="*/ 234 w 234"/>
              <a:gd name="T115" fmla="*/ 3 h 3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234" h="322">
                <a:moveTo>
                  <a:pt x="234" y="3"/>
                </a:moveTo>
                <a:cubicBezTo>
                  <a:pt x="234" y="311"/>
                  <a:pt x="234" y="311"/>
                  <a:pt x="234" y="311"/>
                </a:cubicBezTo>
                <a:cubicBezTo>
                  <a:pt x="223" y="311"/>
                  <a:pt x="223" y="311"/>
                  <a:pt x="223" y="311"/>
                </a:cubicBezTo>
                <a:cubicBezTo>
                  <a:pt x="209" y="322"/>
                  <a:pt x="209" y="322"/>
                  <a:pt x="209" y="322"/>
                </a:cubicBezTo>
                <a:cubicBezTo>
                  <a:pt x="201" y="307"/>
                  <a:pt x="201" y="307"/>
                  <a:pt x="201" y="307"/>
                </a:cubicBezTo>
                <a:cubicBezTo>
                  <a:pt x="189" y="322"/>
                  <a:pt x="189" y="322"/>
                  <a:pt x="189" y="322"/>
                </a:cubicBezTo>
                <a:cubicBezTo>
                  <a:pt x="173" y="322"/>
                  <a:pt x="173" y="322"/>
                  <a:pt x="173" y="322"/>
                </a:cubicBezTo>
                <a:cubicBezTo>
                  <a:pt x="181" y="298"/>
                  <a:pt x="181" y="298"/>
                  <a:pt x="181" y="298"/>
                </a:cubicBezTo>
                <a:cubicBezTo>
                  <a:pt x="133" y="317"/>
                  <a:pt x="133" y="317"/>
                  <a:pt x="133" y="317"/>
                </a:cubicBezTo>
                <a:cubicBezTo>
                  <a:pt x="122" y="310"/>
                  <a:pt x="122" y="310"/>
                  <a:pt x="122" y="310"/>
                </a:cubicBezTo>
                <a:cubicBezTo>
                  <a:pt x="141" y="303"/>
                  <a:pt x="141" y="303"/>
                  <a:pt x="141" y="303"/>
                </a:cubicBezTo>
                <a:cubicBezTo>
                  <a:pt x="130" y="288"/>
                  <a:pt x="130" y="288"/>
                  <a:pt x="130" y="288"/>
                </a:cubicBezTo>
                <a:cubicBezTo>
                  <a:pt x="115" y="293"/>
                  <a:pt x="115" y="293"/>
                  <a:pt x="115" y="293"/>
                </a:cubicBezTo>
                <a:cubicBezTo>
                  <a:pt x="108" y="253"/>
                  <a:pt x="108" y="253"/>
                  <a:pt x="108" y="253"/>
                </a:cubicBezTo>
                <a:cubicBezTo>
                  <a:pt x="87" y="251"/>
                  <a:pt x="87" y="251"/>
                  <a:pt x="87" y="251"/>
                </a:cubicBezTo>
                <a:cubicBezTo>
                  <a:pt x="49" y="250"/>
                  <a:pt x="49" y="250"/>
                  <a:pt x="49" y="250"/>
                </a:cubicBezTo>
                <a:cubicBezTo>
                  <a:pt x="43" y="218"/>
                  <a:pt x="43" y="218"/>
                  <a:pt x="43" y="218"/>
                </a:cubicBezTo>
                <a:cubicBezTo>
                  <a:pt x="65" y="240"/>
                  <a:pt x="65" y="240"/>
                  <a:pt x="65" y="240"/>
                </a:cubicBezTo>
                <a:cubicBezTo>
                  <a:pt x="87" y="223"/>
                  <a:pt x="87" y="223"/>
                  <a:pt x="87" y="223"/>
                </a:cubicBezTo>
                <a:cubicBezTo>
                  <a:pt x="87" y="223"/>
                  <a:pt x="67" y="217"/>
                  <a:pt x="68" y="212"/>
                </a:cubicBezTo>
                <a:cubicBezTo>
                  <a:pt x="69" y="207"/>
                  <a:pt x="90" y="201"/>
                  <a:pt x="87" y="197"/>
                </a:cubicBezTo>
                <a:cubicBezTo>
                  <a:pt x="84" y="193"/>
                  <a:pt x="54" y="180"/>
                  <a:pt x="54" y="176"/>
                </a:cubicBezTo>
                <a:cubicBezTo>
                  <a:pt x="54" y="172"/>
                  <a:pt x="66" y="156"/>
                  <a:pt x="66" y="156"/>
                </a:cubicBezTo>
                <a:cubicBezTo>
                  <a:pt x="22" y="174"/>
                  <a:pt x="22" y="174"/>
                  <a:pt x="22" y="174"/>
                </a:cubicBezTo>
                <a:cubicBezTo>
                  <a:pt x="22" y="138"/>
                  <a:pt x="22" y="138"/>
                  <a:pt x="22" y="138"/>
                </a:cubicBezTo>
                <a:cubicBezTo>
                  <a:pt x="32" y="117"/>
                  <a:pt x="32" y="117"/>
                  <a:pt x="32" y="117"/>
                </a:cubicBezTo>
                <a:cubicBezTo>
                  <a:pt x="3" y="105"/>
                  <a:pt x="3" y="105"/>
                  <a:pt x="3" y="105"/>
                </a:cubicBezTo>
                <a:cubicBezTo>
                  <a:pt x="11" y="71"/>
                  <a:pt x="11" y="71"/>
                  <a:pt x="11" y="71"/>
                </a:cubicBezTo>
                <a:cubicBezTo>
                  <a:pt x="32" y="55"/>
                  <a:pt x="32" y="55"/>
                  <a:pt x="32" y="55"/>
                </a:cubicBezTo>
                <a:cubicBezTo>
                  <a:pt x="0" y="39"/>
                  <a:pt x="0" y="39"/>
                  <a:pt x="0" y="39"/>
                </a:cubicBezTo>
                <a:cubicBezTo>
                  <a:pt x="11" y="21"/>
                  <a:pt x="11" y="21"/>
                  <a:pt x="11" y="21"/>
                </a:cubicBezTo>
                <a:cubicBezTo>
                  <a:pt x="51" y="5"/>
                  <a:pt x="51" y="5"/>
                  <a:pt x="51" y="5"/>
                </a:cubicBezTo>
                <a:cubicBezTo>
                  <a:pt x="68" y="13"/>
                  <a:pt x="68" y="13"/>
                  <a:pt x="68" y="13"/>
                </a:cubicBezTo>
                <a:cubicBezTo>
                  <a:pt x="87" y="0"/>
                  <a:pt x="87" y="0"/>
                  <a:pt x="87" y="0"/>
                </a:cubicBezTo>
                <a:cubicBezTo>
                  <a:pt x="102" y="17"/>
                  <a:pt x="102" y="17"/>
                  <a:pt x="102" y="17"/>
                </a:cubicBezTo>
                <a:cubicBezTo>
                  <a:pt x="94" y="30"/>
                  <a:pt x="94" y="30"/>
                  <a:pt x="94" y="30"/>
                </a:cubicBezTo>
                <a:cubicBezTo>
                  <a:pt x="150" y="40"/>
                  <a:pt x="150" y="40"/>
                  <a:pt x="150" y="40"/>
                </a:cubicBezTo>
                <a:cubicBezTo>
                  <a:pt x="160" y="50"/>
                  <a:pt x="160" y="50"/>
                  <a:pt x="160" y="50"/>
                </a:cubicBezTo>
                <a:cubicBezTo>
                  <a:pt x="151" y="62"/>
                  <a:pt x="151" y="62"/>
                  <a:pt x="151" y="62"/>
                </a:cubicBezTo>
                <a:cubicBezTo>
                  <a:pt x="136" y="61"/>
                  <a:pt x="136" y="61"/>
                  <a:pt x="136" y="61"/>
                </a:cubicBezTo>
                <a:cubicBezTo>
                  <a:pt x="111" y="71"/>
                  <a:pt x="111" y="71"/>
                  <a:pt x="111" y="71"/>
                </a:cubicBezTo>
                <a:cubicBezTo>
                  <a:pt x="87" y="71"/>
                  <a:pt x="87" y="71"/>
                  <a:pt x="87" y="71"/>
                </a:cubicBezTo>
                <a:cubicBezTo>
                  <a:pt x="78" y="90"/>
                  <a:pt x="78" y="90"/>
                  <a:pt x="78" y="90"/>
                </a:cubicBezTo>
                <a:cubicBezTo>
                  <a:pt x="82" y="105"/>
                  <a:pt x="82" y="105"/>
                  <a:pt x="82" y="105"/>
                </a:cubicBezTo>
                <a:cubicBezTo>
                  <a:pt x="94" y="96"/>
                  <a:pt x="94" y="96"/>
                  <a:pt x="94" y="96"/>
                </a:cubicBezTo>
                <a:cubicBezTo>
                  <a:pt x="106" y="90"/>
                  <a:pt x="106" y="90"/>
                  <a:pt x="106" y="90"/>
                </a:cubicBezTo>
                <a:cubicBezTo>
                  <a:pt x="117" y="90"/>
                  <a:pt x="117" y="90"/>
                  <a:pt x="117" y="90"/>
                </a:cubicBezTo>
                <a:cubicBezTo>
                  <a:pt x="156" y="80"/>
                  <a:pt x="156" y="80"/>
                  <a:pt x="156" y="80"/>
                </a:cubicBezTo>
                <a:cubicBezTo>
                  <a:pt x="185" y="77"/>
                  <a:pt x="185" y="77"/>
                  <a:pt x="185" y="77"/>
                </a:cubicBezTo>
                <a:cubicBezTo>
                  <a:pt x="171" y="71"/>
                  <a:pt x="171" y="71"/>
                  <a:pt x="171" y="71"/>
                </a:cubicBezTo>
                <a:cubicBezTo>
                  <a:pt x="156" y="71"/>
                  <a:pt x="156" y="71"/>
                  <a:pt x="156" y="71"/>
                </a:cubicBezTo>
                <a:cubicBezTo>
                  <a:pt x="172" y="54"/>
                  <a:pt x="172" y="54"/>
                  <a:pt x="172" y="54"/>
                </a:cubicBezTo>
                <a:cubicBezTo>
                  <a:pt x="196" y="46"/>
                  <a:pt x="196" y="46"/>
                  <a:pt x="196" y="46"/>
                </a:cubicBezTo>
                <a:cubicBezTo>
                  <a:pt x="184" y="40"/>
                  <a:pt x="184" y="40"/>
                  <a:pt x="184" y="40"/>
                </a:cubicBezTo>
                <a:cubicBezTo>
                  <a:pt x="161" y="33"/>
                  <a:pt x="161" y="33"/>
                  <a:pt x="161" y="33"/>
                </a:cubicBezTo>
                <a:cubicBezTo>
                  <a:pt x="169" y="17"/>
                  <a:pt x="169" y="17"/>
                  <a:pt x="169" y="17"/>
                </a:cubicBezTo>
                <a:cubicBezTo>
                  <a:pt x="212" y="10"/>
                  <a:pt x="212" y="10"/>
                  <a:pt x="212" y="10"/>
                </a:cubicBezTo>
                <a:lnTo>
                  <a:pt x="234" y="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Czech Republic"/>
          <p:cNvSpPr>
            <a:spLocks/>
          </p:cNvSpPr>
          <p:nvPr/>
        </p:nvSpPr>
        <p:spPr bwMode="auto">
          <a:xfrm>
            <a:off x="9171513" y="4046538"/>
            <a:ext cx="963613" cy="479425"/>
          </a:xfrm>
          <a:custGeom>
            <a:avLst/>
            <a:gdLst>
              <a:gd name="T0" fmla="*/ 190 w 607"/>
              <a:gd name="T1" fmla="*/ 6 h 302"/>
              <a:gd name="T2" fmla="*/ 208 w 607"/>
              <a:gd name="T3" fmla="*/ 0 h 302"/>
              <a:gd name="T4" fmla="*/ 230 w 607"/>
              <a:gd name="T5" fmla="*/ 24 h 302"/>
              <a:gd name="T6" fmla="*/ 255 w 607"/>
              <a:gd name="T7" fmla="*/ 24 h 302"/>
              <a:gd name="T8" fmla="*/ 255 w 607"/>
              <a:gd name="T9" fmla="*/ 6 h 302"/>
              <a:gd name="T10" fmla="*/ 284 w 607"/>
              <a:gd name="T11" fmla="*/ 22 h 302"/>
              <a:gd name="T12" fmla="*/ 317 w 607"/>
              <a:gd name="T13" fmla="*/ 33 h 302"/>
              <a:gd name="T14" fmla="*/ 344 w 607"/>
              <a:gd name="T15" fmla="*/ 42 h 302"/>
              <a:gd name="T16" fmla="*/ 380 w 607"/>
              <a:gd name="T17" fmla="*/ 49 h 302"/>
              <a:gd name="T18" fmla="*/ 358 w 607"/>
              <a:gd name="T19" fmla="*/ 64 h 302"/>
              <a:gd name="T20" fmla="*/ 383 w 607"/>
              <a:gd name="T21" fmla="*/ 78 h 302"/>
              <a:gd name="T22" fmla="*/ 400 w 607"/>
              <a:gd name="T23" fmla="*/ 103 h 302"/>
              <a:gd name="T24" fmla="*/ 412 w 607"/>
              <a:gd name="T25" fmla="*/ 102 h 302"/>
              <a:gd name="T26" fmla="*/ 432 w 607"/>
              <a:gd name="T27" fmla="*/ 80 h 302"/>
              <a:gd name="T28" fmla="*/ 418 w 607"/>
              <a:gd name="T29" fmla="*/ 60 h 302"/>
              <a:gd name="T30" fmla="*/ 461 w 607"/>
              <a:gd name="T31" fmla="*/ 71 h 302"/>
              <a:gd name="T32" fmla="*/ 501 w 607"/>
              <a:gd name="T33" fmla="*/ 71 h 302"/>
              <a:gd name="T34" fmla="*/ 490 w 607"/>
              <a:gd name="T35" fmla="*/ 89 h 302"/>
              <a:gd name="T36" fmla="*/ 510 w 607"/>
              <a:gd name="T37" fmla="*/ 109 h 302"/>
              <a:gd name="T38" fmla="*/ 579 w 607"/>
              <a:gd name="T39" fmla="*/ 109 h 302"/>
              <a:gd name="T40" fmla="*/ 580 w 607"/>
              <a:gd name="T41" fmla="*/ 134 h 302"/>
              <a:gd name="T42" fmla="*/ 606 w 607"/>
              <a:gd name="T43" fmla="*/ 136 h 302"/>
              <a:gd name="T44" fmla="*/ 607 w 607"/>
              <a:gd name="T45" fmla="*/ 156 h 302"/>
              <a:gd name="T46" fmla="*/ 571 w 607"/>
              <a:gd name="T47" fmla="*/ 174 h 302"/>
              <a:gd name="T48" fmla="*/ 533 w 607"/>
              <a:gd name="T49" fmla="*/ 226 h 302"/>
              <a:gd name="T50" fmla="*/ 499 w 607"/>
              <a:gd name="T51" fmla="*/ 253 h 302"/>
              <a:gd name="T52" fmla="*/ 445 w 607"/>
              <a:gd name="T53" fmla="*/ 270 h 302"/>
              <a:gd name="T54" fmla="*/ 420 w 607"/>
              <a:gd name="T55" fmla="*/ 257 h 302"/>
              <a:gd name="T56" fmla="*/ 362 w 607"/>
              <a:gd name="T57" fmla="*/ 270 h 302"/>
              <a:gd name="T58" fmla="*/ 315 w 607"/>
              <a:gd name="T59" fmla="*/ 251 h 302"/>
              <a:gd name="T60" fmla="*/ 293 w 607"/>
              <a:gd name="T61" fmla="*/ 255 h 302"/>
              <a:gd name="T62" fmla="*/ 275 w 607"/>
              <a:gd name="T63" fmla="*/ 239 h 302"/>
              <a:gd name="T64" fmla="*/ 246 w 607"/>
              <a:gd name="T65" fmla="*/ 302 h 302"/>
              <a:gd name="T66" fmla="*/ 241 w 607"/>
              <a:gd name="T67" fmla="*/ 302 h 302"/>
              <a:gd name="T68" fmla="*/ 188 w 607"/>
              <a:gd name="T69" fmla="*/ 302 h 302"/>
              <a:gd name="T70" fmla="*/ 167 w 607"/>
              <a:gd name="T71" fmla="*/ 284 h 302"/>
              <a:gd name="T72" fmla="*/ 140 w 607"/>
              <a:gd name="T73" fmla="*/ 257 h 302"/>
              <a:gd name="T74" fmla="*/ 100 w 607"/>
              <a:gd name="T75" fmla="*/ 244 h 302"/>
              <a:gd name="T76" fmla="*/ 87 w 607"/>
              <a:gd name="T77" fmla="*/ 223 h 302"/>
              <a:gd name="T78" fmla="*/ 58 w 607"/>
              <a:gd name="T79" fmla="*/ 212 h 302"/>
              <a:gd name="T80" fmla="*/ 31 w 607"/>
              <a:gd name="T81" fmla="*/ 168 h 302"/>
              <a:gd name="T82" fmla="*/ 38 w 607"/>
              <a:gd name="T83" fmla="*/ 147 h 302"/>
              <a:gd name="T84" fmla="*/ 0 w 607"/>
              <a:gd name="T85" fmla="*/ 105 h 302"/>
              <a:gd name="T86" fmla="*/ 22 w 607"/>
              <a:gd name="T87" fmla="*/ 114 h 302"/>
              <a:gd name="T88" fmla="*/ 53 w 607"/>
              <a:gd name="T89" fmla="*/ 87 h 302"/>
              <a:gd name="T90" fmla="*/ 69 w 607"/>
              <a:gd name="T91" fmla="*/ 87 h 302"/>
              <a:gd name="T92" fmla="*/ 76 w 607"/>
              <a:gd name="T93" fmla="*/ 71 h 302"/>
              <a:gd name="T94" fmla="*/ 109 w 607"/>
              <a:gd name="T95" fmla="*/ 71 h 302"/>
              <a:gd name="T96" fmla="*/ 192 w 607"/>
              <a:gd name="T97" fmla="*/ 24 h 302"/>
              <a:gd name="T98" fmla="*/ 190 w 607"/>
              <a:gd name="T99" fmla="*/ 6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607" h="302">
                <a:moveTo>
                  <a:pt x="190" y="6"/>
                </a:moveTo>
                <a:lnTo>
                  <a:pt x="208" y="0"/>
                </a:lnTo>
                <a:lnTo>
                  <a:pt x="230" y="24"/>
                </a:lnTo>
                <a:lnTo>
                  <a:pt x="255" y="24"/>
                </a:lnTo>
                <a:lnTo>
                  <a:pt x="255" y="6"/>
                </a:lnTo>
                <a:lnTo>
                  <a:pt x="284" y="22"/>
                </a:lnTo>
                <a:lnTo>
                  <a:pt x="317" y="33"/>
                </a:lnTo>
                <a:lnTo>
                  <a:pt x="344" y="42"/>
                </a:lnTo>
                <a:lnTo>
                  <a:pt x="380" y="49"/>
                </a:lnTo>
                <a:lnTo>
                  <a:pt x="358" y="64"/>
                </a:lnTo>
                <a:lnTo>
                  <a:pt x="383" y="78"/>
                </a:lnTo>
                <a:lnTo>
                  <a:pt x="400" y="103"/>
                </a:lnTo>
                <a:lnTo>
                  <a:pt x="412" y="102"/>
                </a:lnTo>
                <a:lnTo>
                  <a:pt x="432" y="80"/>
                </a:lnTo>
                <a:lnTo>
                  <a:pt x="418" y="60"/>
                </a:lnTo>
                <a:lnTo>
                  <a:pt x="461" y="71"/>
                </a:lnTo>
                <a:lnTo>
                  <a:pt x="501" y="71"/>
                </a:lnTo>
                <a:lnTo>
                  <a:pt x="490" y="89"/>
                </a:lnTo>
                <a:lnTo>
                  <a:pt x="510" y="109"/>
                </a:lnTo>
                <a:lnTo>
                  <a:pt x="579" y="109"/>
                </a:lnTo>
                <a:lnTo>
                  <a:pt x="580" y="134"/>
                </a:lnTo>
                <a:lnTo>
                  <a:pt x="606" y="136"/>
                </a:lnTo>
                <a:lnTo>
                  <a:pt x="607" y="156"/>
                </a:lnTo>
                <a:lnTo>
                  <a:pt x="571" y="174"/>
                </a:lnTo>
                <a:lnTo>
                  <a:pt x="533" y="226"/>
                </a:lnTo>
                <a:lnTo>
                  <a:pt x="499" y="253"/>
                </a:lnTo>
                <a:lnTo>
                  <a:pt x="445" y="270"/>
                </a:lnTo>
                <a:lnTo>
                  <a:pt x="420" y="257"/>
                </a:lnTo>
                <a:lnTo>
                  <a:pt x="362" y="270"/>
                </a:lnTo>
                <a:lnTo>
                  <a:pt x="315" y="251"/>
                </a:lnTo>
                <a:lnTo>
                  <a:pt x="293" y="255"/>
                </a:lnTo>
                <a:lnTo>
                  <a:pt x="275" y="239"/>
                </a:lnTo>
                <a:lnTo>
                  <a:pt x="246" y="302"/>
                </a:lnTo>
                <a:lnTo>
                  <a:pt x="241" y="302"/>
                </a:lnTo>
                <a:lnTo>
                  <a:pt x="188" y="302"/>
                </a:lnTo>
                <a:lnTo>
                  <a:pt x="167" y="284"/>
                </a:lnTo>
                <a:lnTo>
                  <a:pt x="140" y="257"/>
                </a:lnTo>
                <a:lnTo>
                  <a:pt x="100" y="244"/>
                </a:lnTo>
                <a:lnTo>
                  <a:pt x="87" y="223"/>
                </a:lnTo>
                <a:lnTo>
                  <a:pt x="58" y="212"/>
                </a:lnTo>
                <a:lnTo>
                  <a:pt x="31" y="168"/>
                </a:lnTo>
                <a:lnTo>
                  <a:pt x="38" y="147"/>
                </a:lnTo>
                <a:lnTo>
                  <a:pt x="0" y="105"/>
                </a:lnTo>
                <a:lnTo>
                  <a:pt x="22" y="114"/>
                </a:lnTo>
                <a:lnTo>
                  <a:pt x="53" y="87"/>
                </a:lnTo>
                <a:lnTo>
                  <a:pt x="69" y="87"/>
                </a:lnTo>
                <a:lnTo>
                  <a:pt x="76" y="71"/>
                </a:lnTo>
                <a:lnTo>
                  <a:pt x="109" y="71"/>
                </a:lnTo>
                <a:lnTo>
                  <a:pt x="192" y="24"/>
                </a:lnTo>
                <a:lnTo>
                  <a:pt x="190" y="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8" name="Slovakia"/>
          <p:cNvSpPr>
            <a:spLocks/>
          </p:cNvSpPr>
          <p:nvPr/>
        </p:nvSpPr>
        <p:spPr bwMode="auto">
          <a:xfrm>
            <a:off x="9868426" y="4256088"/>
            <a:ext cx="860425" cy="398463"/>
          </a:xfrm>
          <a:custGeom>
            <a:avLst/>
            <a:gdLst>
              <a:gd name="T0" fmla="*/ 168 w 542"/>
              <a:gd name="T1" fmla="*/ 24 h 251"/>
              <a:gd name="T2" fmla="*/ 192 w 542"/>
              <a:gd name="T3" fmla="*/ 45 h 251"/>
              <a:gd name="T4" fmla="*/ 217 w 542"/>
              <a:gd name="T5" fmla="*/ 7 h 251"/>
              <a:gd name="T6" fmla="*/ 252 w 542"/>
              <a:gd name="T7" fmla="*/ 29 h 251"/>
              <a:gd name="T8" fmla="*/ 255 w 542"/>
              <a:gd name="T9" fmla="*/ 51 h 251"/>
              <a:gd name="T10" fmla="*/ 280 w 542"/>
              <a:gd name="T11" fmla="*/ 51 h 251"/>
              <a:gd name="T12" fmla="*/ 298 w 542"/>
              <a:gd name="T13" fmla="*/ 18 h 251"/>
              <a:gd name="T14" fmla="*/ 335 w 542"/>
              <a:gd name="T15" fmla="*/ 15 h 251"/>
              <a:gd name="T16" fmla="*/ 356 w 542"/>
              <a:gd name="T17" fmla="*/ 38 h 251"/>
              <a:gd name="T18" fmla="*/ 365 w 542"/>
              <a:gd name="T19" fmla="*/ 7 h 251"/>
              <a:gd name="T20" fmla="*/ 398 w 542"/>
              <a:gd name="T21" fmla="*/ 0 h 251"/>
              <a:gd name="T22" fmla="*/ 450 w 542"/>
              <a:gd name="T23" fmla="*/ 9 h 251"/>
              <a:gd name="T24" fmla="*/ 454 w 542"/>
              <a:gd name="T25" fmla="*/ 26 h 251"/>
              <a:gd name="T26" fmla="*/ 497 w 542"/>
              <a:gd name="T27" fmla="*/ 38 h 251"/>
              <a:gd name="T28" fmla="*/ 499 w 542"/>
              <a:gd name="T29" fmla="*/ 71 h 251"/>
              <a:gd name="T30" fmla="*/ 488 w 542"/>
              <a:gd name="T31" fmla="*/ 107 h 251"/>
              <a:gd name="T32" fmla="*/ 542 w 542"/>
              <a:gd name="T33" fmla="*/ 138 h 251"/>
              <a:gd name="T34" fmla="*/ 530 w 542"/>
              <a:gd name="T35" fmla="*/ 152 h 251"/>
              <a:gd name="T36" fmla="*/ 506 w 542"/>
              <a:gd name="T37" fmla="*/ 148 h 251"/>
              <a:gd name="T38" fmla="*/ 485 w 542"/>
              <a:gd name="T39" fmla="*/ 139 h 251"/>
              <a:gd name="T40" fmla="*/ 472 w 542"/>
              <a:gd name="T41" fmla="*/ 121 h 251"/>
              <a:gd name="T42" fmla="*/ 434 w 542"/>
              <a:gd name="T43" fmla="*/ 141 h 251"/>
              <a:gd name="T44" fmla="*/ 356 w 542"/>
              <a:gd name="T45" fmla="*/ 125 h 251"/>
              <a:gd name="T46" fmla="*/ 318 w 542"/>
              <a:gd name="T47" fmla="*/ 152 h 251"/>
              <a:gd name="T48" fmla="*/ 302 w 542"/>
              <a:gd name="T49" fmla="*/ 170 h 251"/>
              <a:gd name="T50" fmla="*/ 282 w 542"/>
              <a:gd name="T51" fmla="*/ 186 h 251"/>
              <a:gd name="T52" fmla="*/ 242 w 542"/>
              <a:gd name="T53" fmla="*/ 170 h 251"/>
              <a:gd name="T54" fmla="*/ 230 w 542"/>
              <a:gd name="T55" fmla="*/ 197 h 251"/>
              <a:gd name="T56" fmla="*/ 183 w 542"/>
              <a:gd name="T57" fmla="*/ 199 h 251"/>
              <a:gd name="T58" fmla="*/ 172 w 542"/>
              <a:gd name="T59" fmla="*/ 221 h 251"/>
              <a:gd name="T60" fmla="*/ 185 w 542"/>
              <a:gd name="T61" fmla="*/ 235 h 251"/>
              <a:gd name="T62" fmla="*/ 129 w 542"/>
              <a:gd name="T63" fmla="*/ 248 h 251"/>
              <a:gd name="T64" fmla="*/ 82 w 542"/>
              <a:gd name="T65" fmla="*/ 251 h 251"/>
              <a:gd name="T66" fmla="*/ 49 w 542"/>
              <a:gd name="T67" fmla="*/ 213 h 251"/>
              <a:gd name="T68" fmla="*/ 29 w 542"/>
              <a:gd name="T69" fmla="*/ 208 h 251"/>
              <a:gd name="T70" fmla="*/ 0 w 542"/>
              <a:gd name="T71" fmla="*/ 185 h 251"/>
              <a:gd name="T72" fmla="*/ 6 w 542"/>
              <a:gd name="T73" fmla="*/ 138 h 251"/>
              <a:gd name="T74" fmla="*/ 60 w 542"/>
              <a:gd name="T75" fmla="*/ 121 h 251"/>
              <a:gd name="T76" fmla="*/ 94 w 542"/>
              <a:gd name="T77" fmla="*/ 94 h 251"/>
              <a:gd name="T78" fmla="*/ 132 w 542"/>
              <a:gd name="T79" fmla="*/ 42 h 251"/>
              <a:gd name="T80" fmla="*/ 168 w 542"/>
              <a:gd name="T81" fmla="*/ 24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542" h="251">
                <a:moveTo>
                  <a:pt x="168" y="24"/>
                </a:moveTo>
                <a:lnTo>
                  <a:pt x="192" y="45"/>
                </a:lnTo>
                <a:lnTo>
                  <a:pt x="217" y="7"/>
                </a:lnTo>
                <a:lnTo>
                  <a:pt x="252" y="29"/>
                </a:lnTo>
                <a:lnTo>
                  <a:pt x="255" y="51"/>
                </a:lnTo>
                <a:lnTo>
                  <a:pt x="280" y="51"/>
                </a:lnTo>
                <a:lnTo>
                  <a:pt x="298" y="18"/>
                </a:lnTo>
                <a:lnTo>
                  <a:pt x="335" y="15"/>
                </a:lnTo>
                <a:lnTo>
                  <a:pt x="356" y="38"/>
                </a:lnTo>
                <a:lnTo>
                  <a:pt x="365" y="7"/>
                </a:lnTo>
                <a:lnTo>
                  <a:pt x="398" y="0"/>
                </a:lnTo>
                <a:lnTo>
                  <a:pt x="450" y="9"/>
                </a:lnTo>
                <a:lnTo>
                  <a:pt x="454" y="26"/>
                </a:lnTo>
                <a:lnTo>
                  <a:pt x="497" y="38"/>
                </a:lnTo>
                <a:lnTo>
                  <a:pt x="499" y="71"/>
                </a:lnTo>
                <a:lnTo>
                  <a:pt x="488" y="107"/>
                </a:lnTo>
                <a:lnTo>
                  <a:pt x="542" y="138"/>
                </a:lnTo>
                <a:lnTo>
                  <a:pt x="530" y="152"/>
                </a:lnTo>
                <a:lnTo>
                  <a:pt x="506" y="148"/>
                </a:lnTo>
                <a:lnTo>
                  <a:pt x="485" y="139"/>
                </a:lnTo>
                <a:lnTo>
                  <a:pt x="472" y="121"/>
                </a:lnTo>
                <a:lnTo>
                  <a:pt x="434" y="141"/>
                </a:lnTo>
                <a:lnTo>
                  <a:pt x="356" y="125"/>
                </a:lnTo>
                <a:lnTo>
                  <a:pt x="318" y="152"/>
                </a:lnTo>
                <a:lnTo>
                  <a:pt x="302" y="170"/>
                </a:lnTo>
                <a:lnTo>
                  <a:pt x="282" y="186"/>
                </a:lnTo>
                <a:lnTo>
                  <a:pt x="242" y="170"/>
                </a:lnTo>
                <a:lnTo>
                  <a:pt x="230" y="197"/>
                </a:lnTo>
                <a:lnTo>
                  <a:pt x="183" y="199"/>
                </a:lnTo>
                <a:lnTo>
                  <a:pt x="172" y="221"/>
                </a:lnTo>
                <a:lnTo>
                  <a:pt x="185" y="235"/>
                </a:lnTo>
                <a:lnTo>
                  <a:pt x="129" y="248"/>
                </a:lnTo>
                <a:lnTo>
                  <a:pt x="82" y="251"/>
                </a:lnTo>
                <a:lnTo>
                  <a:pt x="49" y="213"/>
                </a:lnTo>
                <a:lnTo>
                  <a:pt x="29" y="208"/>
                </a:lnTo>
                <a:lnTo>
                  <a:pt x="0" y="185"/>
                </a:lnTo>
                <a:lnTo>
                  <a:pt x="6" y="138"/>
                </a:lnTo>
                <a:lnTo>
                  <a:pt x="60" y="121"/>
                </a:lnTo>
                <a:lnTo>
                  <a:pt x="94" y="94"/>
                </a:lnTo>
                <a:lnTo>
                  <a:pt x="132" y="42"/>
                </a:lnTo>
                <a:lnTo>
                  <a:pt x="168" y="2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9" name="Hungary"/>
          <p:cNvSpPr>
            <a:spLocks/>
          </p:cNvSpPr>
          <p:nvPr/>
        </p:nvSpPr>
        <p:spPr bwMode="auto">
          <a:xfrm>
            <a:off x="9782701" y="4437063"/>
            <a:ext cx="955675" cy="587375"/>
          </a:xfrm>
          <a:custGeom>
            <a:avLst/>
            <a:gdLst>
              <a:gd name="T0" fmla="*/ 83 w 602"/>
              <a:gd name="T1" fmla="*/ 94 h 370"/>
              <a:gd name="T2" fmla="*/ 103 w 602"/>
              <a:gd name="T3" fmla="*/ 99 h 370"/>
              <a:gd name="T4" fmla="*/ 136 w 602"/>
              <a:gd name="T5" fmla="*/ 137 h 370"/>
              <a:gd name="T6" fmla="*/ 183 w 602"/>
              <a:gd name="T7" fmla="*/ 134 h 370"/>
              <a:gd name="T8" fmla="*/ 239 w 602"/>
              <a:gd name="T9" fmla="*/ 121 h 370"/>
              <a:gd name="T10" fmla="*/ 226 w 602"/>
              <a:gd name="T11" fmla="*/ 107 h 370"/>
              <a:gd name="T12" fmla="*/ 237 w 602"/>
              <a:gd name="T13" fmla="*/ 85 h 370"/>
              <a:gd name="T14" fmla="*/ 284 w 602"/>
              <a:gd name="T15" fmla="*/ 83 h 370"/>
              <a:gd name="T16" fmla="*/ 296 w 602"/>
              <a:gd name="T17" fmla="*/ 56 h 370"/>
              <a:gd name="T18" fmla="*/ 336 w 602"/>
              <a:gd name="T19" fmla="*/ 72 h 370"/>
              <a:gd name="T20" fmla="*/ 356 w 602"/>
              <a:gd name="T21" fmla="*/ 56 h 370"/>
              <a:gd name="T22" fmla="*/ 372 w 602"/>
              <a:gd name="T23" fmla="*/ 38 h 370"/>
              <a:gd name="T24" fmla="*/ 410 w 602"/>
              <a:gd name="T25" fmla="*/ 11 h 370"/>
              <a:gd name="T26" fmla="*/ 488 w 602"/>
              <a:gd name="T27" fmla="*/ 27 h 370"/>
              <a:gd name="T28" fmla="*/ 526 w 602"/>
              <a:gd name="T29" fmla="*/ 7 h 370"/>
              <a:gd name="T30" fmla="*/ 539 w 602"/>
              <a:gd name="T31" fmla="*/ 25 h 370"/>
              <a:gd name="T32" fmla="*/ 555 w 602"/>
              <a:gd name="T33" fmla="*/ 0 h 370"/>
              <a:gd name="T34" fmla="*/ 577 w 602"/>
              <a:gd name="T35" fmla="*/ 13 h 370"/>
              <a:gd name="T36" fmla="*/ 596 w 602"/>
              <a:gd name="T37" fmla="*/ 24 h 370"/>
              <a:gd name="T38" fmla="*/ 602 w 602"/>
              <a:gd name="T39" fmla="*/ 31 h 370"/>
              <a:gd name="T40" fmla="*/ 596 w 602"/>
              <a:gd name="T41" fmla="*/ 42 h 370"/>
              <a:gd name="T42" fmla="*/ 602 w 602"/>
              <a:gd name="T43" fmla="*/ 60 h 370"/>
              <a:gd name="T44" fmla="*/ 593 w 602"/>
              <a:gd name="T45" fmla="*/ 78 h 370"/>
              <a:gd name="T46" fmla="*/ 557 w 602"/>
              <a:gd name="T47" fmla="*/ 81 h 370"/>
              <a:gd name="T48" fmla="*/ 531 w 602"/>
              <a:gd name="T49" fmla="*/ 110 h 370"/>
              <a:gd name="T50" fmla="*/ 528 w 602"/>
              <a:gd name="T51" fmla="*/ 145 h 370"/>
              <a:gd name="T52" fmla="*/ 504 w 602"/>
              <a:gd name="T53" fmla="*/ 188 h 370"/>
              <a:gd name="T54" fmla="*/ 501 w 602"/>
              <a:gd name="T55" fmla="*/ 226 h 370"/>
              <a:gd name="T56" fmla="*/ 475 w 602"/>
              <a:gd name="T57" fmla="*/ 273 h 370"/>
              <a:gd name="T58" fmla="*/ 439 w 602"/>
              <a:gd name="T59" fmla="*/ 282 h 370"/>
              <a:gd name="T60" fmla="*/ 407 w 602"/>
              <a:gd name="T61" fmla="*/ 304 h 370"/>
              <a:gd name="T62" fmla="*/ 342 w 602"/>
              <a:gd name="T63" fmla="*/ 304 h 370"/>
              <a:gd name="T64" fmla="*/ 302 w 602"/>
              <a:gd name="T65" fmla="*/ 340 h 370"/>
              <a:gd name="T66" fmla="*/ 268 w 602"/>
              <a:gd name="T67" fmla="*/ 347 h 370"/>
              <a:gd name="T68" fmla="*/ 233 w 602"/>
              <a:gd name="T69" fmla="*/ 370 h 370"/>
              <a:gd name="T70" fmla="*/ 172 w 602"/>
              <a:gd name="T71" fmla="*/ 367 h 370"/>
              <a:gd name="T72" fmla="*/ 148 w 602"/>
              <a:gd name="T73" fmla="*/ 354 h 370"/>
              <a:gd name="T74" fmla="*/ 119 w 602"/>
              <a:gd name="T75" fmla="*/ 363 h 370"/>
              <a:gd name="T76" fmla="*/ 0 w 602"/>
              <a:gd name="T77" fmla="*/ 269 h 370"/>
              <a:gd name="T78" fmla="*/ 38 w 602"/>
              <a:gd name="T79" fmla="*/ 226 h 370"/>
              <a:gd name="T80" fmla="*/ 18 w 602"/>
              <a:gd name="T81" fmla="*/ 206 h 370"/>
              <a:gd name="T82" fmla="*/ 31 w 602"/>
              <a:gd name="T83" fmla="*/ 177 h 370"/>
              <a:gd name="T84" fmla="*/ 16 w 602"/>
              <a:gd name="T85" fmla="*/ 152 h 370"/>
              <a:gd name="T86" fmla="*/ 83 w 602"/>
              <a:gd name="T87" fmla="*/ 148 h 370"/>
              <a:gd name="T88" fmla="*/ 83 w 602"/>
              <a:gd name="T89" fmla="*/ 94 h 37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602" h="370">
                <a:moveTo>
                  <a:pt x="83" y="94"/>
                </a:moveTo>
                <a:lnTo>
                  <a:pt x="103" y="99"/>
                </a:lnTo>
                <a:lnTo>
                  <a:pt x="136" y="137"/>
                </a:lnTo>
                <a:lnTo>
                  <a:pt x="183" y="134"/>
                </a:lnTo>
                <a:lnTo>
                  <a:pt x="239" y="121"/>
                </a:lnTo>
                <a:lnTo>
                  <a:pt x="226" y="107"/>
                </a:lnTo>
                <a:lnTo>
                  <a:pt x="237" y="85"/>
                </a:lnTo>
                <a:lnTo>
                  <a:pt x="284" y="83"/>
                </a:lnTo>
                <a:lnTo>
                  <a:pt x="296" y="56"/>
                </a:lnTo>
                <a:lnTo>
                  <a:pt x="336" y="72"/>
                </a:lnTo>
                <a:lnTo>
                  <a:pt x="356" y="56"/>
                </a:lnTo>
                <a:lnTo>
                  <a:pt x="372" y="38"/>
                </a:lnTo>
                <a:lnTo>
                  <a:pt x="410" y="11"/>
                </a:lnTo>
                <a:lnTo>
                  <a:pt x="488" y="27"/>
                </a:lnTo>
                <a:lnTo>
                  <a:pt x="526" y="7"/>
                </a:lnTo>
                <a:lnTo>
                  <a:pt x="539" y="25"/>
                </a:lnTo>
                <a:lnTo>
                  <a:pt x="555" y="0"/>
                </a:lnTo>
                <a:lnTo>
                  <a:pt x="577" y="13"/>
                </a:lnTo>
                <a:lnTo>
                  <a:pt x="596" y="24"/>
                </a:lnTo>
                <a:lnTo>
                  <a:pt x="602" y="31"/>
                </a:lnTo>
                <a:lnTo>
                  <a:pt x="596" y="42"/>
                </a:lnTo>
                <a:lnTo>
                  <a:pt x="602" y="60"/>
                </a:lnTo>
                <a:lnTo>
                  <a:pt x="593" y="78"/>
                </a:lnTo>
                <a:lnTo>
                  <a:pt x="557" y="81"/>
                </a:lnTo>
                <a:lnTo>
                  <a:pt x="531" y="110"/>
                </a:lnTo>
                <a:lnTo>
                  <a:pt x="528" y="145"/>
                </a:lnTo>
                <a:lnTo>
                  <a:pt x="504" y="188"/>
                </a:lnTo>
                <a:lnTo>
                  <a:pt x="501" y="226"/>
                </a:lnTo>
                <a:lnTo>
                  <a:pt x="475" y="273"/>
                </a:lnTo>
                <a:lnTo>
                  <a:pt x="439" y="282"/>
                </a:lnTo>
                <a:lnTo>
                  <a:pt x="407" y="304"/>
                </a:lnTo>
                <a:lnTo>
                  <a:pt x="342" y="304"/>
                </a:lnTo>
                <a:lnTo>
                  <a:pt x="302" y="340"/>
                </a:lnTo>
                <a:lnTo>
                  <a:pt x="268" y="347"/>
                </a:lnTo>
                <a:lnTo>
                  <a:pt x="233" y="370"/>
                </a:lnTo>
                <a:lnTo>
                  <a:pt x="172" y="367"/>
                </a:lnTo>
                <a:lnTo>
                  <a:pt x="148" y="354"/>
                </a:lnTo>
                <a:lnTo>
                  <a:pt x="119" y="363"/>
                </a:lnTo>
                <a:lnTo>
                  <a:pt x="0" y="269"/>
                </a:lnTo>
                <a:lnTo>
                  <a:pt x="38" y="226"/>
                </a:lnTo>
                <a:lnTo>
                  <a:pt x="18" y="206"/>
                </a:lnTo>
                <a:lnTo>
                  <a:pt x="31" y="177"/>
                </a:lnTo>
                <a:lnTo>
                  <a:pt x="16" y="152"/>
                </a:lnTo>
                <a:lnTo>
                  <a:pt x="83" y="148"/>
                </a:lnTo>
                <a:lnTo>
                  <a:pt x="83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0" name="Belarus"/>
          <p:cNvSpPr>
            <a:spLocks/>
          </p:cNvSpPr>
          <p:nvPr/>
        </p:nvSpPr>
        <p:spPr bwMode="auto">
          <a:xfrm>
            <a:off x="10609788" y="2808288"/>
            <a:ext cx="1169988" cy="984250"/>
          </a:xfrm>
          <a:custGeom>
            <a:avLst/>
            <a:gdLst>
              <a:gd name="T0" fmla="*/ 379 w 408"/>
              <a:gd name="T1" fmla="*/ 226 h 343"/>
              <a:gd name="T2" fmla="*/ 361 w 408"/>
              <a:gd name="T3" fmla="*/ 230 h 343"/>
              <a:gd name="T4" fmla="*/ 352 w 408"/>
              <a:gd name="T5" fmla="*/ 274 h 343"/>
              <a:gd name="T6" fmla="*/ 362 w 408"/>
              <a:gd name="T7" fmla="*/ 296 h 343"/>
              <a:gd name="T8" fmla="*/ 342 w 408"/>
              <a:gd name="T9" fmla="*/ 282 h 343"/>
              <a:gd name="T10" fmla="*/ 324 w 408"/>
              <a:gd name="T11" fmla="*/ 291 h 343"/>
              <a:gd name="T12" fmla="*/ 287 w 408"/>
              <a:gd name="T13" fmla="*/ 288 h 343"/>
              <a:gd name="T14" fmla="*/ 265 w 408"/>
              <a:gd name="T15" fmla="*/ 294 h 343"/>
              <a:gd name="T16" fmla="*/ 208 w 408"/>
              <a:gd name="T17" fmla="*/ 309 h 343"/>
              <a:gd name="T18" fmla="*/ 151 w 408"/>
              <a:gd name="T19" fmla="*/ 303 h 343"/>
              <a:gd name="T20" fmla="*/ 119 w 408"/>
              <a:gd name="T21" fmla="*/ 304 h 343"/>
              <a:gd name="T22" fmla="*/ 82 w 408"/>
              <a:gd name="T23" fmla="*/ 315 h 343"/>
              <a:gd name="T24" fmla="*/ 55 w 408"/>
              <a:gd name="T25" fmla="*/ 338 h 343"/>
              <a:gd name="T26" fmla="*/ 33 w 408"/>
              <a:gd name="T27" fmla="*/ 318 h 343"/>
              <a:gd name="T28" fmla="*/ 6 w 408"/>
              <a:gd name="T29" fmla="*/ 312 h 343"/>
              <a:gd name="T30" fmla="*/ 12 w 408"/>
              <a:gd name="T31" fmla="*/ 260 h 343"/>
              <a:gd name="T32" fmla="*/ 1 w 408"/>
              <a:gd name="T33" fmla="*/ 209 h 343"/>
              <a:gd name="T34" fmla="*/ 24 w 408"/>
              <a:gd name="T35" fmla="*/ 186 h 343"/>
              <a:gd name="T36" fmla="*/ 54 w 408"/>
              <a:gd name="T37" fmla="*/ 174 h 343"/>
              <a:gd name="T38" fmla="*/ 71 w 408"/>
              <a:gd name="T39" fmla="*/ 157 h 343"/>
              <a:gd name="T40" fmla="*/ 92 w 408"/>
              <a:gd name="T41" fmla="*/ 164 h 343"/>
              <a:gd name="T42" fmla="*/ 86 w 408"/>
              <a:gd name="T43" fmla="*/ 107 h 343"/>
              <a:gd name="T44" fmla="*/ 96 w 408"/>
              <a:gd name="T45" fmla="*/ 89 h 343"/>
              <a:gd name="T46" fmla="*/ 115 w 408"/>
              <a:gd name="T47" fmla="*/ 74 h 343"/>
              <a:gd name="T48" fmla="*/ 103 w 408"/>
              <a:gd name="T49" fmla="*/ 52 h 343"/>
              <a:gd name="T50" fmla="*/ 127 w 408"/>
              <a:gd name="T51" fmla="*/ 40 h 343"/>
              <a:gd name="T52" fmla="*/ 143 w 408"/>
              <a:gd name="T53" fmla="*/ 19 h 343"/>
              <a:gd name="T54" fmla="*/ 177 w 408"/>
              <a:gd name="T55" fmla="*/ 0 h 343"/>
              <a:gd name="T56" fmla="*/ 218 w 408"/>
              <a:gd name="T57" fmla="*/ 24 h 343"/>
              <a:gd name="T58" fmla="*/ 282 w 408"/>
              <a:gd name="T59" fmla="*/ 13 h 343"/>
              <a:gd name="T60" fmla="*/ 290 w 408"/>
              <a:gd name="T61" fmla="*/ 61 h 343"/>
              <a:gd name="T62" fmla="*/ 314 w 408"/>
              <a:gd name="T63" fmla="*/ 76 h 343"/>
              <a:gd name="T64" fmla="*/ 358 w 408"/>
              <a:gd name="T65" fmla="*/ 97 h 343"/>
              <a:gd name="T66" fmla="*/ 387 w 408"/>
              <a:gd name="T67" fmla="*/ 109 h 343"/>
              <a:gd name="T68" fmla="*/ 401 w 408"/>
              <a:gd name="T69" fmla="*/ 161 h 343"/>
              <a:gd name="T70" fmla="*/ 353 w 408"/>
              <a:gd name="T71" fmla="*/ 169 h 343"/>
              <a:gd name="T72" fmla="*/ 375 w 408"/>
              <a:gd name="T73" fmla="*/ 200 h 343"/>
              <a:gd name="T74" fmla="*/ 393 w 408"/>
              <a:gd name="T75" fmla="*/ 226 h 3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408" h="343">
                <a:moveTo>
                  <a:pt x="393" y="226"/>
                </a:moveTo>
                <a:cubicBezTo>
                  <a:pt x="379" y="226"/>
                  <a:pt x="379" y="226"/>
                  <a:pt x="379" y="226"/>
                </a:cubicBezTo>
                <a:cubicBezTo>
                  <a:pt x="374" y="234"/>
                  <a:pt x="374" y="234"/>
                  <a:pt x="374" y="234"/>
                </a:cubicBezTo>
                <a:cubicBezTo>
                  <a:pt x="361" y="230"/>
                  <a:pt x="361" y="230"/>
                  <a:pt x="361" y="230"/>
                </a:cubicBezTo>
                <a:cubicBezTo>
                  <a:pt x="356" y="250"/>
                  <a:pt x="356" y="250"/>
                  <a:pt x="356" y="250"/>
                </a:cubicBezTo>
                <a:cubicBezTo>
                  <a:pt x="352" y="274"/>
                  <a:pt x="352" y="274"/>
                  <a:pt x="352" y="274"/>
                </a:cubicBezTo>
                <a:cubicBezTo>
                  <a:pt x="365" y="287"/>
                  <a:pt x="365" y="287"/>
                  <a:pt x="365" y="287"/>
                </a:cubicBezTo>
                <a:cubicBezTo>
                  <a:pt x="362" y="296"/>
                  <a:pt x="362" y="296"/>
                  <a:pt x="362" y="296"/>
                </a:cubicBezTo>
                <a:cubicBezTo>
                  <a:pt x="352" y="296"/>
                  <a:pt x="352" y="296"/>
                  <a:pt x="352" y="296"/>
                </a:cubicBezTo>
                <a:cubicBezTo>
                  <a:pt x="342" y="282"/>
                  <a:pt x="342" y="282"/>
                  <a:pt x="342" y="282"/>
                </a:cubicBezTo>
                <a:cubicBezTo>
                  <a:pt x="328" y="281"/>
                  <a:pt x="328" y="281"/>
                  <a:pt x="328" y="281"/>
                </a:cubicBezTo>
                <a:cubicBezTo>
                  <a:pt x="324" y="291"/>
                  <a:pt x="324" y="291"/>
                  <a:pt x="324" y="291"/>
                </a:cubicBezTo>
                <a:cubicBezTo>
                  <a:pt x="305" y="300"/>
                  <a:pt x="305" y="300"/>
                  <a:pt x="305" y="300"/>
                </a:cubicBezTo>
                <a:cubicBezTo>
                  <a:pt x="287" y="288"/>
                  <a:pt x="287" y="288"/>
                  <a:pt x="287" y="288"/>
                </a:cubicBezTo>
                <a:cubicBezTo>
                  <a:pt x="278" y="303"/>
                  <a:pt x="278" y="303"/>
                  <a:pt x="278" y="303"/>
                </a:cubicBezTo>
                <a:cubicBezTo>
                  <a:pt x="265" y="294"/>
                  <a:pt x="265" y="294"/>
                  <a:pt x="265" y="294"/>
                </a:cubicBezTo>
                <a:cubicBezTo>
                  <a:pt x="250" y="303"/>
                  <a:pt x="250" y="303"/>
                  <a:pt x="250" y="303"/>
                </a:cubicBezTo>
                <a:cubicBezTo>
                  <a:pt x="208" y="309"/>
                  <a:pt x="208" y="309"/>
                  <a:pt x="208" y="309"/>
                </a:cubicBezTo>
                <a:cubicBezTo>
                  <a:pt x="208" y="309"/>
                  <a:pt x="204" y="296"/>
                  <a:pt x="195" y="296"/>
                </a:cubicBezTo>
                <a:cubicBezTo>
                  <a:pt x="187" y="297"/>
                  <a:pt x="151" y="303"/>
                  <a:pt x="151" y="303"/>
                </a:cubicBezTo>
                <a:cubicBezTo>
                  <a:pt x="144" y="292"/>
                  <a:pt x="144" y="292"/>
                  <a:pt x="144" y="292"/>
                </a:cubicBezTo>
                <a:cubicBezTo>
                  <a:pt x="119" y="304"/>
                  <a:pt x="119" y="304"/>
                  <a:pt x="119" y="304"/>
                </a:cubicBezTo>
                <a:cubicBezTo>
                  <a:pt x="95" y="303"/>
                  <a:pt x="95" y="303"/>
                  <a:pt x="95" y="303"/>
                </a:cubicBezTo>
                <a:cubicBezTo>
                  <a:pt x="82" y="315"/>
                  <a:pt x="82" y="315"/>
                  <a:pt x="82" y="315"/>
                </a:cubicBezTo>
                <a:cubicBezTo>
                  <a:pt x="70" y="315"/>
                  <a:pt x="70" y="315"/>
                  <a:pt x="70" y="315"/>
                </a:cubicBezTo>
                <a:cubicBezTo>
                  <a:pt x="55" y="338"/>
                  <a:pt x="55" y="338"/>
                  <a:pt x="55" y="338"/>
                </a:cubicBezTo>
                <a:cubicBezTo>
                  <a:pt x="28" y="343"/>
                  <a:pt x="28" y="343"/>
                  <a:pt x="28" y="343"/>
                </a:cubicBezTo>
                <a:cubicBezTo>
                  <a:pt x="33" y="318"/>
                  <a:pt x="33" y="318"/>
                  <a:pt x="33" y="318"/>
                </a:cubicBezTo>
                <a:cubicBezTo>
                  <a:pt x="19" y="307"/>
                  <a:pt x="19" y="307"/>
                  <a:pt x="19" y="307"/>
                </a:cubicBezTo>
                <a:cubicBezTo>
                  <a:pt x="6" y="312"/>
                  <a:pt x="6" y="312"/>
                  <a:pt x="6" y="312"/>
                </a:cubicBezTo>
                <a:cubicBezTo>
                  <a:pt x="1" y="303"/>
                  <a:pt x="1" y="303"/>
                  <a:pt x="1" y="303"/>
                </a:cubicBezTo>
                <a:cubicBezTo>
                  <a:pt x="12" y="260"/>
                  <a:pt x="12" y="260"/>
                  <a:pt x="12" y="260"/>
                </a:cubicBezTo>
                <a:cubicBezTo>
                  <a:pt x="18" y="238"/>
                  <a:pt x="18" y="238"/>
                  <a:pt x="18" y="238"/>
                </a:cubicBezTo>
                <a:cubicBezTo>
                  <a:pt x="1" y="209"/>
                  <a:pt x="1" y="209"/>
                  <a:pt x="1" y="209"/>
                </a:cubicBezTo>
                <a:cubicBezTo>
                  <a:pt x="0" y="200"/>
                  <a:pt x="0" y="200"/>
                  <a:pt x="0" y="200"/>
                </a:cubicBezTo>
                <a:cubicBezTo>
                  <a:pt x="24" y="186"/>
                  <a:pt x="24" y="186"/>
                  <a:pt x="24" y="186"/>
                </a:cubicBezTo>
                <a:cubicBezTo>
                  <a:pt x="38" y="194"/>
                  <a:pt x="38" y="194"/>
                  <a:pt x="38" y="194"/>
                </a:cubicBezTo>
                <a:cubicBezTo>
                  <a:pt x="54" y="174"/>
                  <a:pt x="54" y="174"/>
                  <a:pt x="54" y="174"/>
                </a:cubicBezTo>
                <a:cubicBezTo>
                  <a:pt x="71" y="164"/>
                  <a:pt x="71" y="164"/>
                  <a:pt x="71" y="164"/>
                </a:cubicBezTo>
                <a:cubicBezTo>
                  <a:pt x="71" y="157"/>
                  <a:pt x="71" y="157"/>
                  <a:pt x="71" y="157"/>
                </a:cubicBezTo>
                <a:cubicBezTo>
                  <a:pt x="83" y="157"/>
                  <a:pt x="83" y="157"/>
                  <a:pt x="83" y="157"/>
                </a:cubicBezTo>
                <a:cubicBezTo>
                  <a:pt x="92" y="164"/>
                  <a:pt x="92" y="164"/>
                  <a:pt x="92" y="164"/>
                </a:cubicBezTo>
                <a:cubicBezTo>
                  <a:pt x="76" y="119"/>
                  <a:pt x="76" y="119"/>
                  <a:pt x="76" y="119"/>
                </a:cubicBezTo>
                <a:cubicBezTo>
                  <a:pt x="86" y="107"/>
                  <a:pt x="86" y="107"/>
                  <a:pt x="86" y="107"/>
                </a:cubicBezTo>
                <a:cubicBezTo>
                  <a:pt x="96" y="107"/>
                  <a:pt x="96" y="107"/>
                  <a:pt x="96" y="107"/>
                </a:cubicBezTo>
                <a:cubicBezTo>
                  <a:pt x="96" y="89"/>
                  <a:pt x="96" y="89"/>
                  <a:pt x="96" y="89"/>
                </a:cubicBezTo>
                <a:cubicBezTo>
                  <a:pt x="119" y="89"/>
                  <a:pt x="119" y="89"/>
                  <a:pt x="119" y="89"/>
                </a:cubicBezTo>
                <a:cubicBezTo>
                  <a:pt x="115" y="74"/>
                  <a:pt x="115" y="74"/>
                  <a:pt x="115" y="74"/>
                </a:cubicBezTo>
                <a:cubicBezTo>
                  <a:pt x="103" y="68"/>
                  <a:pt x="103" y="68"/>
                  <a:pt x="103" y="68"/>
                </a:cubicBezTo>
                <a:cubicBezTo>
                  <a:pt x="103" y="52"/>
                  <a:pt x="103" y="52"/>
                  <a:pt x="103" y="52"/>
                </a:cubicBezTo>
                <a:cubicBezTo>
                  <a:pt x="113" y="45"/>
                  <a:pt x="113" y="45"/>
                  <a:pt x="113" y="45"/>
                </a:cubicBezTo>
                <a:cubicBezTo>
                  <a:pt x="127" y="40"/>
                  <a:pt x="127" y="40"/>
                  <a:pt x="127" y="40"/>
                </a:cubicBezTo>
                <a:cubicBezTo>
                  <a:pt x="139" y="40"/>
                  <a:pt x="139" y="40"/>
                  <a:pt x="139" y="4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9" y="3"/>
                  <a:pt x="159" y="3"/>
                  <a:pt x="159" y="3"/>
                </a:cubicBezTo>
                <a:cubicBezTo>
                  <a:pt x="177" y="0"/>
                  <a:pt x="177" y="0"/>
                  <a:pt x="177" y="0"/>
                </a:cubicBezTo>
                <a:cubicBezTo>
                  <a:pt x="209" y="0"/>
                  <a:pt x="209" y="0"/>
                  <a:pt x="209" y="0"/>
                </a:cubicBezTo>
                <a:cubicBezTo>
                  <a:pt x="218" y="24"/>
                  <a:pt x="218" y="24"/>
                  <a:pt x="218" y="24"/>
                </a:cubicBezTo>
                <a:cubicBezTo>
                  <a:pt x="245" y="0"/>
                  <a:pt x="245" y="0"/>
                  <a:pt x="245" y="0"/>
                </a:cubicBezTo>
                <a:cubicBezTo>
                  <a:pt x="282" y="13"/>
                  <a:pt x="282" y="13"/>
                  <a:pt x="282" y="13"/>
                </a:cubicBezTo>
                <a:cubicBezTo>
                  <a:pt x="290" y="39"/>
                  <a:pt x="290" y="39"/>
                  <a:pt x="290" y="39"/>
                </a:cubicBezTo>
                <a:cubicBezTo>
                  <a:pt x="290" y="61"/>
                  <a:pt x="290" y="61"/>
                  <a:pt x="290" y="61"/>
                </a:cubicBezTo>
                <a:cubicBezTo>
                  <a:pt x="307" y="63"/>
                  <a:pt x="307" y="63"/>
                  <a:pt x="307" y="63"/>
                </a:cubicBezTo>
                <a:cubicBezTo>
                  <a:pt x="314" y="76"/>
                  <a:pt x="314" y="76"/>
                  <a:pt x="314" y="76"/>
                </a:cubicBezTo>
                <a:cubicBezTo>
                  <a:pt x="334" y="92"/>
                  <a:pt x="334" y="92"/>
                  <a:pt x="334" y="92"/>
                </a:cubicBezTo>
                <a:cubicBezTo>
                  <a:pt x="358" y="97"/>
                  <a:pt x="358" y="97"/>
                  <a:pt x="358" y="97"/>
                </a:cubicBezTo>
                <a:cubicBezTo>
                  <a:pt x="359" y="113"/>
                  <a:pt x="359" y="113"/>
                  <a:pt x="359" y="113"/>
                </a:cubicBezTo>
                <a:cubicBezTo>
                  <a:pt x="387" y="109"/>
                  <a:pt x="387" y="109"/>
                  <a:pt x="387" y="109"/>
                </a:cubicBezTo>
                <a:cubicBezTo>
                  <a:pt x="408" y="130"/>
                  <a:pt x="408" y="130"/>
                  <a:pt x="408" y="130"/>
                </a:cubicBezTo>
                <a:cubicBezTo>
                  <a:pt x="401" y="161"/>
                  <a:pt x="401" y="161"/>
                  <a:pt x="401" y="161"/>
                </a:cubicBezTo>
                <a:cubicBezTo>
                  <a:pt x="358" y="159"/>
                  <a:pt x="358" y="159"/>
                  <a:pt x="358" y="159"/>
                </a:cubicBezTo>
                <a:cubicBezTo>
                  <a:pt x="353" y="169"/>
                  <a:pt x="353" y="169"/>
                  <a:pt x="353" y="169"/>
                </a:cubicBezTo>
                <a:cubicBezTo>
                  <a:pt x="372" y="180"/>
                  <a:pt x="372" y="180"/>
                  <a:pt x="372" y="180"/>
                </a:cubicBezTo>
                <a:cubicBezTo>
                  <a:pt x="375" y="200"/>
                  <a:pt x="375" y="200"/>
                  <a:pt x="375" y="200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1" name="Poland"/>
          <p:cNvSpPr>
            <a:spLocks/>
          </p:cNvSpPr>
          <p:nvPr/>
        </p:nvSpPr>
        <p:spPr bwMode="auto">
          <a:xfrm>
            <a:off x="9419163" y="3278188"/>
            <a:ext cx="1408113" cy="1058863"/>
          </a:xfrm>
          <a:custGeom>
            <a:avLst/>
            <a:gdLst>
              <a:gd name="T0" fmla="*/ 1 w 491"/>
              <a:gd name="T1" fmla="*/ 76 h 369"/>
              <a:gd name="T2" fmla="*/ 39 w 491"/>
              <a:gd name="T3" fmla="*/ 62 h 369"/>
              <a:gd name="T4" fmla="*/ 48 w 491"/>
              <a:gd name="T5" fmla="*/ 59 h 369"/>
              <a:gd name="T6" fmla="*/ 97 w 491"/>
              <a:gd name="T7" fmla="*/ 31 h 369"/>
              <a:gd name="T8" fmla="*/ 111 w 491"/>
              <a:gd name="T9" fmla="*/ 27 h 369"/>
              <a:gd name="T10" fmla="*/ 180 w 491"/>
              <a:gd name="T11" fmla="*/ 0 h 369"/>
              <a:gd name="T12" fmla="*/ 185 w 491"/>
              <a:gd name="T13" fmla="*/ 24 h 369"/>
              <a:gd name="T14" fmla="*/ 234 w 491"/>
              <a:gd name="T15" fmla="*/ 16 h 369"/>
              <a:gd name="T16" fmla="*/ 355 w 491"/>
              <a:gd name="T17" fmla="*/ 16 h 369"/>
              <a:gd name="T18" fmla="*/ 396 w 491"/>
              <a:gd name="T19" fmla="*/ 16 h 369"/>
              <a:gd name="T20" fmla="*/ 416 w 491"/>
              <a:gd name="T21" fmla="*/ 45 h 369"/>
              <a:gd name="T22" fmla="*/ 427 w 491"/>
              <a:gd name="T23" fmla="*/ 96 h 369"/>
              <a:gd name="T24" fmla="*/ 416 w 491"/>
              <a:gd name="T25" fmla="*/ 139 h 369"/>
              <a:gd name="T26" fmla="*/ 434 w 491"/>
              <a:gd name="T27" fmla="*/ 143 h 369"/>
              <a:gd name="T28" fmla="*/ 443 w 491"/>
              <a:gd name="T29" fmla="*/ 179 h 369"/>
              <a:gd name="T30" fmla="*/ 456 w 491"/>
              <a:gd name="T31" fmla="*/ 209 h 369"/>
              <a:gd name="T32" fmla="*/ 477 w 491"/>
              <a:gd name="T33" fmla="*/ 233 h 369"/>
              <a:gd name="T34" fmla="*/ 489 w 491"/>
              <a:gd name="T35" fmla="*/ 254 h 369"/>
              <a:gd name="T36" fmla="*/ 438 w 491"/>
              <a:gd name="T37" fmla="*/ 317 h 369"/>
              <a:gd name="T38" fmla="*/ 445 w 491"/>
              <a:gd name="T39" fmla="*/ 351 h 369"/>
              <a:gd name="T40" fmla="*/ 432 w 491"/>
              <a:gd name="T41" fmla="*/ 362 h 369"/>
              <a:gd name="T42" fmla="*/ 406 w 491"/>
              <a:gd name="T43" fmla="*/ 346 h 369"/>
              <a:gd name="T44" fmla="*/ 359 w 491"/>
              <a:gd name="T45" fmla="*/ 345 h 369"/>
              <a:gd name="T46" fmla="*/ 342 w 491"/>
              <a:gd name="T47" fmla="*/ 349 h 369"/>
              <a:gd name="T48" fmla="*/ 312 w 491"/>
              <a:gd name="T49" fmla="*/ 369 h 369"/>
              <a:gd name="T50" fmla="*/ 296 w 491"/>
              <a:gd name="T51" fmla="*/ 357 h 369"/>
              <a:gd name="T52" fmla="*/ 263 w 491"/>
              <a:gd name="T53" fmla="*/ 366 h 369"/>
              <a:gd name="T54" fmla="*/ 249 w 491"/>
              <a:gd name="T55" fmla="*/ 343 h 369"/>
              <a:gd name="T56" fmla="*/ 234 w 491"/>
              <a:gd name="T57" fmla="*/ 328 h 369"/>
              <a:gd name="T58" fmla="*/ 190 w 491"/>
              <a:gd name="T59" fmla="*/ 322 h 369"/>
              <a:gd name="T60" fmla="*/ 191 w 491"/>
              <a:gd name="T61" fmla="*/ 307 h 369"/>
              <a:gd name="T62" fmla="*/ 145 w 491"/>
              <a:gd name="T63" fmla="*/ 301 h 369"/>
              <a:gd name="T64" fmla="*/ 146 w 491"/>
              <a:gd name="T65" fmla="*/ 320 h 369"/>
              <a:gd name="T66" fmla="*/ 135 w 491"/>
              <a:gd name="T67" fmla="*/ 325 h 369"/>
              <a:gd name="T68" fmla="*/ 112 w 491"/>
              <a:gd name="T69" fmla="*/ 303 h 369"/>
              <a:gd name="T70" fmla="*/ 104 w 491"/>
              <a:gd name="T71" fmla="*/ 291 h 369"/>
              <a:gd name="T72" fmla="*/ 55 w 491"/>
              <a:gd name="T73" fmla="*/ 271 h 369"/>
              <a:gd name="T74" fmla="*/ 34 w 491"/>
              <a:gd name="T75" fmla="*/ 233 h 369"/>
              <a:gd name="T76" fmla="*/ 32 w 491"/>
              <a:gd name="T77" fmla="*/ 202 h 369"/>
              <a:gd name="T78" fmla="*/ 21 w 491"/>
              <a:gd name="T79" fmla="*/ 162 h 369"/>
              <a:gd name="T80" fmla="*/ 17 w 491"/>
              <a:gd name="T81" fmla="*/ 125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91" h="369">
                <a:moveTo>
                  <a:pt x="1" y="92"/>
                </a:moveTo>
                <a:cubicBezTo>
                  <a:pt x="1" y="76"/>
                  <a:pt x="1" y="76"/>
                  <a:pt x="1" y="76"/>
                </a:cubicBezTo>
                <a:cubicBezTo>
                  <a:pt x="10" y="76"/>
                  <a:pt x="10" y="76"/>
                  <a:pt x="10" y="76"/>
                </a:cubicBezTo>
                <a:cubicBezTo>
                  <a:pt x="39" y="62"/>
                  <a:pt x="39" y="62"/>
                  <a:pt x="39" y="62"/>
                </a:cubicBezTo>
                <a:cubicBezTo>
                  <a:pt x="44" y="66"/>
                  <a:pt x="44" y="66"/>
                  <a:pt x="44" y="66"/>
                </a:cubicBezTo>
                <a:cubicBezTo>
                  <a:pt x="48" y="59"/>
                  <a:pt x="48" y="59"/>
                  <a:pt x="48" y="59"/>
                </a:cubicBezTo>
                <a:cubicBezTo>
                  <a:pt x="86" y="49"/>
                  <a:pt x="86" y="49"/>
                  <a:pt x="86" y="49"/>
                </a:cubicBezTo>
                <a:cubicBezTo>
                  <a:pt x="97" y="31"/>
                  <a:pt x="97" y="31"/>
                  <a:pt x="97" y="31"/>
                </a:cubicBezTo>
                <a:cubicBezTo>
                  <a:pt x="106" y="22"/>
                  <a:pt x="106" y="22"/>
                  <a:pt x="106" y="22"/>
                </a:cubicBezTo>
                <a:cubicBezTo>
                  <a:pt x="111" y="27"/>
                  <a:pt x="111" y="27"/>
                  <a:pt x="111" y="27"/>
                </a:cubicBezTo>
                <a:cubicBezTo>
                  <a:pt x="155" y="0"/>
                  <a:pt x="155" y="0"/>
                  <a:pt x="155" y="0"/>
                </a:cubicBezTo>
                <a:cubicBezTo>
                  <a:pt x="180" y="0"/>
                  <a:pt x="180" y="0"/>
                  <a:pt x="180" y="0"/>
                </a:cubicBezTo>
                <a:cubicBezTo>
                  <a:pt x="185" y="12"/>
                  <a:pt x="185" y="12"/>
                  <a:pt x="185" y="12"/>
                </a:cubicBezTo>
                <a:cubicBezTo>
                  <a:pt x="185" y="24"/>
                  <a:pt x="185" y="24"/>
                  <a:pt x="185" y="24"/>
                </a:cubicBezTo>
                <a:cubicBezTo>
                  <a:pt x="206" y="33"/>
                  <a:pt x="206" y="33"/>
                  <a:pt x="206" y="33"/>
                </a:cubicBezTo>
                <a:cubicBezTo>
                  <a:pt x="234" y="16"/>
                  <a:pt x="234" y="16"/>
                  <a:pt x="234" y="16"/>
                </a:cubicBezTo>
                <a:cubicBezTo>
                  <a:pt x="300" y="19"/>
                  <a:pt x="300" y="19"/>
                  <a:pt x="300" y="19"/>
                </a:cubicBezTo>
                <a:cubicBezTo>
                  <a:pt x="355" y="16"/>
                  <a:pt x="355" y="16"/>
                  <a:pt x="355" y="16"/>
                </a:cubicBezTo>
                <a:cubicBezTo>
                  <a:pt x="374" y="4"/>
                  <a:pt x="374" y="4"/>
                  <a:pt x="374" y="4"/>
                </a:cubicBezTo>
                <a:cubicBezTo>
                  <a:pt x="396" y="16"/>
                  <a:pt x="396" y="16"/>
                  <a:pt x="396" y="16"/>
                </a:cubicBezTo>
                <a:cubicBezTo>
                  <a:pt x="413" y="21"/>
                  <a:pt x="413" y="21"/>
                  <a:pt x="413" y="21"/>
                </a:cubicBezTo>
                <a:cubicBezTo>
                  <a:pt x="416" y="45"/>
                  <a:pt x="416" y="45"/>
                  <a:pt x="416" y="45"/>
                </a:cubicBezTo>
                <a:cubicBezTo>
                  <a:pt x="437" y="81"/>
                  <a:pt x="437" y="81"/>
                  <a:pt x="437" y="81"/>
                </a:cubicBezTo>
                <a:cubicBezTo>
                  <a:pt x="427" y="96"/>
                  <a:pt x="427" y="96"/>
                  <a:pt x="427" y="96"/>
                </a:cubicBezTo>
                <a:cubicBezTo>
                  <a:pt x="427" y="97"/>
                  <a:pt x="427" y="97"/>
                  <a:pt x="427" y="97"/>
                </a:cubicBezTo>
                <a:cubicBezTo>
                  <a:pt x="416" y="139"/>
                  <a:pt x="416" y="139"/>
                  <a:pt x="416" y="139"/>
                </a:cubicBezTo>
                <a:cubicBezTo>
                  <a:pt x="421" y="148"/>
                  <a:pt x="421" y="148"/>
                  <a:pt x="421" y="148"/>
                </a:cubicBezTo>
                <a:cubicBezTo>
                  <a:pt x="434" y="143"/>
                  <a:pt x="434" y="143"/>
                  <a:pt x="434" y="143"/>
                </a:cubicBezTo>
                <a:cubicBezTo>
                  <a:pt x="448" y="154"/>
                  <a:pt x="448" y="154"/>
                  <a:pt x="448" y="154"/>
                </a:cubicBezTo>
                <a:cubicBezTo>
                  <a:pt x="443" y="179"/>
                  <a:pt x="443" y="179"/>
                  <a:pt x="443" y="179"/>
                </a:cubicBezTo>
                <a:cubicBezTo>
                  <a:pt x="456" y="195"/>
                  <a:pt x="456" y="195"/>
                  <a:pt x="456" y="195"/>
                </a:cubicBezTo>
                <a:cubicBezTo>
                  <a:pt x="456" y="209"/>
                  <a:pt x="456" y="209"/>
                  <a:pt x="456" y="209"/>
                </a:cubicBezTo>
                <a:cubicBezTo>
                  <a:pt x="486" y="223"/>
                  <a:pt x="486" y="223"/>
                  <a:pt x="486" y="223"/>
                </a:cubicBezTo>
                <a:cubicBezTo>
                  <a:pt x="477" y="233"/>
                  <a:pt x="477" y="233"/>
                  <a:pt x="477" y="233"/>
                </a:cubicBezTo>
                <a:cubicBezTo>
                  <a:pt x="491" y="247"/>
                  <a:pt x="491" y="247"/>
                  <a:pt x="491" y="247"/>
                </a:cubicBezTo>
                <a:cubicBezTo>
                  <a:pt x="489" y="254"/>
                  <a:pt x="489" y="254"/>
                  <a:pt x="489" y="254"/>
                </a:cubicBezTo>
                <a:cubicBezTo>
                  <a:pt x="474" y="264"/>
                  <a:pt x="474" y="264"/>
                  <a:pt x="474" y="264"/>
                </a:cubicBezTo>
                <a:cubicBezTo>
                  <a:pt x="438" y="317"/>
                  <a:pt x="438" y="317"/>
                  <a:pt x="438" y="317"/>
                </a:cubicBezTo>
                <a:cubicBezTo>
                  <a:pt x="434" y="332"/>
                  <a:pt x="434" y="332"/>
                  <a:pt x="434" y="332"/>
                </a:cubicBezTo>
                <a:cubicBezTo>
                  <a:pt x="445" y="351"/>
                  <a:pt x="445" y="351"/>
                  <a:pt x="445" y="351"/>
                </a:cubicBezTo>
                <a:cubicBezTo>
                  <a:pt x="451" y="357"/>
                  <a:pt x="451" y="357"/>
                  <a:pt x="451" y="357"/>
                </a:cubicBezTo>
                <a:cubicBezTo>
                  <a:pt x="432" y="362"/>
                  <a:pt x="432" y="362"/>
                  <a:pt x="432" y="362"/>
                </a:cubicBezTo>
                <a:cubicBezTo>
                  <a:pt x="408" y="355"/>
                  <a:pt x="408" y="355"/>
                  <a:pt x="408" y="355"/>
                </a:cubicBezTo>
                <a:cubicBezTo>
                  <a:pt x="406" y="346"/>
                  <a:pt x="406" y="346"/>
                  <a:pt x="406" y="346"/>
                </a:cubicBezTo>
                <a:cubicBezTo>
                  <a:pt x="377" y="341"/>
                  <a:pt x="377" y="341"/>
                  <a:pt x="377" y="341"/>
                </a:cubicBezTo>
                <a:cubicBezTo>
                  <a:pt x="359" y="345"/>
                  <a:pt x="359" y="345"/>
                  <a:pt x="359" y="345"/>
                </a:cubicBezTo>
                <a:cubicBezTo>
                  <a:pt x="354" y="362"/>
                  <a:pt x="354" y="362"/>
                  <a:pt x="354" y="362"/>
                </a:cubicBezTo>
                <a:cubicBezTo>
                  <a:pt x="342" y="349"/>
                  <a:pt x="342" y="349"/>
                  <a:pt x="342" y="349"/>
                </a:cubicBezTo>
                <a:cubicBezTo>
                  <a:pt x="322" y="351"/>
                  <a:pt x="322" y="351"/>
                  <a:pt x="322" y="351"/>
                </a:cubicBezTo>
                <a:cubicBezTo>
                  <a:pt x="312" y="369"/>
                  <a:pt x="312" y="369"/>
                  <a:pt x="312" y="369"/>
                </a:cubicBezTo>
                <a:cubicBezTo>
                  <a:pt x="298" y="369"/>
                  <a:pt x="298" y="369"/>
                  <a:pt x="298" y="369"/>
                </a:cubicBezTo>
                <a:cubicBezTo>
                  <a:pt x="296" y="357"/>
                  <a:pt x="296" y="357"/>
                  <a:pt x="296" y="357"/>
                </a:cubicBezTo>
                <a:cubicBezTo>
                  <a:pt x="277" y="345"/>
                  <a:pt x="277" y="345"/>
                  <a:pt x="277" y="345"/>
                </a:cubicBezTo>
                <a:cubicBezTo>
                  <a:pt x="263" y="366"/>
                  <a:pt x="263" y="366"/>
                  <a:pt x="263" y="366"/>
                </a:cubicBezTo>
                <a:cubicBezTo>
                  <a:pt x="250" y="354"/>
                  <a:pt x="250" y="354"/>
                  <a:pt x="250" y="354"/>
                </a:cubicBezTo>
                <a:cubicBezTo>
                  <a:pt x="249" y="343"/>
                  <a:pt x="249" y="343"/>
                  <a:pt x="249" y="343"/>
                </a:cubicBezTo>
                <a:cubicBezTo>
                  <a:pt x="235" y="342"/>
                  <a:pt x="235" y="342"/>
                  <a:pt x="235" y="342"/>
                </a:cubicBezTo>
                <a:cubicBezTo>
                  <a:pt x="234" y="328"/>
                  <a:pt x="234" y="328"/>
                  <a:pt x="234" y="328"/>
                </a:cubicBezTo>
                <a:cubicBezTo>
                  <a:pt x="196" y="328"/>
                  <a:pt x="196" y="328"/>
                  <a:pt x="196" y="328"/>
                </a:cubicBezTo>
                <a:cubicBezTo>
                  <a:pt x="190" y="322"/>
                  <a:pt x="190" y="322"/>
                  <a:pt x="190" y="322"/>
                </a:cubicBezTo>
                <a:cubicBezTo>
                  <a:pt x="185" y="317"/>
                  <a:pt x="185" y="317"/>
                  <a:pt x="185" y="317"/>
                </a:cubicBezTo>
                <a:cubicBezTo>
                  <a:pt x="191" y="307"/>
                  <a:pt x="191" y="307"/>
                  <a:pt x="191" y="307"/>
                </a:cubicBezTo>
                <a:cubicBezTo>
                  <a:pt x="169" y="307"/>
                  <a:pt x="169" y="307"/>
                  <a:pt x="169" y="307"/>
                </a:cubicBezTo>
                <a:cubicBezTo>
                  <a:pt x="145" y="301"/>
                  <a:pt x="145" y="301"/>
                  <a:pt x="145" y="301"/>
                </a:cubicBezTo>
                <a:cubicBezTo>
                  <a:pt x="153" y="312"/>
                  <a:pt x="153" y="312"/>
                  <a:pt x="153" y="312"/>
                </a:cubicBezTo>
                <a:cubicBezTo>
                  <a:pt x="146" y="320"/>
                  <a:pt x="146" y="320"/>
                  <a:pt x="146" y="320"/>
                </a:cubicBezTo>
                <a:cubicBezTo>
                  <a:pt x="141" y="324"/>
                  <a:pt x="141" y="324"/>
                  <a:pt x="141" y="324"/>
                </a:cubicBezTo>
                <a:cubicBezTo>
                  <a:pt x="135" y="325"/>
                  <a:pt x="135" y="325"/>
                  <a:pt x="135" y="325"/>
                </a:cubicBezTo>
                <a:cubicBezTo>
                  <a:pt x="126" y="311"/>
                  <a:pt x="126" y="311"/>
                  <a:pt x="126" y="311"/>
                </a:cubicBezTo>
                <a:cubicBezTo>
                  <a:pt x="112" y="303"/>
                  <a:pt x="112" y="303"/>
                  <a:pt x="112" y="303"/>
                </a:cubicBezTo>
                <a:cubicBezTo>
                  <a:pt x="124" y="295"/>
                  <a:pt x="124" y="295"/>
                  <a:pt x="124" y="295"/>
                </a:cubicBezTo>
                <a:cubicBezTo>
                  <a:pt x="104" y="291"/>
                  <a:pt x="104" y="291"/>
                  <a:pt x="104" y="291"/>
                </a:cubicBezTo>
                <a:cubicBezTo>
                  <a:pt x="71" y="280"/>
                  <a:pt x="71" y="280"/>
                  <a:pt x="71" y="280"/>
                </a:cubicBezTo>
                <a:cubicBezTo>
                  <a:pt x="55" y="271"/>
                  <a:pt x="55" y="271"/>
                  <a:pt x="55" y="271"/>
                </a:cubicBezTo>
                <a:cubicBezTo>
                  <a:pt x="49" y="248"/>
                  <a:pt x="49" y="248"/>
                  <a:pt x="49" y="248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8" y="221"/>
                  <a:pt x="28" y="221"/>
                  <a:pt x="28" y="221"/>
                </a:cubicBezTo>
                <a:cubicBezTo>
                  <a:pt x="32" y="202"/>
                  <a:pt x="32" y="202"/>
                  <a:pt x="32" y="202"/>
                </a:cubicBezTo>
                <a:cubicBezTo>
                  <a:pt x="17" y="180"/>
                  <a:pt x="17" y="180"/>
                  <a:pt x="17" y="180"/>
                </a:cubicBezTo>
                <a:cubicBezTo>
                  <a:pt x="21" y="162"/>
                  <a:pt x="21" y="162"/>
                  <a:pt x="21" y="162"/>
                </a:cubicBezTo>
                <a:cubicBezTo>
                  <a:pt x="0" y="145"/>
                  <a:pt x="0" y="145"/>
                  <a:pt x="0" y="145"/>
                </a:cubicBezTo>
                <a:cubicBezTo>
                  <a:pt x="17" y="125"/>
                  <a:pt x="17" y="125"/>
                  <a:pt x="17" y="125"/>
                </a:cubicBezTo>
                <a:lnTo>
                  <a:pt x="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2" name="Ukraine"/>
          <p:cNvSpPr>
            <a:spLocks/>
          </p:cNvSpPr>
          <p:nvPr/>
        </p:nvSpPr>
        <p:spPr bwMode="auto">
          <a:xfrm>
            <a:off x="10643126" y="3352800"/>
            <a:ext cx="1557338" cy="1489075"/>
          </a:xfrm>
          <a:custGeom>
            <a:avLst/>
            <a:gdLst>
              <a:gd name="T0" fmla="*/ 60 w 981"/>
              <a:gd name="T1" fmla="*/ 237 h 938"/>
              <a:gd name="T2" fmla="*/ 128 w 981"/>
              <a:gd name="T3" fmla="*/ 175 h 938"/>
              <a:gd name="T4" fmla="*/ 193 w 981"/>
              <a:gd name="T5" fmla="*/ 177 h 938"/>
              <a:gd name="T6" fmla="*/ 278 w 981"/>
              <a:gd name="T7" fmla="*/ 166 h 938"/>
              <a:gd name="T8" fmla="*/ 347 w 981"/>
              <a:gd name="T9" fmla="*/ 172 h 938"/>
              <a:gd name="T10" fmla="*/ 430 w 981"/>
              <a:gd name="T11" fmla="*/ 204 h 938"/>
              <a:gd name="T12" fmla="*/ 481 w 981"/>
              <a:gd name="T13" fmla="*/ 204 h 938"/>
              <a:gd name="T14" fmla="*/ 530 w 981"/>
              <a:gd name="T15" fmla="*/ 199 h 938"/>
              <a:gd name="T16" fmla="*/ 571 w 981"/>
              <a:gd name="T17" fmla="*/ 165 h 938"/>
              <a:gd name="T18" fmla="*/ 614 w 981"/>
              <a:gd name="T19" fmla="*/ 192 h 938"/>
              <a:gd name="T20" fmla="*/ 638 w 981"/>
              <a:gd name="T21" fmla="*/ 175 h 938"/>
              <a:gd name="T22" fmla="*/ 622 w 981"/>
              <a:gd name="T23" fmla="*/ 109 h 938"/>
              <a:gd name="T24" fmla="*/ 654 w 981"/>
              <a:gd name="T25" fmla="*/ 80 h 938"/>
              <a:gd name="T26" fmla="*/ 705 w 981"/>
              <a:gd name="T27" fmla="*/ 65 h 938"/>
              <a:gd name="T28" fmla="*/ 734 w 981"/>
              <a:gd name="T29" fmla="*/ 34 h 938"/>
              <a:gd name="T30" fmla="*/ 853 w 981"/>
              <a:gd name="T31" fmla="*/ 0 h 938"/>
              <a:gd name="T32" fmla="*/ 929 w 981"/>
              <a:gd name="T33" fmla="*/ 38 h 938"/>
              <a:gd name="T34" fmla="*/ 938 w 981"/>
              <a:gd name="T35" fmla="*/ 109 h 938"/>
              <a:gd name="T36" fmla="*/ 981 w 981"/>
              <a:gd name="T37" fmla="*/ 743 h 938"/>
              <a:gd name="T38" fmla="*/ 947 w 981"/>
              <a:gd name="T39" fmla="*/ 717 h 938"/>
              <a:gd name="T40" fmla="*/ 871 w 981"/>
              <a:gd name="T41" fmla="*/ 716 h 938"/>
              <a:gd name="T42" fmla="*/ 826 w 981"/>
              <a:gd name="T43" fmla="*/ 800 h 938"/>
              <a:gd name="T44" fmla="*/ 773 w 981"/>
              <a:gd name="T45" fmla="*/ 887 h 938"/>
              <a:gd name="T46" fmla="*/ 741 w 981"/>
              <a:gd name="T47" fmla="*/ 902 h 938"/>
              <a:gd name="T48" fmla="*/ 660 w 981"/>
              <a:gd name="T49" fmla="*/ 938 h 938"/>
              <a:gd name="T50" fmla="*/ 661 w 981"/>
              <a:gd name="T51" fmla="*/ 878 h 938"/>
              <a:gd name="T52" fmla="*/ 665 w 981"/>
              <a:gd name="T53" fmla="*/ 795 h 938"/>
              <a:gd name="T54" fmla="*/ 775 w 981"/>
              <a:gd name="T55" fmla="*/ 779 h 938"/>
              <a:gd name="T56" fmla="*/ 723 w 981"/>
              <a:gd name="T57" fmla="*/ 707 h 938"/>
              <a:gd name="T58" fmla="*/ 665 w 981"/>
              <a:gd name="T59" fmla="*/ 676 h 938"/>
              <a:gd name="T60" fmla="*/ 640 w 981"/>
              <a:gd name="T61" fmla="*/ 611 h 938"/>
              <a:gd name="T62" fmla="*/ 522 w 981"/>
              <a:gd name="T63" fmla="*/ 593 h 938"/>
              <a:gd name="T64" fmla="*/ 454 w 981"/>
              <a:gd name="T65" fmla="*/ 602 h 938"/>
              <a:gd name="T66" fmla="*/ 374 w 981"/>
              <a:gd name="T67" fmla="*/ 649 h 938"/>
              <a:gd name="T68" fmla="*/ 287 w 981"/>
              <a:gd name="T69" fmla="*/ 692 h 938"/>
              <a:gd name="T70" fmla="*/ 235 w 981"/>
              <a:gd name="T71" fmla="*/ 699 h 938"/>
              <a:gd name="T72" fmla="*/ 98 w 981"/>
              <a:gd name="T73" fmla="*/ 705 h 938"/>
              <a:gd name="T74" fmla="*/ 54 w 981"/>
              <a:gd name="T75" fmla="*/ 707 h 938"/>
              <a:gd name="T76" fmla="*/ 11 w 981"/>
              <a:gd name="T77" fmla="*/ 640 h 938"/>
              <a:gd name="T78" fmla="*/ 44 w 981"/>
              <a:gd name="T79" fmla="*/ 598 h 938"/>
              <a:gd name="T80" fmla="*/ 13 w 981"/>
              <a:gd name="T81" fmla="*/ 553 h 938"/>
              <a:gd name="T82" fmla="*/ 85 w 981"/>
              <a:gd name="T83" fmla="*/ 430 h 938"/>
              <a:gd name="T84" fmla="*/ 116 w 981"/>
              <a:gd name="T85" fmla="*/ 399 h 938"/>
              <a:gd name="T86" fmla="*/ 107 w 981"/>
              <a:gd name="T87" fmla="*/ 356 h 938"/>
              <a:gd name="T88" fmla="*/ 53 w 981"/>
              <a:gd name="T89" fmla="*/ 305 h 9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981" h="938">
                <a:moveTo>
                  <a:pt x="29" y="277"/>
                </a:moveTo>
                <a:lnTo>
                  <a:pt x="60" y="237"/>
                </a:lnTo>
                <a:lnTo>
                  <a:pt x="109" y="190"/>
                </a:lnTo>
                <a:lnTo>
                  <a:pt x="128" y="175"/>
                </a:lnTo>
                <a:lnTo>
                  <a:pt x="150" y="175"/>
                </a:lnTo>
                <a:lnTo>
                  <a:pt x="193" y="177"/>
                </a:lnTo>
                <a:lnTo>
                  <a:pt x="239" y="155"/>
                </a:lnTo>
                <a:lnTo>
                  <a:pt x="278" y="166"/>
                </a:lnTo>
                <a:lnTo>
                  <a:pt x="334" y="177"/>
                </a:lnTo>
                <a:lnTo>
                  <a:pt x="347" y="172"/>
                </a:lnTo>
                <a:lnTo>
                  <a:pt x="354" y="186"/>
                </a:lnTo>
                <a:lnTo>
                  <a:pt x="430" y="204"/>
                </a:lnTo>
                <a:lnTo>
                  <a:pt x="457" y="188"/>
                </a:lnTo>
                <a:lnTo>
                  <a:pt x="481" y="204"/>
                </a:lnTo>
                <a:lnTo>
                  <a:pt x="497" y="177"/>
                </a:lnTo>
                <a:lnTo>
                  <a:pt x="530" y="199"/>
                </a:lnTo>
                <a:lnTo>
                  <a:pt x="564" y="183"/>
                </a:lnTo>
                <a:lnTo>
                  <a:pt x="571" y="165"/>
                </a:lnTo>
                <a:lnTo>
                  <a:pt x="596" y="166"/>
                </a:lnTo>
                <a:lnTo>
                  <a:pt x="614" y="192"/>
                </a:lnTo>
                <a:lnTo>
                  <a:pt x="632" y="192"/>
                </a:lnTo>
                <a:lnTo>
                  <a:pt x="638" y="175"/>
                </a:lnTo>
                <a:lnTo>
                  <a:pt x="614" y="152"/>
                </a:lnTo>
                <a:lnTo>
                  <a:pt x="622" y="109"/>
                </a:lnTo>
                <a:lnTo>
                  <a:pt x="631" y="72"/>
                </a:lnTo>
                <a:lnTo>
                  <a:pt x="654" y="80"/>
                </a:lnTo>
                <a:lnTo>
                  <a:pt x="663" y="65"/>
                </a:lnTo>
                <a:lnTo>
                  <a:pt x="705" y="65"/>
                </a:lnTo>
                <a:lnTo>
                  <a:pt x="732" y="67"/>
                </a:lnTo>
                <a:lnTo>
                  <a:pt x="734" y="34"/>
                </a:lnTo>
                <a:lnTo>
                  <a:pt x="804" y="4"/>
                </a:lnTo>
                <a:lnTo>
                  <a:pt x="853" y="0"/>
                </a:lnTo>
                <a:lnTo>
                  <a:pt x="866" y="0"/>
                </a:lnTo>
                <a:lnTo>
                  <a:pt x="929" y="38"/>
                </a:lnTo>
                <a:lnTo>
                  <a:pt x="898" y="67"/>
                </a:lnTo>
                <a:lnTo>
                  <a:pt x="938" y="109"/>
                </a:lnTo>
                <a:lnTo>
                  <a:pt x="981" y="98"/>
                </a:lnTo>
                <a:lnTo>
                  <a:pt x="981" y="743"/>
                </a:lnTo>
                <a:lnTo>
                  <a:pt x="943" y="743"/>
                </a:lnTo>
                <a:lnTo>
                  <a:pt x="947" y="717"/>
                </a:lnTo>
                <a:lnTo>
                  <a:pt x="905" y="703"/>
                </a:lnTo>
                <a:lnTo>
                  <a:pt x="871" y="716"/>
                </a:lnTo>
                <a:lnTo>
                  <a:pt x="833" y="732"/>
                </a:lnTo>
                <a:lnTo>
                  <a:pt x="826" y="800"/>
                </a:lnTo>
                <a:lnTo>
                  <a:pt x="779" y="858"/>
                </a:lnTo>
                <a:lnTo>
                  <a:pt x="773" y="887"/>
                </a:lnTo>
                <a:lnTo>
                  <a:pt x="779" y="922"/>
                </a:lnTo>
                <a:lnTo>
                  <a:pt x="741" y="902"/>
                </a:lnTo>
                <a:lnTo>
                  <a:pt x="705" y="922"/>
                </a:lnTo>
                <a:lnTo>
                  <a:pt x="660" y="938"/>
                </a:lnTo>
                <a:lnTo>
                  <a:pt x="658" y="909"/>
                </a:lnTo>
                <a:lnTo>
                  <a:pt x="661" y="878"/>
                </a:lnTo>
                <a:lnTo>
                  <a:pt x="688" y="822"/>
                </a:lnTo>
                <a:lnTo>
                  <a:pt x="665" y="795"/>
                </a:lnTo>
                <a:lnTo>
                  <a:pt x="725" y="788"/>
                </a:lnTo>
                <a:lnTo>
                  <a:pt x="775" y="779"/>
                </a:lnTo>
                <a:lnTo>
                  <a:pt x="764" y="748"/>
                </a:lnTo>
                <a:lnTo>
                  <a:pt x="723" y="707"/>
                </a:lnTo>
                <a:lnTo>
                  <a:pt x="690" y="667"/>
                </a:lnTo>
                <a:lnTo>
                  <a:pt x="665" y="676"/>
                </a:lnTo>
                <a:lnTo>
                  <a:pt x="647" y="660"/>
                </a:lnTo>
                <a:lnTo>
                  <a:pt x="640" y="611"/>
                </a:lnTo>
                <a:lnTo>
                  <a:pt x="573" y="595"/>
                </a:lnTo>
                <a:lnTo>
                  <a:pt x="522" y="593"/>
                </a:lnTo>
                <a:lnTo>
                  <a:pt x="483" y="576"/>
                </a:lnTo>
                <a:lnTo>
                  <a:pt x="454" y="602"/>
                </a:lnTo>
                <a:lnTo>
                  <a:pt x="405" y="613"/>
                </a:lnTo>
                <a:lnTo>
                  <a:pt x="374" y="649"/>
                </a:lnTo>
                <a:lnTo>
                  <a:pt x="358" y="676"/>
                </a:lnTo>
                <a:lnTo>
                  <a:pt x="287" y="692"/>
                </a:lnTo>
                <a:lnTo>
                  <a:pt x="271" y="725"/>
                </a:lnTo>
                <a:lnTo>
                  <a:pt x="235" y="699"/>
                </a:lnTo>
                <a:lnTo>
                  <a:pt x="181" y="710"/>
                </a:lnTo>
                <a:lnTo>
                  <a:pt x="98" y="705"/>
                </a:lnTo>
                <a:lnTo>
                  <a:pt x="72" y="728"/>
                </a:lnTo>
                <a:lnTo>
                  <a:pt x="54" y="707"/>
                </a:lnTo>
                <a:lnTo>
                  <a:pt x="0" y="676"/>
                </a:lnTo>
                <a:lnTo>
                  <a:pt x="11" y="640"/>
                </a:lnTo>
                <a:lnTo>
                  <a:pt x="9" y="607"/>
                </a:lnTo>
                <a:lnTo>
                  <a:pt x="44" y="598"/>
                </a:lnTo>
                <a:lnTo>
                  <a:pt x="33" y="587"/>
                </a:lnTo>
                <a:lnTo>
                  <a:pt x="13" y="553"/>
                </a:lnTo>
                <a:lnTo>
                  <a:pt x="20" y="526"/>
                </a:lnTo>
                <a:lnTo>
                  <a:pt x="85" y="430"/>
                </a:lnTo>
                <a:lnTo>
                  <a:pt x="112" y="412"/>
                </a:lnTo>
                <a:lnTo>
                  <a:pt x="116" y="399"/>
                </a:lnTo>
                <a:lnTo>
                  <a:pt x="91" y="374"/>
                </a:lnTo>
                <a:lnTo>
                  <a:pt x="107" y="356"/>
                </a:lnTo>
                <a:lnTo>
                  <a:pt x="53" y="331"/>
                </a:lnTo>
                <a:lnTo>
                  <a:pt x="53" y="305"/>
                </a:lnTo>
                <a:lnTo>
                  <a:pt x="29" y="27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3" name="Moldova"/>
          <p:cNvSpPr>
            <a:spLocks/>
          </p:cNvSpPr>
          <p:nvPr/>
        </p:nvSpPr>
        <p:spPr bwMode="auto">
          <a:xfrm>
            <a:off x="11247963" y="4267200"/>
            <a:ext cx="625475" cy="568325"/>
          </a:xfrm>
          <a:custGeom>
            <a:avLst/>
            <a:gdLst>
              <a:gd name="T0" fmla="*/ 13 w 218"/>
              <a:gd name="T1" fmla="*/ 20 h 198"/>
              <a:gd name="T2" fmla="*/ 40 w 218"/>
              <a:gd name="T3" fmla="*/ 14 h 198"/>
              <a:gd name="T4" fmla="*/ 56 w 218"/>
              <a:gd name="T5" fmla="*/ 0 h 198"/>
              <a:gd name="T6" fmla="*/ 78 w 218"/>
              <a:gd name="T7" fmla="*/ 9 h 198"/>
              <a:gd name="T8" fmla="*/ 106 w 218"/>
              <a:gd name="T9" fmla="*/ 10 h 198"/>
              <a:gd name="T10" fmla="*/ 143 w 218"/>
              <a:gd name="T11" fmla="*/ 19 h 198"/>
              <a:gd name="T12" fmla="*/ 150 w 218"/>
              <a:gd name="T13" fmla="*/ 48 h 198"/>
              <a:gd name="T14" fmla="*/ 152 w 218"/>
              <a:gd name="T15" fmla="*/ 50 h 198"/>
              <a:gd name="T16" fmla="*/ 171 w 218"/>
              <a:gd name="T17" fmla="*/ 50 h 198"/>
              <a:gd name="T18" fmla="*/ 207 w 218"/>
              <a:gd name="T19" fmla="*/ 90 h 198"/>
              <a:gd name="T20" fmla="*/ 212 w 218"/>
              <a:gd name="T21" fmla="*/ 95 h 198"/>
              <a:gd name="T22" fmla="*/ 218 w 218"/>
              <a:gd name="T23" fmla="*/ 112 h 198"/>
              <a:gd name="T24" fmla="*/ 187 w 218"/>
              <a:gd name="T25" fmla="*/ 123 h 198"/>
              <a:gd name="T26" fmla="*/ 157 w 218"/>
              <a:gd name="T27" fmla="*/ 121 h 198"/>
              <a:gd name="T28" fmla="*/ 170 w 218"/>
              <a:gd name="T29" fmla="*/ 136 h 198"/>
              <a:gd name="T30" fmla="*/ 155 w 218"/>
              <a:gd name="T31" fmla="*/ 167 h 198"/>
              <a:gd name="T32" fmla="*/ 153 w 218"/>
              <a:gd name="T33" fmla="*/ 184 h 198"/>
              <a:gd name="T34" fmla="*/ 154 w 218"/>
              <a:gd name="T35" fmla="*/ 198 h 198"/>
              <a:gd name="T36" fmla="*/ 139 w 218"/>
              <a:gd name="T37" fmla="*/ 191 h 198"/>
              <a:gd name="T38" fmla="*/ 118 w 218"/>
              <a:gd name="T39" fmla="*/ 164 h 198"/>
              <a:gd name="T40" fmla="*/ 120 w 218"/>
              <a:gd name="T41" fmla="*/ 121 h 198"/>
              <a:gd name="T42" fmla="*/ 76 w 218"/>
              <a:gd name="T43" fmla="*/ 85 h 198"/>
              <a:gd name="T44" fmla="*/ 49 w 218"/>
              <a:gd name="T45" fmla="*/ 63 h 198"/>
              <a:gd name="T46" fmla="*/ 29 w 218"/>
              <a:gd name="T47" fmla="*/ 28 h 198"/>
              <a:gd name="T48" fmla="*/ 0 w 218"/>
              <a:gd name="T49" fmla="*/ 35 h 198"/>
              <a:gd name="T50" fmla="*/ 13 w 218"/>
              <a:gd name="T51" fmla="*/ 20 h 1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218" h="198">
                <a:moveTo>
                  <a:pt x="13" y="20"/>
                </a:moveTo>
                <a:cubicBezTo>
                  <a:pt x="40" y="14"/>
                  <a:pt x="40" y="14"/>
                  <a:pt x="40" y="14"/>
                </a:cubicBezTo>
                <a:cubicBezTo>
                  <a:pt x="56" y="0"/>
                  <a:pt x="56" y="0"/>
                  <a:pt x="56" y="0"/>
                </a:cubicBezTo>
                <a:cubicBezTo>
                  <a:pt x="78" y="9"/>
                  <a:pt x="78" y="9"/>
                  <a:pt x="78" y="9"/>
                </a:cubicBezTo>
                <a:cubicBezTo>
                  <a:pt x="106" y="10"/>
                  <a:pt x="106" y="10"/>
                  <a:pt x="106" y="1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0" y="48"/>
                  <a:pt x="150" y="48"/>
                  <a:pt x="150" y="48"/>
                </a:cubicBezTo>
                <a:cubicBezTo>
                  <a:pt x="152" y="50"/>
                  <a:pt x="152" y="50"/>
                  <a:pt x="152" y="50"/>
                </a:cubicBezTo>
                <a:cubicBezTo>
                  <a:pt x="171" y="50"/>
                  <a:pt x="171" y="50"/>
                  <a:pt x="171" y="50"/>
                </a:cubicBezTo>
                <a:cubicBezTo>
                  <a:pt x="207" y="90"/>
                  <a:pt x="207" y="90"/>
                  <a:pt x="207" y="90"/>
                </a:cubicBezTo>
                <a:cubicBezTo>
                  <a:pt x="212" y="95"/>
                  <a:pt x="212" y="95"/>
                  <a:pt x="212" y="95"/>
                </a:cubicBezTo>
                <a:cubicBezTo>
                  <a:pt x="218" y="112"/>
                  <a:pt x="218" y="112"/>
                  <a:pt x="218" y="112"/>
                </a:cubicBezTo>
                <a:cubicBezTo>
                  <a:pt x="187" y="123"/>
                  <a:pt x="187" y="123"/>
                  <a:pt x="187" y="123"/>
                </a:cubicBezTo>
                <a:cubicBezTo>
                  <a:pt x="157" y="121"/>
                  <a:pt x="157" y="121"/>
                  <a:pt x="157" y="121"/>
                </a:cubicBezTo>
                <a:cubicBezTo>
                  <a:pt x="170" y="136"/>
                  <a:pt x="170" y="136"/>
                  <a:pt x="170" y="136"/>
                </a:cubicBezTo>
                <a:cubicBezTo>
                  <a:pt x="155" y="167"/>
                  <a:pt x="155" y="167"/>
                  <a:pt x="155" y="167"/>
                </a:cubicBezTo>
                <a:cubicBezTo>
                  <a:pt x="153" y="184"/>
                  <a:pt x="153" y="184"/>
                  <a:pt x="153" y="184"/>
                </a:cubicBezTo>
                <a:cubicBezTo>
                  <a:pt x="154" y="198"/>
                  <a:pt x="154" y="198"/>
                  <a:pt x="154" y="198"/>
                </a:cubicBezTo>
                <a:cubicBezTo>
                  <a:pt x="139" y="191"/>
                  <a:pt x="139" y="191"/>
                  <a:pt x="139" y="191"/>
                </a:cubicBezTo>
                <a:cubicBezTo>
                  <a:pt x="118" y="164"/>
                  <a:pt x="118" y="164"/>
                  <a:pt x="118" y="164"/>
                </a:cubicBezTo>
                <a:cubicBezTo>
                  <a:pt x="120" y="121"/>
                  <a:pt x="120" y="121"/>
                  <a:pt x="120" y="121"/>
                </a:cubicBezTo>
                <a:cubicBezTo>
                  <a:pt x="76" y="85"/>
                  <a:pt x="76" y="85"/>
                  <a:pt x="76" y="85"/>
                </a:cubicBezTo>
                <a:cubicBezTo>
                  <a:pt x="76" y="85"/>
                  <a:pt x="49" y="67"/>
                  <a:pt x="49" y="63"/>
                </a:cubicBezTo>
                <a:cubicBezTo>
                  <a:pt x="48" y="59"/>
                  <a:pt x="29" y="28"/>
                  <a:pt x="29" y="28"/>
                </a:cubicBezTo>
                <a:cubicBezTo>
                  <a:pt x="0" y="35"/>
                  <a:pt x="0" y="35"/>
                  <a:pt x="0" y="35"/>
                </a:cubicBezTo>
                <a:lnTo>
                  <a:pt x="13" y="2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4" name="Austria"/>
          <p:cNvSpPr>
            <a:spLocks/>
          </p:cNvSpPr>
          <p:nvPr/>
        </p:nvSpPr>
        <p:spPr bwMode="auto">
          <a:xfrm>
            <a:off x="8801626" y="4425950"/>
            <a:ext cx="1112838" cy="508000"/>
          </a:xfrm>
          <a:custGeom>
            <a:avLst/>
            <a:gdLst>
              <a:gd name="T0" fmla="*/ 400 w 701"/>
              <a:gd name="T1" fmla="*/ 45 h 320"/>
              <a:gd name="T2" fmla="*/ 421 w 701"/>
              <a:gd name="T3" fmla="*/ 63 h 320"/>
              <a:gd name="T4" fmla="*/ 447 w 701"/>
              <a:gd name="T5" fmla="*/ 63 h 320"/>
              <a:gd name="T6" fmla="*/ 479 w 701"/>
              <a:gd name="T7" fmla="*/ 63 h 320"/>
              <a:gd name="T8" fmla="*/ 508 w 701"/>
              <a:gd name="T9" fmla="*/ 0 h 320"/>
              <a:gd name="T10" fmla="*/ 526 w 701"/>
              <a:gd name="T11" fmla="*/ 16 h 320"/>
              <a:gd name="T12" fmla="*/ 548 w 701"/>
              <a:gd name="T13" fmla="*/ 12 h 320"/>
              <a:gd name="T14" fmla="*/ 595 w 701"/>
              <a:gd name="T15" fmla="*/ 31 h 320"/>
              <a:gd name="T16" fmla="*/ 653 w 701"/>
              <a:gd name="T17" fmla="*/ 18 h 320"/>
              <a:gd name="T18" fmla="*/ 678 w 701"/>
              <a:gd name="T19" fmla="*/ 31 h 320"/>
              <a:gd name="T20" fmla="*/ 672 w 701"/>
              <a:gd name="T21" fmla="*/ 78 h 320"/>
              <a:gd name="T22" fmla="*/ 701 w 701"/>
              <a:gd name="T23" fmla="*/ 101 h 320"/>
              <a:gd name="T24" fmla="*/ 701 w 701"/>
              <a:gd name="T25" fmla="*/ 155 h 320"/>
              <a:gd name="T26" fmla="*/ 634 w 701"/>
              <a:gd name="T27" fmla="*/ 159 h 320"/>
              <a:gd name="T28" fmla="*/ 649 w 701"/>
              <a:gd name="T29" fmla="*/ 184 h 320"/>
              <a:gd name="T30" fmla="*/ 636 w 701"/>
              <a:gd name="T31" fmla="*/ 213 h 320"/>
              <a:gd name="T32" fmla="*/ 654 w 701"/>
              <a:gd name="T33" fmla="*/ 233 h 320"/>
              <a:gd name="T34" fmla="*/ 618 w 701"/>
              <a:gd name="T35" fmla="*/ 278 h 320"/>
              <a:gd name="T36" fmla="*/ 564 w 701"/>
              <a:gd name="T37" fmla="*/ 296 h 320"/>
              <a:gd name="T38" fmla="*/ 517 w 701"/>
              <a:gd name="T39" fmla="*/ 282 h 320"/>
              <a:gd name="T40" fmla="*/ 488 w 701"/>
              <a:gd name="T41" fmla="*/ 320 h 320"/>
              <a:gd name="T42" fmla="*/ 410 w 701"/>
              <a:gd name="T43" fmla="*/ 314 h 320"/>
              <a:gd name="T44" fmla="*/ 326 w 701"/>
              <a:gd name="T45" fmla="*/ 302 h 320"/>
              <a:gd name="T46" fmla="*/ 264 w 701"/>
              <a:gd name="T47" fmla="*/ 289 h 320"/>
              <a:gd name="T48" fmla="*/ 259 w 701"/>
              <a:gd name="T49" fmla="*/ 246 h 320"/>
              <a:gd name="T50" fmla="*/ 235 w 701"/>
              <a:gd name="T51" fmla="*/ 262 h 320"/>
              <a:gd name="T52" fmla="*/ 159 w 701"/>
              <a:gd name="T53" fmla="*/ 264 h 320"/>
              <a:gd name="T54" fmla="*/ 150 w 701"/>
              <a:gd name="T55" fmla="*/ 291 h 320"/>
              <a:gd name="T56" fmla="*/ 125 w 701"/>
              <a:gd name="T57" fmla="*/ 282 h 320"/>
              <a:gd name="T58" fmla="*/ 112 w 701"/>
              <a:gd name="T59" fmla="*/ 260 h 320"/>
              <a:gd name="T60" fmla="*/ 94 w 701"/>
              <a:gd name="T61" fmla="*/ 283 h 320"/>
              <a:gd name="T62" fmla="*/ 47 w 701"/>
              <a:gd name="T63" fmla="*/ 282 h 320"/>
              <a:gd name="T64" fmla="*/ 24 w 701"/>
              <a:gd name="T65" fmla="*/ 269 h 320"/>
              <a:gd name="T66" fmla="*/ 0 w 701"/>
              <a:gd name="T67" fmla="*/ 247 h 320"/>
              <a:gd name="T68" fmla="*/ 20 w 701"/>
              <a:gd name="T69" fmla="*/ 222 h 320"/>
              <a:gd name="T70" fmla="*/ 11 w 701"/>
              <a:gd name="T71" fmla="*/ 202 h 320"/>
              <a:gd name="T72" fmla="*/ 51 w 701"/>
              <a:gd name="T73" fmla="*/ 199 h 320"/>
              <a:gd name="T74" fmla="*/ 73 w 701"/>
              <a:gd name="T75" fmla="*/ 233 h 320"/>
              <a:gd name="T76" fmla="*/ 102 w 701"/>
              <a:gd name="T77" fmla="*/ 195 h 320"/>
              <a:gd name="T78" fmla="*/ 129 w 701"/>
              <a:gd name="T79" fmla="*/ 199 h 320"/>
              <a:gd name="T80" fmla="*/ 152 w 701"/>
              <a:gd name="T81" fmla="*/ 220 h 320"/>
              <a:gd name="T82" fmla="*/ 217 w 701"/>
              <a:gd name="T83" fmla="*/ 186 h 320"/>
              <a:gd name="T84" fmla="*/ 259 w 701"/>
              <a:gd name="T85" fmla="*/ 168 h 320"/>
              <a:gd name="T86" fmla="*/ 317 w 701"/>
              <a:gd name="T87" fmla="*/ 202 h 320"/>
              <a:gd name="T88" fmla="*/ 318 w 701"/>
              <a:gd name="T89" fmla="*/ 181 h 320"/>
              <a:gd name="T90" fmla="*/ 329 w 701"/>
              <a:gd name="T91" fmla="*/ 153 h 320"/>
              <a:gd name="T92" fmla="*/ 307 w 701"/>
              <a:gd name="T93" fmla="*/ 128 h 320"/>
              <a:gd name="T94" fmla="*/ 356 w 701"/>
              <a:gd name="T95" fmla="*/ 97 h 320"/>
              <a:gd name="T96" fmla="*/ 360 w 701"/>
              <a:gd name="T97" fmla="*/ 81 h 320"/>
              <a:gd name="T98" fmla="*/ 400 w 701"/>
              <a:gd name="T99" fmla="*/ 70 h 320"/>
              <a:gd name="T100" fmla="*/ 400 w 701"/>
              <a:gd name="T101" fmla="*/ 45 h 3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701" h="320">
                <a:moveTo>
                  <a:pt x="400" y="45"/>
                </a:moveTo>
                <a:lnTo>
                  <a:pt x="421" y="63"/>
                </a:lnTo>
                <a:lnTo>
                  <a:pt x="447" y="63"/>
                </a:lnTo>
                <a:lnTo>
                  <a:pt x="479" y="63"/>
                </a:lnTo>
                <a:lnTo>
                  <a:pt x="508" y="0"/>
                </a:lnTo>
                <a:lnTo>
                  <a:pt x="526" y="16"/>
                </a:lnTo>
                <a:lnTo>
                  <a:pt x="548" y="12"/>
                </a:lnTo>
                <a:lnTo>
                  <a:pt x="595" y="31"/>
                </a:lnTo>
                <a:lnTo>
                  <a:pt x="653" y="18"/>
                </a:lnTo>
                <a:lnTo>
                  <a:pt x="678" y="31"/>
                </a:lnTo>
                <a:lnTo>
                  <a:pt x="672" y="78"/>
                </a:lnTo>
                <a:lnTo>
                  <a:pt x="701" y="101"/>
                </a:lnTo>
                <a:lnTo>
                  <a:pt x="701" y="155"/>
                </a:lnTo>
                <a:lnTo>
                  <a:pt x="634" y="159"/>
                </a:lnTo>
                <a:lnTo>
                  <a:pt x="649" y="184"/>
                </a:lnTo>
                <a:lnTo>
                  <a:pt x="636" y="213"/>
                </a:lnTo>
                <a:lnTo>
                  <a:pt x="654" y="233"/>
                </a:lnTo>
                <a:lnTo>
                  <a:pt x="618" y="278"/>
                </a:lnTo>
                <a:lnTo>
                  <a:pt x="564" y="296"/>
                </a:lnTo>
                <a:lnTo>
                  <a:pt x="517" y="282"/>
                </a:lnTo>
                <a:lnTo>
                  <a:pt x="488" y="320"/>
                </a:lnTo>
                <a:lnTo>
                  <a:pt x="410" y="314"/>
                </a:lnTo>
                <a:lnTo>
                  <a:pt x="326" y="302"/>
                </a:lnTo>
                <a:lnTo>
                  <a:pt x="264" y="289"/>
                </a:lnTo>
                <a:lnTo>
                  <a:pt x="259" y="246"/>
                </a:lnTo>
                <a:lnTo>
                  <a:pt x="235" y="262"/>
                </a:lnTo>
                <a:lnTo>
                  <a:pt x="159" y="264"/>
                </a:lnTo>
                <a:lnTo>
                  <a:pt x="150" y="291"/>
                </a:lnTo>
                <a:lnTo>
                  <a:pt x="125" y="282"/>
                </a:lnTo>
                <a:lnTo>
                  <a:pt x="112" y="260"/>
                </a:lnTo>
                <a:lnTo>
                  <a:pt x="94" y="283"/>
                </a:lnTo>
                <a:lnTo>
                  <a:pt x="47" y="282"/>
                </a:lnTo>
                <a:lnTo>
                  <a:pt x="24" y="269"/>
                </a:lnTo>
                <a:lnTo>
                  <a:pt x="0" y="247"/>
                </a:lnTo>
                <a:lnTo>
                  <a:pt x="20" y="222"/>
                </a:lnTo>
                <a:lnTo>
                  <a:pt x="11" y="202"/>
                </a:lnTo>
                <a:lnTo>
                  <a:pt x="51" y="199"/>
                </a:lnTo>
                <a:lnTo>
                  <a:pt x="73" y="233"/>
                </a:lnTo>
                <a:lnTo>
                  <a:pt x="102" y="195"/>
                </a:lnTo>
                <a:lnTo>
                  <a:pt x="129" y="199"/>
                </a:lnTo>
                <a:lnTo>
                  <a:pt x="152" y="220"/>
                </a:lnTo>
                <a:lnTo>
                  <a:pt x="217" y="186"/>
                </a:lnTo>
                <a:lnTo>
                  <a:pt x="259" y="168"/>
                </a:lnTo>
                <a:lnTo>
                  <a:pt x="317" y="202"/>
                </a:lnTo>
                <a:lnTo>
                  <a:pt x="318" y="181"/>
                </a:lnTo>
                <a:lnTo>
                  <a:pt x="329" y="153"/>
                </a:lnTo>
                <a:lnTo>
                  <a:pt x="307" y="128"/>
                </a:lnTo>
                <a:lnTo>
                  <a:pt x="356" y="97"/>
                </a:lnTo>
                <a:lnTo>
                  <a:pt x="360" y="81"/>
                </a:lnTo>
                <a:lnTo>
                  <a:pt x="400" y="70"/>
                </a:lnTo>
                <a:lnTo>
                  <a:pt x="400" y="4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25" name="Italy"/>
          <p:cNvGrpSpPr/>
          <p:nvPr/>
        </p:nvGrpSpPr>
        <p:grpSpPr>
          <a:xfrm>
            <a:off x="8377763" y="4816475"/>
            <a:ext cx="1935163" cy="2041526"/>
            <a:chOff x="8398783" y="4816475"/>
            <a:chExt cx="1935163" cy="2041526"/>
          </a:xfrm>
          <a:solidFill>
            <a:schemeClr val="accent3"/>
          </a:solidFill>
        </p:grpSpPr>
        <p:sp>
          <p:nvSpPr>
            <p:cNvPr id="26" name="Italy"/>
            <p:cNvSpPr>
              <a:spLocks/>
            </p:cNvSpPr>
            <p:nvPr/>
          </p:nvSpPr>
          <p:spPr bwMode="auto">
            <a:xfrm>
              <a:off x="8398783" y="4816475"/>
              <a:ext cx="1935163" cy="1749425"/>
            </a:xfrm>
            <a:custGeom>
              <a:avLst/>
              <a:gdLst>
                <a:gd name="T0" fmla="*/ 121 w 1219"/>
                <a:gd name="T1" fmla="*/ 410 h 1102"/>
                <a:gd name="T2" fmla="*/ 94 w 1219"/>
                <a:gd name="T3" fmla="*/ 348 h 1102"/>
                <a:gd name="T4" fmla="*/ 25 w 1219"/>
                <a:gd name="T5" fmla="*/ 278 h 1102"/>
                <a:gd name="T6" fmla="*/ 42 w 1219"/>
                <a:gd name="T7" fmla="*/ 196 h 1102"/>
                <a:gd name="T8" fmla="*/ 25 w 1219"/>
                <a:gd name="T9" fmla="*/ 151 h 1102"/>
                <a:gd name="T10" fmla="*/ 163 w 1219"/>
                <a:gd name="T11" fmla="*/ 92 h 1102"/>
                <a:gd name="T12" fmla="*/ 208 w 1219"/>
                <a:gd name="T13" fmla="*/ 122 h 1102"/>
                <a:gd name="T14" fmla="*/ 229 w 1219"/>
                <a:gd name="T15" fmla="*/ 164 h 1102"/>
                <a:gd name="T16" fmla="*/ 224 w 1219"/>
                <a:gd name="T17" fmla="*/ 137 h 1102"/>
                <a:gd name="T18" fmla="*/ 253 w 1219"/>
                <a:gd name="T19" fmla="*/ 83 h 1102"/>
                <a:gd name="T20" fmla="*/ 280 w 1219"/>
                <a:gd name="T21" fmla="*/ 108 h 1102"/>
                <a:gd name="T22" fmla="*/ 331 w 1219"/>
                <a:gd name="T23" fmla="*/ 124 h 1102"/>
                <a:gd name="T24" fmla="*/ 325 w 1219"/>
                <a:gd name="T25" fmla="*/ 74 h 1102"/>
                <a:gd name="T26" fmla="*/ 369 w 1219"/>
                <a:gd name="T27" fmla="*/ 83 h 1102"/>
                <a:gd name="T28" fmla="*/ 392 w 1219"/>
                <a:gd name="T29" fmla="*/ 36 h 1102"/>
                <a:gd name="T30" fmla="*/ 426 w 1219"/>
                <a:gd name="T31" fmla="*/ 18 h 1102"/>
                <a:gd name="T32" fmla="*/ 526 w 1219"/>
                <a:gd name="T33" fmla="*/ 0 h 1102"/>
                <a:gd name="T34" fmla="*/ 593 w 1219"/>
                <a:gd name="T35" fmla="*/ 56 h 1102"/>
                <a:gd name="T36" fmla="*/ 638 w 1219"/>
                <a:gd name="T37" fmla="*/ 92 h 1102"/>
                <a:gd name="T38" fmla="*/ 656 w 1219"/>
                <a:gd name="T39" fmla="*/ 133 h 1102"/>
                <a:gd name="T40" fmla="*/ 679 w 1219"/>
                <a:gd name="T41" fmla="*/ 195 h 1102"/>
                <a:gd name="T42" fmla="*/ 650 w 1219"/>
                <a:gd name="T43" fmla="*/ 171 h 1102"/>
                <a:gd name="T44" fmla="*/ 612 w 1219"/>
                <a:gd name="T45" fmla="*/ 186 h 1102"/>
                <a:gd name="T46" fmla="*/ 535 w 1219"/>
                <a:gd name="T47" fmla="*/ 206 h 1102"/>
                <a:gd name="T48" fmla="*/ 565 w 1219"/>
                <a:gd name="T49" fmla="*/ 290 h 1102"/>
                <a:gd name="T50" fmla="*/ 556 w 1219"/>
                <a:gd name="T51" fmla="*/ 355 h 1102"/>
                <a:gd name="T52" fmla="*/ 679 w 1219"/>
                <a:gd name="T53" fmla="*/ 421 h 1102"/>
                <a:gd name="T54" fmla="*/ 784 w 1219"/>
                <a:gd name="T55" fmla="*/ 589 h 1102"/>
                <a:gd name="T56" fmla="*/ 822 w 1219"/>
                <a:gd name="T57" fmla="*/ 617 h 1102"/>
                <a:gd name="T58" fmla="*/ 927 w 1219"/>
                <a:gd name="T59" fmla="*/ 617 h 1102"/>
                <a:gd name="T60" fmla="*/ 952 w 1219"/>
                <a:gd name="T61" fmla="*/ 612 h 1102"/>
                <a:gd name="T62" fmla="*/ 927 w 1219"/>
                <a:gd name="T63" fmla="*/ 661 h 1102"/>
                <a:gd name="T64" fmla="*/ 1004 w 1219"/>
                <a:gd name="T65" fmla="*/ 697 h 1102"/>
                <a:gd name="T66" fmla="*/ 1073 w 1219"/>
                <a:gd name="T67" fmla="*/ 711 h 1102"/>
                <a:gd name="T68" fmla="*/ 1158 w 1219"/>
                <a:gd name="T69" fmla="*/ 746 h 1102"/>
                <a:gd name="T70" fmla="*/ 1207 w 1219"/>
                <a:gd name="T71" fmla="*/ 784 h 1102"/>
                <a:gd name="T72" fmla="*/ 1203 w 1219"/>
                <a:gd name="T73" fmla="*/ 851 h 1102"/>
                <a:gd name="T74" fmla="*/ 1162 w 1219"/>
                <a:gd name="T75" fmla="*/ 800 h 1102"/>
                <a:gd name="T76" fmla="*/ 1089 w 1219"/>
                <a:gd name="T77" fmla="*/ 791 h 1102"/>
                <a:gd name="T78" fmla="*/ 1019 w 1219"/>
                <a:gd name="T79" fmla="*/ 831 h 1102"/>
                <a:gd name="T80" fmla="*/ 1008 w 1219"/>
                <a:gd name="T81" fmla="*/ 869 h 1102"/>
                <a:gd name="T82" fmla="*/ 1039 w 1219"/>
                <a:gd name="T83" fmla="*/ 879 h 1102"/>
                <a:gd name="T84" fmla="*/ 1084 w 1219"/>
                <a:gd name="T85" fmla="*/ 930 h 1102"/>
                <a:gd name="T86" fmla="*/ 1089 w 1219"/>
                <a:gd name="T87" fmla="*/ 963 h 1102"/>
                <a:gd name="T88" fmla="*/ 1028 w 1219"/>
                <a:gd name="T89" fmla="*/ 1024 h 1102"/>
                <a:gd name="T90" fmla="*/ 981 w 1219"/>
                <a:gd name="T91" fmla="*/ 1102 h 1102"/>
                <a:gd name="T92" fmla="*/ 925 w 1219"/>
                <a:gd name="T93" fmla="*/ 1062 h 1102"/>
                <a:gd name="T94" fmla="*/ 950 w 1219"/>
                <a:gd name="T95" fmla="*/ 999 h 1102"/>
                <a:gd name="T96" fmla="*/ 968 w 1219"/>
                <a:gd name="T97" fmla="*/ 950 h 1102"/>
                <a:gd name="T98" fmla="*/ 927 w 1219"/>
                <a:gd name="T99" fmla="*/ 845 h 1102"/>
                <a:gd name="T100" fmla="*/ 844 w 1219"/>
                <a:gd name="T101" fmla="*/ 822 h 1102"/>
                <a:gd name="T102" fmla="*/ 780 w 1219"/>
                <a:gd name="T103" fmla="*/ 787 h 1102"/>
                <a:gd name="T104" fmla="*/ 739 w 1219"/>
                <a:gd name="T105" fmla="*/ 766 h 1102"/>
                <a:gd name="T106" fmla="*/ 676 w 1219"/>
                <a:gd name="T107" fmla="*/ 711 h 1102"/>
                <a:gd name="T108" fmla="*/ 618 w 1219"/>
                <a:gd name="T109" fmla="*/ 693 h 1102"/>
                <a:gd name="T110" fmla="*/ 538 w 1219"/>
                <a:gd name="T111" fmla="*/ 646 h 1102"/>
                <a:gd name="T112" fmla="*/ 495 w 1219"/>
                <a:gd name="T113" fmla="*/ 607 h 1102"/>
                <a:gd name="T114" fmla="*/ 430 w 1219"/>
                <a:gd name="T115" fmla="*/ 581 h 1102"/>
                <a:gd name="T116" fmla="*/ 361 w 1219"/>
                <a:gd name="T117" fmla="*/ 505 h 1102"/>
                <a:gd name="T118" fmla="*/ 349 w 1219"/>
                <a:gd name="T119" fmla="*/ 430 h 1102"/>
                <a:gd name="T120" fmla="*/ 298 w 1219"/>
                <a:gd name="T121" fmla="*/ 383 h 1102"/>
                <a:gd name="T122" fmla="*/ 240 w 1219"/>
                <a:gd name="T123" fmla="*/ 352 h 1102"/>
                <a:gd name="T124" fmla="*/ 159 w 1219"/>
                <a:gd name="T125" fmla="*/ 352 h 1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1219" h="1102">
                  <a:moveTo>
                    <a:pt x="141" y="377"/>
                  </a:moveTo>
                  <a:lnTo>
                    <a:pt x="121" y="410"/>
                  </a:lnTo>
                  <a:lnTo>
                    <a:pt x="70" y="410"/>
                  </a:lnTo>
                  <a:lnTo>
                    <a:pt x="94" y="348"/>
                  </a:lnTo>
                  <a:lnTo>
                    <a:pt x="14" y="336"/>
                  </a:lnTo>
                  <a:lnTo>
                    <a:pt x="25" y="278"/>
                  </a:lnTo>
                  <a:lnTo>
                    <a:pt x="0" y="242"/>
                  </a:lnTo>
                  <a:lnTo>
                    <a:pt x="42" y="196"/>
                  </a:lnTo>
                  <a:lnTo>
                    <a:pt x="2" y="162"/>
                  </a:lnTo>
                  <a:lnTo>
                    <a:pt x="25" y="151"/>
                  </a:lnTo>
                  <a:lnTo>
                    <a:pt x="126" y="148"/>
                  </a:lnTo>
                  <a:lnTo>
                    <a:pt x="163" y="92"/>
                  </a:lnTo>
                  <a:lnTo>
                    <a:pt x="181" y="117"/>
                  </a:lnTo>
                  <a:lnTo>
                    <a:pt x="208" y="122"/>
                  </a:lnTo>
                  <a:lnTo>
                    <a:pt x="208" y="153"/>
                  </a:lnTo>
                  <a:lnTo>
                    <a:pt x="229" y="164"/>
                  </a:lnTo>
                  <a:lnTo>
                    <a:pt x="244" y="153"/>
                  </a:lnTo>
                  <a:lnTo>
                    <a:pt x="224" y="137"/>
                  </a:lnTo>
                  <a:lnTo>
                    <a:pt x="253" y="110"/>
                  </a:lnTo>
                  <a:lnTo>
                    <a:pt x="253" y="83"/>
                  </a:lnTo>
                  <a:lnTo>
                    <a:pt x="262" y="74"/>
                  </a:lnTo>
                  <a:lnTo>
                    <a:pt x="280" y="108"/>
                  </a:lnTo>
                  <a:lnTo>
                    <a:pt x="311" y="95"/>
                  </a:lnTo>
                  <a:lnTo>
                    <a:pt x="331" y="124"/>
                  </a:lnTo>
                  <a:lnTo>
                    <a:pt x="343" y="108"/>
                  </a:lnTo>
                  <a:lnTo>
                    <a:pt x="325" y="74"/>
                  </a:lnTo>
                  <a:lnTo>
                    <a:pt x="343" y="63"/>
                  </a:lnTo>
                  <a:lnTo>
                    <a:pt x="369" y="83"/>
                  </a:lnTo>
                  <a:lnTo>
                    <a:pt x="372" y="50"/>
                  </a:lnTo>
                  <a:lnTo>
                    <a:pt x="392" y="36"/>
                  </a:lnTo>
                  <a:lnTo>
                    <a:pt x="417" y="45"/>
                  </a:lnTo>
                  <a:lnTo>
                    <a:pt x="426" y="18"/>
                  </a:lnTo>
                  <a:lnTo>
                    <a:pt x="502" y="16"/>
                  </a:lnTo>
                  <a:lnTo>
                    <a:pt x="526" y="0"/>
                  </a:lnTo>
                  <a:lnTo>
                    <a:pt x="531" y="43"/>
                  </a:lnTo>
                  <a:lnTo>
                    <a:pt x="593" y="56"/>
                  </a:lnTo>
                  <a:lnTo>
                    <a:pt x="685" y="68"/>
                  </a:lnTo>
                  <a:lnTo>
                    <a:pt x="638" y="92"/>
                  </a:lnTo>
                  <a:lnTo>
                    <a:pt x="672" y="110"/>
                  </a:lnTo>
                  <a:lnTo>
                    <a:pt x="656" y="133"/>
                  </a:lnTo>
                  <a:lnTo>
                    <a:pt x="699" y="171"/>
                  </a:lnTo>
                  <a:lnTo>
                    <a:pt x="679" y="195"/>
                  </a:lnTo>
                  <a:lnTo>
                    <a:pt x="668" y="159"/>
                  </a:lnTo>
                  <a:lnTo>
                    <a:pt x="650" y="171"/>
                  </a:lnTo>
                  <a:lnTo>
                    <a:pt x="618" y="160"/>
                  </a:lnTo>
                  <a:lnTo>
                    <a:pt x="612" y="186"/>
                  </a:lnTo>
                  <a:lnTo>
                    <a:pt x="567" y="213"/>
                  </a:lnTo>
                  <a:lnTo>
                    <a:pt x="535" y="206"/>
                  </a:lnTo>
                  <a:lnTo>
                    <a:pt x="564" y="269"/>
                  </a:lnTo>
                  <a:lnTo>
                    <a:pt x="565" y="290"/>
                  </a:lnTo>
                  <a:lnTo>
                    <a:pt x="540" y="305"/>
                  </a:lnTo>
                  <a:lnTo>
                    <a:pt x="556" y="355"/>
                  </a:lnTo>
                  <a:lnTo>
                    <a:pt x="656" y="421"/>
                  </a:lnTo>
                  <a:lnTo>
                    <a:pt x="679" y="421"/>
                  </a:lnTo>
                  <a:lnTo>
                    <a:pt x="735" y="542"/>
                  </a:lnTo>
                  <a:lnTo>
                    <a:pt x="784" y="589"/>
                  </a:lnTo>
                  <a:lnTo>
                    <a:pt x="797" y="589"/>
                  </a:lnTo>
                  <a:lnTo>
                    <a:pt x="822" y="617"/>
                  </a:lnTo>
                  <a:lnTo>
                    <a:pt x="896" y="617"/>
                  </a:lnTo>
                  <a:lnTo>
                    <a:pt x="927" y="617"/>
                  </a:lnTo>
                  <a:lnTo>
                    <a:pt x="934" y="607"/>
                  </a:lnTo>
                  <a:lnTo>
                    <a:pt x="952" y="612"/>
                  </a:lnTo>
                  <a:lnTo>
                    <a:pt x="952" y="630"/>
                  </a:lnTo>
                  <a:lnTo>
                    <a:pt x="927" y="661"/>
                  </a:lnTo>
                  <a:lnTo>
                    <a:pt x="952" y="679"/>
                  </a:lnTo>
                  <a:lnTo>
                    <a:pt x="1004" y="697"/>
                  </a:lnTo>
                  <a:lnTo>
                    <a:pt x="1039" y="704"/>
                  </a:lnTo>
                  <a:lnTo>
                    <a:pt x="1073" y="711"/>
                  </a:lnTo>
                  <a:lnTo>
                    <a:pt x="1100" y="733"/>
                  </a:lnTo>
                  <a:lnTo>
                    <a:pt x="1158" y="746"/>
                  </a:lnTo>
                  <a:lnTo>
                    <a:pt x="1167" y="767"/>
                  </a:lnTo>
                  <a:lnTo>
                    <a:pt x="1207" y="784"/>
                  </a:lnTo>
                  <a:lnTo>
                    <a:pt x="1219" y="809"/>
                  </a:lnTo>
                  <a:lnTo>
                    <a:pt x="1203" y="851"/>
                  </a:lnTo>
                  <a:lnTo>
                    <a:pt x="1169" y="834"/>
                  </a:lnTo>
                  <a:lnTo>
                    <a:pt x="1162" y="800"/>
                  </a:lnTo>
                  <a:lnTo>
                    <a:pt x="1144" y="787"/>
                  </a:lnTo>
                  <a:lnTo>
                    <a:pt x="1089" y="791"/>
                  </a:lnTo>
                  <a:lnTo>
                    <a:pt x="1059" y="773"/>
                  </a:lnTo>
                  <a:lnTo>
                    <a:pt x="1019" y="831"/>
                  </a:lnTo>
                  <a:lnTo>
                    <a:pt x="1023" y="851"/>
                  </a:lnTo>
                  <a:lnTo>
                    <a:pt x="1008" y="869"/>
                  </a:lnTo>
                  <a:lnTo>
                    <a:pt x="1010" y="879"/>
                  </a:lnTo>
                  <a:lnTo>
                    <a:pt x="1039" y="879"/>
                  </a:lnTo>
                  <a:lnTo>
                    <a:pt x="1084" y="903"/>
                  </a:lnTo>
                  <a:lnTo>
                    <a:pt x="1084" y="930"/>
                  </a:lnTo>
                  <a:lnTo>
                    <a:pt x="1098" y="939"/>
                  </a:lnTo>
                  <a:lnTo>
                    <a:pt x="1089" y="963"/>
                  </a:lnTo>
                  <a:lnTo>
                    <a:pt x="1026" y="990"/>
                  </a:lnTo>
                  <a:lnTo>
                    <a:pt x="1028" y="1024"/>
                  </a:lnTo>
                  <a:lnTo>
                    <a:pt x="1004" y="1055"/>
                  </a:lnTo>
                  <a:lnTo>
                    <a:pt x="981" y="1102"/>
                  </a:lnTo>
                  <a:lnTo>
                    <a:pt x="950" y="1102"/>
                  </a:lnTo>
                  <a:lnTo>
                    <a:pt x="925" y="1062"/>
                  </a:lnTo>
                  <a:lnTo>
                    <a:pt x="954" y="1038"/>
                  </a:lnTo>
                  <a:lnTo>
                    <a:pt x="950" y="999"/>
                  </a:lnTo>
                  <a:lnTo>
                    <a:pt x="997" y="984"/>
                  </a:lnTo>
                  <a:lnTo>
                    <a:pt x="968" y="950"/>
                  </a:lnTo>
                  <a:lnTo>
                    <a:pt x="939" y="883"/>
                  </a:lnTo>
                  <a:lnTo>
                    <a:pt x="927" y="845"/>
                  </a:lnTo>
                  <a:lnTo>
                    <a:pt x="874" y="849"/>
                  </a:lnTo>
                  <a:lnTo>
                    <a:pt x="844" y="822"/>
                  </a:lnTo>
                  <a:lnTo>
                    <a:pt x="826" y="776"/>
                  </a:lnTo>
                  <a:lnTo>
                    <a:pt x="780" y="787"/>
                  </a:lnTo>
                  <a:lnTo>
                    <a:pt x="780" y="760"/>
                  </a:lnTo>
                  <a:lnTo>
                    <a:pt x="739" y="766"/>
                  </a:lnTo>
                  <a:lnTo>
                    <a:pt x="706" y="706"/>
                  </a:lnTo>
                  <a:lnTo>
                    <a:pt x="676" y="711"/>
                  </a:lnTo>
                  <a:lnTo>
                    <a:pt x="634" y="715"/>
                  </a:lnTo>
                  <a:lnTo>
                    <a:pt x="618" y="693"/>
                  </a:lnTo>
                  <a:lnTo>
                    <a:pt x="593" y="693"/>
                  </a:lnTo>
                  <a:lnTo>
                    <a:pt x="538" y="646"/>
                  </a:lnTo>
                  <a:lnTo>
                    <a:pt x="515" y="610"/>
                  </a:lnTo>
                  <a:lnTo>
                    <a:pt x="495" y="607"/>
                  </a:lnTo>
                  <a:lnTo>
                    <a:pt x="470" y="583"/>
                  </a:lnTo>
                  <a:lnTo>
                    <a:pt x="430" y="581"/>
                  </a:lnTo>
                  <a:lnTo>
                    <a:pt x="435" y="560"/>
                  </a:lnTo>
                  <a:lnTo>
                    <a:pt x="361" y="505"/>
                  </a:lnTo>
                  <a:lnTo>
                    <a:pt x="370" y="473"/>
                  </a:lnTo>
                  <a:lnTo>
                    <a:pt x="349" y="430"/>
                  </a:lnTo>
                  <a:lnTo>
                    <a:pt x="349" y="390"/>
                  </a:lnTo>
                  <a:lnTo>
                    <a:pt x="298" y="383"/>
                  </a:lnTo>
                  <a:lnTo>
                    <a:pt x="255" y="346"/>
                  </a:lnTo>
                  <a:lnTo>
                    <a:pt x="240" y="352"/>
                  </a:lnTo>
                  <a:lnTo>
                    <a:pt x="210" y="332"/>
                  </a:lnTo>
                  <a:lnTo>
                    <a:pt x="159" y="352"/>
                  </a:lnTo>
                  <a:lnTo>
                    <a:pt x="141" y="37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Italy"/>
            <p:cNvSpPr>
              <a:spLocks/>
            </p:cNvSpPr>
            <p:nvPr/>
          </p:nvSpPr>
          <p:spPr bwMode="auto">
            <a:xfrm>
              <a:off x="8740096" y="5691188"/>
              <a:ext cx="157163" cy="355600"/>
            </a:xfrm>
            <a:custGeom>
              <a:avLst/>
              <a:gdLst>
                <a:gd name="T0" fmla="*/ 42 w 99"/>
                <a:gd name="T1" fmla="*/ 50 h 224"/>
                <a:gd name="T2" fmla="*/ 52 w 99"/>
                <a:gd name="T3" fmla="*/ 18 h 224"/>
                <a:gd name="T4" fmla="*/ 63 w 99"/>
                <a:gd name="T5" fmla="*/ 0 h 224"/>
                <a:gd name="T6" fmla="*/ 63 w 99"/>
                <a:gd name="T7" fmla="*/ 50 h 224"/>
                <a:gd name="T8" fmla="*/ 99 w 99"/>
                <a:gd name="T9" fmla="*/ 103 h 224"/>
                <a:gd name="T10" fmla="*/ 85 w 99"/>
                <a:gd name="T11" fmla="*/ 144 h 224"/>
                <a:gd name="T12" fmla="*/ 99 w 99"/>
                <a:gd name="T13" fmla="*/ 164 h 224"/>
                <a:gd name="T14" fmla="*/ 85 w 99"/>
                <a:gd name="T15" fmla="*/ 224 h 224"/>
                <a:gd name="T16" fmla="*/ 52 w 99"/>
                <a:gd name="T17" fmla="*/ 193 h 224"/>
                <a:gd name="T18" fmla="*/ 42 w 99"/>
                <a:gd name="T19" fmla="*/ 169 h 224"/>
                <a:gd name="T20" fmla="*/ 14 w 99"/>
                <a:gd name="T21" fmla="*/ 162 h 224"/>
                <a:gd name="T22" fmla="*/ 14 w 99"/>
                <a:gd name="T23" fmla="*/ 121 h 224"/>
                <a:gd name="T24" fmla="*/ 0 w 99"/>
                <a:gd name="T25" fmla="*/ 95 h 224"/>
                <a:gd name="T26" fmla="*/ 23 w 99"/>
                <a:gd name="T27" fmla="*/ 61 h 224"/>
                <a:gd name="T28" fmla="*/ 42 w 99"/>
                <a:gd name="T29" fmla="*/ 50 h 2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224">
                  <a:moveTo>
                    <a:pt x="42" y="50"/>
                  </a:moveTo>
                  <a:lnTo>
                    <a:pt x="52" y="18"/>
                  </a:lnTo>
                  <a:lnTo>
                    <a:pt x="63" y="0"/>
                  </a:lnTo>
                  <a:lnTo>
                    <a:pt x="63" y="50"/>
                  </a:lnTo>
                  <a:lnTo>
                    <a:pt x="99" y="103"/>
                  </a:lnTo>
                  <a:lnTo>
                    <a:pt x="85" y="144"/>
                  </a:lnTo>
                  <a:lnTo>
                    <a:pt x="99" y="164"/>
                  </a:lnTo>
                  <a:lnTo>
                    <a:pt x="85" y="224"/>
                  </a:lnTo>
                  <a:lnTo>
                    <a:pt x="52" y="193"/>
                  </a:lnTo>
                  <a:lnTo>
                    <a:pt x="42" y="169"/>
                  </a:lnTo>
                  <a:lnTo>
                    <a:pt x="14" y="162"/>
                  </a:lnTo>
                  <a:lnTo>
                    <a:pt x="14" y="121"/>
                  </a:lnTo>
                  <a:lnTo>
                    <a:pt x="0" y="95"/>
                  </a:lnTo>
                  <a:lnTo>
                    <a:pt x="23" y="61"/>
                  </a:lnTo>
                  <a:lnTo>
                    <a:pt x="42" y="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Italy"/>
            <p:cNvSpPr>
              <a:spLocks/>
            </p:cNvSpPr>
            <p:nvPr/>
          </p:nvSpPr>
          <p:spPr bwMode="auto">
            <a:xfrm>
              <a:off x="8757558" y="6069013"/>
              <a:ext cx="295275" cy="533400"/>
            </a:xfrm>
            <a:custGeom>
              <a:avLst/>
              <a:gdLst>
                <a:gd name="T0" fmla="*/ 0 w 186"/>
                <a:gd name="T1" fmla="*/ 60 h 336"/>
                <a:gd name="T2" fmla="*/ 31 w 186"/>
                <a:gd name="T3" fmla="*/ 69 h 336"/>
                <a:gd name="T4" fmla="*/ 63 w 186"/>
                <a:gd name="T5" fmla="*/ 36 h 336"/>
                <a:gd name="T6" fmla="*/ 78 w 186"/>
                <a:gd name="T7" fmla="*/ 9 h 336"/>
                <a:gd name="T8" fmla="*/ 105 w 186"/>
                <a:gd name="T9" fmla="*/ 0 h 336"/>
                <a:gd name="T10" fmla="*/ 115 w 186"/>
                <a:gd name="T11" fmla="*/ 34 h 336"/>
                <a:gd name="T12" fmla="*/ 159 w 186"/>
                <a:gd name="T13" fmla="*/ 98 h 336"/>
                <a:gd name="T14" fmla="*/ 144 w 186"/>
                <a:gd name="T15" fmla="*/ 123 h 336"/>
                <a:gd name="T16" fmla="*/ 159 w 186"/>
                <a:gd name="T17" fmla="*/ 145 h 336"/>
                <a:gd name="T18" fmla="*/ 186 w 186"/>
                <a:gd name="T19" fmla="*/ 248 h 336"/>
                <a:gd name="T20" fmla="*/ 186 w 186"/>
                <a:gd name="T21" fmla="*/ 282 h 336"/>
                <a:gd name="T22" fmla="*/ 152 w 186"/>
                <a:gd name="T23" fmla="*/ 282 h 336"/>
                <a:gd name="T24" fmla="*/ 132 w 186"/>
                <a:gd name="T25" fmla="*/ 282 h 336"/>
                <a:gd name="T26" fmla="*/ 137 w 186"/>
                <a:gd name="T27" fmla="*/ 313 h 336"/>
                <a:gd name="T28" fmla="*/ 115 w 186"/>
                <a:gd name="T29" fmla="*/ 336 h 336"/>
                <a:gd name="T30" fmla="*/ 78 w 186"/>
                <a:gd name="T31" fmla="*/ 295 h 336"/>
                <a:gd name="T32" fmla="*/ 78 w 186"/>
                <a:gd name="T33" fmla="*/ 201 h 336"/>
                <a:gd name="T34" fmla="*/ 49 w 186"/>
                <a:gd name="T35" fmla="*/ 168 h 336"/>
                <a:gd name="T36" fmla="*/ 41 w 186"/>
                <a:gd name="T37" fmla="*/ 132 h 336"/>
                <a:gd name="T38" fmla="*/ 14 w 186"/>
                <a:gd name="T39" fmla="*/ 110 h 336"/>
                <a:gd name="T40" fmla="*/ 0 w 186"/>
                <a:gd name="T41" fmla="*/ 60 h 3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86" h="336">
                  <a:moveTo>
                    <a:pt x="0" y="60"/>
                  </a:moveTo>
                  <a:lnTo>
                    <a:pt x="31" y="69"/>
                  </a:lnTo>
                  <a:lnTo>
                    <a:pt x="63" y="36"/>
                  </a:lnTo>
                  <a:lnTo>
                    <a:pt x="78" y="9"/>
                  </a:lnTo>
                  <a:lnTo>
                    <a:pt x="105" y="0"/>
                  </a:lnTo>
                  <a:lnTo>
                    <a:pt x="115" y="34"/>
                  </a:lnTo>
                  <a:lnTo>
                    <a:pt x="159" y="98"/>
                  </a:lnTo>
                  <a:lnTo>
                    <a:pt x="144" y="123"/>
                  </a:lnTo>
                  <a:lnTo>
                    <a:pt x="159" y="145"/>
                  </a:lnTo>
                  <a:lnTo>
                    <a:pt x="186" y="248"/>
                  </a:lnTo>
                  <a:lnTo>
                    <a:pt x="186" y="282"/>
                  </a:lnTo>
                  <a:lnTo>
                    <a:pt x="152" y="282"/>
                  </a:lnTo>
                  <a:lnTo>
                    <a:pt x="132" y="282"/>
                  </a:lnTo>
                  <a:lnTo>
                    <a:pt x="137" y="313"/>
                  </a:lnTo>
                  <a:lnTo>
                    <a:pt x="115" y="336"/>
                  </a:lnTo>
                  <a:lnTo>
                    <a:pt x="78" y="295"/>
                  </a:lnTo>
                  <a:lnTo>
                    <a:pt x="78" y="201"/>
                  </a:lnTo>
                  <a:lnTo>
                    <a:pt x="49" y="168"/>
                  </a:lnTo>
                  <a:lnTo>
                    <a:pt x="41" y="132"/>
                  </a:lnTo>
                  <a:lnTo>
                    <a:pt x="14" y="110"/>
                  </a:lnTo>
                  <a:lnTo>
                    <a:pt x="0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Italy"/>
            <p:cNvSpPr>
              <a:spLocks/>
            </p:cNvSpPr>
            <p:nvPr/>
          </p:nvSpPr>
          <p:spPr bwMode="auto">
            <a:xfrm>
              <a:off x="9462408" y="6516688"/>
              <a:ext cx="439738" cy="341313"/>
            </a:xfrm>
            <a:custGeom>
              <a:avLst/>
              <a:gdLst>
                <a:gd name="T0" fmla="*/ 215 w 277"/>
                <a:gd name="T1" fmla="*/ 36 h 215"/>
                <a:gd name="T2" fmla="*/ 248 w 277"/>
                <a:gd name="T3" fmla="*/ 0 h 215"/>
                <a:gd name="T4" fmla="*/ 253 w 277"/>
                <a:gd name="T5" fmla="*/ 31 h 215"/>
                <a:gd name="T6" fmla="*/ 235 w 277"/>
                <a:gd name="T7" fmla="*/ 74 h 215"/>
                <a:gd name="T8" fmla="*/ 248 w 277"/>
                <a:gd name="T9" fmla="*/ 123 h 215"/>
                <a:gd name="T10" fmla="*/ 277 w 277"/>
                <a:gd name="T11" fmla="*/ 159 h 215"/>
                <a:gd name="T12" fmla="*/ 266 w 277"/>
                <a:gd name="T13" fmla="*/ 191 h 215"/>
                <a:gd name="T14" fmla="*/ 277 w 277"/>
                <a:gd name="T15" fmla="*/ 215 h 215"/>
                <a:gd name="T16" fmla="*/ 246 w 277"/>
                <a:gd name="T17" fmla="*/ 215 h 215"/>
                <a:gd name="T18" fmla="*/ 221 w 277"/>
                <a:gd name="T19" fmla="*/ 215 h 215"/>
                <a:gd name="T20" fmla="*/ 179 w 277"/>
                <a:gd name="T21" fmla="*/ 182 h 215"/>
                <a:gd name="T22" fmla="*/ 159 w 277"/>
                <a:gd name="T23" fmla="*/ 199 h 215"/>
                <a:gd name="T24" fmla="*/ 103 w 277"/>
                <a:gd name="T25" fmla="*/ 182 h 215"/>
                <a:gd name="T26" fmla="*/ 63 w 277"/>
                <a:gd name="T27" fmla="*/ 157 h 215"/>
                <a:gd name="T28" fmla="*/ 31 w 277"/>
                <a:gd name="T29" fmla="*/ 166 h 215"/>
                <a:gd name="T30" fmla="*/ 0 w 277"/>
                <a:gd name="T31" fmla="*/ 134 h 215"/>
                <a:gd name="T32" fmla="*/ 0 w 277"/>
                <a:gd name="T33" fmla="*/ 96 h 215"/>
                <a:gd name="T34" fmla="*/ 6 w 277"/>
                <a:gd name="T35" fmla="*/ 85 h 215"/>
                <a:gd name="T36" fmla="*/ 29 w 277"/>
                <a:gd name="T37" fmla="*/ 97 h 215"/>
                <a:gd name="T38" fmla="*/ 45 w 277"/>
                <a:gd name="T39" fmla="*/ 87 h 215"/>
                <a:gd name="T40" fmla="*/ 38 w 277"/>
                <a:gd name="T41" fmla="*/ 67 h 215"/>
                <a:gd name="T42" fmla="*/ 47 w 277"/>
                <a:gd name="T43" fmla="*/ 63 h 215"/>
                <a:gd name="T44" fmla="*/ 103 w 277"/>
                <a:gd name="T45" fmla="*/ 85 h 215"/>
                <a:gd name="T46" fmla="*/ 121 w 277"/>
                <a:gd name="T47" fmla="*/ 63 h 215"/>
                <a:gd name="T48" fmla="*/ 148 w 277"/>
                <a:gd name="T49" fmla="*/ 67 h 215"/>
                <a:gd name="T50" fmla="*/ 177 w 277"/>
                <a:gd name="T51" fmla="*/ 47 h 215"/>
                <a:gd name="T52" fmla="*/ 192 w 277"/>
                <a:gd name="T53" fmla="*/ 25 h 215"/>
                <a:gd name="T54" fmla="*/ 215 w 277"/>
                <a:gd name="T55" fmla="*/ 36 h 2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77" h="215">
                  <a:moveTo>
                    <a:pt x="215" y="36"/>
                  </a:moveTo>
                  <a:lnTo>
                    <a:pt x="248" y="0"/>
                  </a:lnTo>
                  <a:lnTo>
                    <a:pt x="253" y="31"/>
                  </a:lnTo>
                  <a:lnTo>
                    <a:pt x="235" y="74"/>
                  </a:lnTo>
                  <a:lnTo>
                    <a:pt x="248" y="123"/>
                  </a:lnTo>
                  <a:lnTo>
                    <a:pt x="277" y="159"/>
                  </a:lnTo>
                  <a:lnTo>
                    <a:pt x="266" y="191"/>
                  </a:lnTo>
                  <a:lnTo>
                    <a:pt x="277" y="215"/>
                  </a:lnTo>
                  <a:lnTo>
                    <a:pt x="246" y="215"/>
                  </a:lnTo>
                  <a:lnTo>
                    <a:pt x="221" y="215"/>
                  </a:lnTo>
                  <a:lnTo>
                    <a:pt x="179" y="182"/>
                  </a:lnTo>
                  <a:lnTo>
                    <a:pt x="159" y="199"/>
                  </a:lnTo>
                  <a:lnTo>
                    <a:pt x="103" y="182"/>
                  </a:lnTo>
                  <a:lnTo>
                    <a:pt x="63" y="157"/>
                  </a:lnTo>
                  <a:lnTo>
                    <a:pt x="31" y="166"/>
                  </a:lnTo>
                  <a:lnTo>
                    <a:pt x="0" y="134"/>
                  </a:lnTo>
                  <a:lnTo>
                    <a:pt x="0" y="96"/>
                  </a:lnTo>
                  <a:lnTo>
                    <a:pt x="6" y="85"/>
                  </a:lnTo>
                  <a:lnTo>
                    <a:pt x="29" y="97"/>
                  </a:lnTo>
                  <a:lnTo>
                    <a:pt x="45" y="87"/>
                  </a:lnTo>
                  <a:lnTo>
                    <a:pt x="38" y="67"/>
                  </a:lnTo>
                  <a:lnTo>
                    <a:pt x="47" y="63"/>
                  </a:lnTo>
                  <a:lnTo>
                    <a:pt x="103" y="85"/>
                  </a:lnTo>
                  <a:lnTo>
                    <a:pt x="121" y="63"/>
                  </a:lnTo>
                  <a:lnTo>
                    <a:pt x="148" y="67"/>
                  </a:lnTo>
                  <a:lnTo>
                    <a:pt x="177" y="47"/>
                  </a:lnTo>
                  <a:lnTo>
                    <a:pt x="192" y="25"/>
                  </a:lnTo>
                  <a:lnTo>
                    <a:pt x="215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0" name="Lithuania"/>
          <p:cNvSpPr>
            <a:spLocks/>
          </p:cNvSpPr>
          <p:nvPr/>
        </p:nvSpPr>
        <p:spPr bwMode="auto">
          <a:xfrm>
            <a:off x="10219263" y="2862263"/>
            <a:ext cx="730250" cy="519113"/>
          </a:xfrm>
          <a:custGeom>
            <a:avLst/>
            <a:gdLst>
              <a:gd name="T0" fmla="*/ 137 w 460"/>
              <a:gd name="T1" fmla="*/ 197 h 327"/>
              <a:gd name="T2" fmla="*/ 170 w 460"/>
              <a:gd name="T3" fmla="*/ 213 h 327"/>
              <a:gd name="T4" fmla="*/ 162 w 460"/>
              <a:gd name="T5" fmla="*/ 235 h 327"/>
              <a:gd name="T6" fmla="*/ 171 w 460"/>
              <a:gd name="T7" fmla="*/ 269 h 327"/>
              <a:gd name="T8" fmla="*/ 211 w 460"/>
              <a:gd name="T9" fmla="*/ 291 h 327"/>
              <a:gd name="T10" fmla="*/ 242 w 460"/>
              <a:gd name="T11" fmla="*/ 300 h 327"/>
              <a:gd name="T12" fmla="*/ 246 w 460"/>
              <a:gd name="T13" fmla="*/ 327 h 327"/>
              <a:gd name="T14" fmla="*/ 289 w 460"/>
              <a:gd name="T15" fmla="*/ 302 h 327"/>
              <a:gd name="T16" fmla="*/ 314 w 460"/>
              <a:gd name="T17" fmla="*/ 316 h 327"/>
              <a:gd name="T18" fmla="*/ 343 w 460"/>
              <a:gd name="T19" fmla="*/ 280 h 327"/>
              <a:gd name="T20" fmla="*/ 374 w 460"/>
              <a:gd name="T21" fmla="*/ 262 h 327"/>
              <a:gd name="T22" fmla="*/ 374 w 460"/>
              <a:gd name="T23" fmla="*/ 249 h 327"/>
              <a:gd name="T24" fmla="*/ 395 w 460"/>
              <a:gd name="T25" fmla="*/ 249 h 327"/>
              <a:gd name="T26" fmla="*/ 412 w 460"/>
              <a:gd name="T27" fmla="*/ 262 h 327"/>
              <a:gd name="T28" fmla="*/ 383 w 460"/>
              <a:gd name="T29" fmla="*/ 181 h 327"/>
              <a:gd name="T30" fmla="*/ 401 w 460"/>
              <a:gd name="T31" fmla="*/ 159 h 327"/>
              <a:gd name="T32" fmla="*/ 419 w 460"/>
              <a:gd name="T33" fmla="*/ 159 h 327"/>
              <a:gd name="T34" fmla="*/ 419 w 460"/>
              <a:gd name="T35" fmla="*/ 127 h 327"/>
              <a:gd name="T36" fmla="*/ 460 w 460"/>
              <a:gd name="T37" fmla="*/ 127 h 327"/>
              <a:gd name="T38" fmla="*/ 453 w 460"/>
              <a:gd name="T39" fmla="*/ 100 h 327"/>
              <a:gd name="T40" fmla="*/ 432 w 460"/>
              <a:gd name="T41" fmla="*/ 89 h 327"/>
              <a:gd name="T42" fmla="*/ 432 w 460"/>
              <a:gd name="T43" fmla="*/ 60 h 327"/>
              <a:gd name="T44" fmla="*/ 417 w 460"/>
              <a:gd name="T45" fmla="*/ 60 h 327"/>
              <a:gd name="T46" fmla="*/ 352 w 460"/>
              <a:gd name="T47" fmla="*/ 27 h 327"/>
              <a:gd name="T48" fmla="*/ 300 w 460"/>
              <a:gd name="T49" fmla="*/ 27 h 327"/>
              <a:gd name="T50" fmla="*/ 285 w 460"/>
              <a:gd name="T51" fmla="*/ 0 h 327"/>
              <a:gd name="T52" fmla="*/ 255 w 460"/>
              <a:gd name="T53" fmla="*/ 31 h 327"/>
              <a:gd name="T54" fmla="*/ 184 w 460"/>
              <a:gd name="T55" fmla="*/ 31 h 327"/>
              <a:gd name="T56" fmla="*/ 159 w 460"/>
              <a:gd name="T57" fmla="*/ 22 h 327"/>
              <a:gd name="T58" fmla="*/ 155 w 460"/>
              <a:gd name="T59" fmla="*/ 49 h 327"/>
              <a:gd name="T60" fmla="*/ 137 w 460"/>
              <a:gd name="T61" fmla="*/ 33 h 327"/>
              <a:gd name="T62" fmla="*/ 123 w 460"/>
              <a:gd name="T63" fmla="*/ 45 h 327"/>
              <a:gd name="T64" fmla="*/ 67 w 460"/>
              <a:gd name="T65" fmla="*/ 34 h 327"/>
              <a:gd name="T66" fmla="*/ 14 w 460"/>
              <a:gd name="T67" fmla="*/ 69 h 327"/>
              <a:gd name="T68" fmla="*/ 0 w 460"/>
              <a:gd name="T69" fmla="*/ 96 h 327"/>
              <a:gd name="T70" fmla="*/ 0 w 460"/>
              <a:gd name="T71" fmla="*/ 119 h 327"/>
              <a:gd name="T72" fmla="*/ 18 w 460"/>
              <a:gd name="T73" fmla="*/ 141 h 327"/>
              <a:gd name="T74" fmla="*/ 23 w 460"/>
              <a:gd name="T75" fmla="*/ 181 h 327"/>
              <a:gd name="T76" fmla="*/ 58 w 460"/>
              <a:gd name="T77" fmla="*/ 193 h 327"/>
              <a:gd name="T78" fmla="*/ 108 w 460"/>
              <a:gd name="T79" fmla="*/ 206 h 327"/>
              <a:gd name="T80" fmla="*/ 137 w 460"/>
              <a:gd name="T81" fmla="*/ 19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60" h="327">
                <a:moveTo>
                  <a:pt x="137" y="197"/>
                </a:moveTo>
                <a:lnTo>
                  <a:pt x="170" y="213"/>
                </a:lnTo>
                <a:lnTo>
                  <a:pt x="162" y="235"/>
                </a:lnTo>
                <a:lnTo>
                  <a:pt x="171" y="269"/>
                </a:lnTo>
                <a:lnTo>
                  <a:pt x="211" y="291"/>
                </a:lnTo>
                <a:lnTo>
                  <a:pt x="242" y="300"/>
                </a:lnTo>
                <a:lnTo>
                  <a:pt x="246" y="327"/>
                </a:lnTo>
                <a:lnTo>
                  <a:pt x="289" y="302"/>
                </a:lnTo>
                <a:lnTo>
                  <a:pt x="314" y="316"/>
                </a:lnTo>
                <a:lnTo>
                  <a:pt x="343" y="280"/>
                </a:lnTo>
                <a:lnTo>
                  <a:pt x="374" y="262"/>
                </a:lnTo>
                <a:lnTo>
                  <a:pt x="374" y="249"/>
                </a:lnTo>
                <a:lnTo>
                  <a:pt x="395" y="249"/>
                </a:lnTo>
                <a:lnTo>
                  <a:pt x="412" y="262"/>
                </a:lnTo>
                <a:lnTo>
                  <a:pt x="383" y="181"/>
                </a:lnTo>
                <a:lnTo>
                  <a:pt x="401" y="159"/>
                </a:lnTo>
                <a:lnTo>
                  <a:pt x="419" y="159"/>
                </a:lnTo>
                <a:lnTo>
                  <a:pt x="419" y="127"/>
                </a:lnTo>
                <a:lnTo>
                  <a:pt x="460" y="127"/>
                </a:lnTo>
                <a:lnTo>
                  <a:pt x="453" y="100"/>
                </a:lnTo>
                <a:lnTo>
                  <a:pt x="432" y="89"/>
                </a:lnTo>
                <a:lnTo>
                  <a:pt x="432" y="60"/>
                </a:lnTo>
                <a:lnTo>
                  <a:pt x="417" y="60"/>
                </a:lnTo>
                <a:lnTo>
                  <a:pt x="352" y="27"/>
                </a:lnTo>
                <a:lnTo>
                  <a:pt x="300" y="27"/>
                </a:lnTo>
                <a:lnTo>
                  <a:pt x="285" y="0"/>
                </a:lnTo>
                <a:lnTo>
                  <a:pt x="255" y="31"/>
                </a:lnTo>
                <a:lnTo>
                  <a:pt x="184" y="31"/>
                </a:lnTo>
                <a:lnTo>
                  <a:pt x="159" y="22"/>
                </a:lnTo>
                <a:lnTo>
                  <a:pt x="155" y="49"/>
                </a:lnTo>
                <a:lnTo>
                  <a:pt x="137" y="33"/>
                </a:lnTo>
                <a:lnTo>
                  <a:pt x="123" y="45"/>
                </a:lnTo>
                <a:lnTo>
                  <a:pt x="67" y="34"/>
                </a:lnTo>
                <a:lnTo>
                  <a:pt x="14" y="69"/>
                </a:lnTo>
                <a:lnTo>
                  <a:pt x="0" y="96"/>
                </a:lnTo>
                <a:lnTo>
                  <a:pt x="0" y="119"/>
                </a:lnTo>
                <a:lnTo>
                  <a:pt x="18" y="141"/>
                </a:lnTo>
                <a:lnTo>
                  <a:pt x="23" y="181"/>
                </a:lnTo>
                <a:lnTo>
                  <a:pt x="58" y="193"/>
                </a:lnTo>
                <a:lnTo>
                  <a:pt x="108" y="206"/>
                </a:lnTo>
                <a:lnTo>
                  <a:pt x="137" y="19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31" name="Latvia"/>
          <p:cNvSpPr>
            <a:spLocks/>
          </p:cNvSpPr>
          <p:nvPr/>
        </p:nvSpPr>
        <p:spPr bwMode="auto">
          <a:xfrm>
            <a:off x="10193863" y="2546350"/>
            <a:ext cx="871538" cy="479425"/>
          </a:xfrm>
          <a:custGeom>
            <a:avLst/>
            <a:gdLst>
              <a:gd name="T0" fmla="*/ 213 w 549"/>
              <a:gd name="T1" fmla="*/ 42 h 302"/>
              <a:gd name="T2" fmla="*/ 272 w 549"/>
              <a:gd name="T3" fmla="*/ 0 h 302"/>
              <a:gd name="T4" fmla="*/ 319 w 549"/>
              <a:gd name="T5" fmla="*/ 20 h 302"/>
              <a:gd name="T6" fmla="*/ 354 w 549"/>
              <a:gd name="T7" fmla="*/ 42 h 302"/>
              <a:gd name="T8" fmla="*/ 379 w 549"/>
              <a:gd name="T9" fmla="*/ 55 h 302"/>
              <a:gd name="T10" fmla="*/ 399 w 549"/>
              <a:gd name="T11" fmla="*/ 28 h 302"/>
              <a:gd name="T12" fmla="*/ 431 w 549"/>
              <a:gd name="T13" fmla="*/ 28 h 302"/>
              <a:gd name="T14" fmla="*/ 495 w 549"/>
              <a:gd name="T15" fmla="*/ 58 h 302"/>
              <a:gd name="T16" fmla="*/ 476 w 549"/>
              <a:gd name="T17" fmla="*/ 82 h 302"/>
              <a:gd name="T18" fmla="*/ 491 w 549"/>
              <a:gd name="T19" fmla="*/ 112 h 302"/>
              <a:gd name="T20" fmla="*/ 504 w 549"/>
              <a:gd name="T21" fmla="*/ 112 h 302"/>
              <a:gd name="T22" fmla="*/ 516 w 549"/>
              <a:gd name="T23" fmla="*/ 129 h 302"/>
              <a:gd name="T24" fmla="*/ 549 w 549"/>
              <a:gd name="T25" fmla="*/ 152 h 302"/>
              <a:gd name="T26" fmla="*/ 549 w 549"/>
              <a:gd name="T27" fmla="*/ 174 h 302"/>
              <a:gd name="T28" fmla="*/ 520 w 549"/>
              <a:gd name="T29" fmla="*/ 199 h 302"/>
              <a:gd name="T30" fmla="*/ 513 w 549"/>
              <a:gd name="T31" fmla="*/ 237 h 302"/>
              <a:gd name="T32" fmla="*/ 491 w 549"/>
              <a:gd name="T33" fmla="*/ 237 h 302"/>
              <a:gd name="T34" fmla="*/ 462 w 549"/>
              <a:gd name="T35" fmla="*/ 252 h 302"/>
              <a:gd name="T36" fmla="*/ 448 w 549"/>
              <a:gd name="T37" fmla="*/ 259 h 302"/>
              <a:gd name="T38" fmla="*/ 433 w 549"/>
              <a:gd name="T39" fmla="*/ 259 h 302"/>
              <a:gd name="T40" fmla="*/ 368 w 549"/>
              <a:gd name="T41" fmla="*/ 226 h 302"/>
              <a:gd name="T42" fmla="*/ 316 w 549"/>
              <a:gd name="T43" fmla="*/ 226 h 302"/>
              <a:gd name="T44" fmla="*/ 301 w 549"/>
              <a:gd name="T45" fmla="*/ 199 h 302"/>
              <a:gd name="T46" fmla="*/ 271 w 549"/>
              <a:gd name="T47" fmla="*/ 230 h 302"/>
              <a:gd name="T48" fmla="*/ 200 w 549"/>
              <a:gd name="T49" fmla="*/ 230 h 302"/>
              <a:gd name="T50" fmla="*/ 175 w 549"/>
              <a:gd name="T51" fmla="*/ 221 h 302"/>
              <a:gd name="T52" fmla="*/ 171 w 549"/>
              <a:gd name="T53" fmla="*/ 248 h 302"/>
              <a:gd name="T54" fmla="*/ 153 w 549"/>
              <a:gd name="T55" fmla="*/ 232 h 302"/>
              <a:gd name="T56" fmla="*/ 139 w 549"/>
              <a:gd name="T57" fmla="*/ 244 h 302"/>
              <a:gd name="T58" fmla="*/ 83 w 549"/>
              <a:gd name="T59" fmla="*/ 233 h 302"/>
              <a:gd name="T60" fmla="*/ 30 w 549"/>
              <a:gd name="T61" fmla="*/ 268 h 302"/>
              <a:gd name="T62" fmla="*/ 16 w 549"/>
              <a:gd name="T63" fmla="*/ 302 h 302"/>
              <a:gd name="T64" fmla="*/ 9 w 549"/>
              <a:gd name="T65" fmla="*/ 261 h 302"/>
              <a:gd name="T66" fmla="*/ 0 w 549"/>
              <a:gd name="T67" fmla="*/ 192 h 302"/>
              <a:gd name="T68" fmla="*/ 16 w 549"/>
              <a:gd name="T69" fmla="*/ 174 h 302"/>
              <a:gd name="T70" fmla="*/ 16 w 549"/>
              <a:gd name="T71" fmla="*/ 131 h 302"/>
              <a:gd name="T72" fmla="*/ 36 w 549"/>
              <a:gd name="T73" fmla="*/ 102 h 302"/>
              <a:gd name="T74" fmla="*/ 68 w 549"/>
              <a:gd name="T75" fmla="*/ 87 h 302"/>
              <a:gd name="T76" fmla="*/ 101 w 549"/>
              <a:gd name="T77" fmla="*/ 69 h 302"/>
              <a:gd name="T78" fmla="*/ 103 w 549"/>
              <a:gd name="T79" fmla="*/ 96 h 302"/>
              <a:gd name="T80" fmla="*/ 139 w 549"/>
              <a:gd name="T81" fmla="*/ 114 h 302"/>
              <a:gd name="T82" fmla="*/ 160 w 549"/>
              <a:gd name="T83" fmla="*/ 152 h 302"/>
              <a:gd name="T84" fmla="*/ 206 w 549"/>
              <a:gd name="T85" fmla="*/ 152 h 302"/>
              <a:gd name="T86" fmla="*/ 238 w 549"/>
              <a:gd name="T87" fmla="*/ 131 h 302"/>
              <a:gd name="T88" fmla="*/ 231 w 549"/>
              <a:gd name="T89" fmla="*/ 102 h 302"/>
              <a:gd name="T90" fmla="*/ 215 w 549"/>
              <a:gd name="T91" fmla="*/ 67 h 302"/>
              <a:gd name="T92" fmla="*/ 213 w 549"/>
              <a:gd name="T93" fmla="*/ 42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549" h="302">
                <a:moveTo>
                  <a:pt x="213" y="42"/>
                </a:moveTo>
                <a:lnTo>
                  <a:pt x="272" y="0"/>
                </a:lnTo>
                <a:lnTo>
                  <a:pt x="319" y="20"/>
                </a:lnTo>
                <a:lnTo>
                  <a:pt x="354" y="42"/>
                </a:lnTo>
                <a:lnTo>
                  <a:pt x="379" y="55"/>
                </a:lnTo>
                <a:lnTo>
                  <a:pt x="399" y="28"/>
                </a:lnTo>
                <a:lnTo>
                  <a:pt x="431" y="28"/>
                </a:lnTo>
                <a:lnTo>
                  <a:pt x="495" y="58"/>
                </a:lnTo>
                <a:lnTo>
                  <a:pt x="476" y="82"/>
                </a:lnTo>
                <a:lnTo>
                  <a:pt x="491" y="112"/>
                </a:lnTo>
                <a:lnTo>
                  <a:pt x="504" y="112"/>
                </a:lnTo>
                <a:lnTo>
                  <a:pt x="516" y="129"/>
                </a:lnTo>
                <a:lnTo>
                  <a:pt x="549" y="152"/>
                </a:lnTo>
                <a:lnTo>
                  <a:pt x="549" y="174"/>
                </a:lnTo>
                <a:lnTo>
                  <a:pt x="520" y="199"/>
                </a:lnTo>
                <a:lnTo>
                  <a:pt x="513" y="237"/>
                </a:lnTo>
                <a:lnTo>
                  <a:pt x="491" y="237"/>
                </a:lnTo>
                <a:lnTo>
                  <a:pt x="462" y="252"/>
                </a:lnTo>
                <a:lnTo>
                  <a:pt x="448" y="259"/>
                </a:lnTo>
                <a:lnTo>
                  <a:pt x="433" y="259"/>
                </a:lnTo>
                <a:lnTo>
                  <a:pt x="368" y="226"/>
                </a:lnTo>
                <a:lnTo>
                  <a:pt x="316" y="226"/>
                </a:lnTo>
                <a:lnTo>
                  <a:pt x="301" y="199"/>
                </a:lnTo>
                <a:lnTo>
                  <a:pt x="271" y="230"/>
                </a:lnTo>
                <a:lnTo>
                  <a:pt x="200" y="230"/>
                </a:lnTo>
                <a:lnTo>
                  <a:pt x="175" y="221"/>
                </a:lnTo>
                <a:lnTo>
                  <a:pt x="171" y="248"/>
                </a:lnTo>
                <a:lnTo>
                  <a:pt x="153" y="232"/>
                </a:lnTo>
                <a:lnTo>
                  <a:pt x="139" y="244"/>
                </a:lnTo>
                <a:lnTo>
                  <a:pt x="83" y="233"/>
                </a:lnTo>
                <a:lnTo>
                  <a:pt x="30" y="268"/>
                </a:lnTo>
                <a:lnTo>
                  <a:pt x="16" y="302"/>
                </a:lnTo>
                <a:lnTo>
                  <a:pt x="9" y="261"/>
                </a:lnTo>
                <a:lnTo>
                  <a:pt x="0" y="192"/>
                </a:lnTo>
                <a:lnTo>
                  <a:pt x="16" y="174"/>
                </a:lnTo>
                <a:lnTo>
                  <a:pt x="16" y="131"/>
                </a:lnTo>
                <a:lnTo>
                  <a:pt x="36" y="102"/>
                </a:lnTo>
                <a:lnTo>
                  <a:pt x="68" y="87"/>
                </a:lnTo>
                <a:lnTo>
                  <a:pt x="101" y="69"/>
                </a:lnTo>
                <a:lnTo>
                  <a:pt x="103" y="96"/>
                </a:lnTo>
                <a:lnTo>
                  <a:pt x="139" y="114"/>
                </a:lnTo>
                <a:lnTo>
                  <a:pt x="160" y="152"/>
                </a:lnTo>
                <a:lnTo>
                  <a:pt x="206" y="152"/>
                </a:lnTo>
                <a:lnTo>
                  <a:pt x="238" y="131"/>
                </a:lnTo>
                <a:lnTo>
                  <a:pt x="231" y="102"/>
                </a:lnTo>
                <a:lnTo>
                  <a:pt x="215" y="67"/>
                </a:lnTo>
                <a:lnTo>
                  <a:pt x="213" y="4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32" name="Estonia"/>
          <p:cNvGrpSpPr/>
          <p:nvPr/>
        </p:nvGrpSpPr>
        <p:grpSpPr>
          <a:xfrm>
            <a:off x="10233551" y="2214246"/>
            <a:ext cx="675007" cy="427038"/>
            <a:chOff x="10254571" y="2214246"/>
            <a:chExt cx="675007" cy="427038"/>
          </a:xfrm>
          <a:solidFill>
            <a:schemeClr val="accent3"/>
          </a:solidFill>
        </p:grpSpPr>
        <p:sp>
          <p:nvSpPr>
            <p:cNvPr id="33" name="Freeform 105"/>
            <p:cNvSpPr>
              <a:spLocks/>
            </p:cNvSpPr>
            <p:nvPr/>
          </p:nvSpPr>
          <p:spPr bwMode="auto">
            <a:xfrm>
              <a:off x="10254571" y="2406650"/>
              <a:ext cx="88900" cy="71438"/>
            </a:xfrm>
            <a:custGeom>
              <a:avLst/>
              <a:gdLst>
                <a:gd name="T0" fmla="*/ 32 w 56"/>
                <a:gd name="T1" fmla="*/ 45 h 45"/>
                <a:gd name="T2" fmla="*/ 20 w 56"/>
                <a:gd name="T3" fmla="*/ 34 h 45"/>
                <a:gd name="T4" fmla="*/ 0 w 56"/>
                <a:gd name="T5" fmla="*/ 23 h 45"/>
                <a:gd name="T6" fmla="*/ 32 w 56"/>
                <a:gd name="T7" fmla="*/ 14 h 45"/>
                <a:gd name="T8" fmla="*/ 32 w 56"/>
                <a:gd name="T9" fmla="*/ 0 h 45"/>
                <a:gd name="T10" fmla="*/ 56 w 56"/>
                <a:gd name="T11" fmla="*/ 9 h 45"/>
                <a:gd name="T12" fmla="*/ 56 w 56"/>
                <a:gd name="T13" fmla="*/ 27 h 45"/>
                <a:gd name="T14" fmla="*/ 56 w 56"/>
                <a:gd name="T15" fmla="*/ 45 h 45"/>
                <a:gd name="T16" fmla="*/ 32 w 56"/>
                <a:gd name="T17" fmla="*/ 45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6" h="45">
                  <a:moveTo>
                    <a:pt x="32" y="45"/>
                  </a:moveTo>
                  <a:lnTo>
                    <a:pt x="20" y="34"/>
                  </a:lnTo>
                  <a:lnTo>
                    <a:pt x="0" y="23"/>
                  </a:lnTo>
                  <a:lnTo>
                    <a:pt x="32" y="14"/>
                  </a:lnTo>
                  <a:lnTo>
                    <a:pt x="32" y="0"/>
                  </a:lnTo>
                  <a:lnTo>
                    <a:pt x="56" y="9"/>
                  </a:lnTo>
                  <a:lnTo>
                    <a:pt x="56" y="27"/>
                  </a:lnTo>
                  <a:lnTo>
                    <a:pt x="56" y="45"/>
                  </a:lnTo>
                  <a:lnTo>
                    <a:pt x="32" y="4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4" name="Freeform 106"/>
            <p:cNvSpPr>
              <a:spLocks/>
            </p:cNvSpPr>
            <p:nvPr/>
          </p:nvSpPr>
          <p:spPr bwMode="auto">
            <a:xfrm>
              <a:off x="10300608" y="2478088"/>
              <a:ext cx="92075" cy="138113"/>
            </a:xfrm>
            <a:custGeom>
              <a:avLst/>
              <a:gdLst>
                <a:gd name="T0" fmla="*/ 5 w 58"/>
                <a:gd name="T1" fmla="*/ 13 h 87"/>
                <a:gd name="T2" fmla="*/ 38 w 58"/>
                <a:gd name="T3" fmla="*/ 0 h 87"/>
                <a:gd name="T4" fmla="*/ 58 w 58"/>
                <a:gd name="T5" fmla="*/ 18 h 87"/>
                <a:gd name="T6" fmla="*/ 52 w 58"/>
                <a:gd name="T7" fmla="*/ 43 h 87"/>
                <a:gd name="T8" fmla="*/ 32 w 58"/>
                <a:gd name="T9" fmla="*/ 58 h 87"/>
                <a:gd name="T10" fmla="*/ 12 w 58"/>
                <a:gd name="T11" fmla="*/ 71 h 87"/>
                <a:gd name="T12" fmla="*/ 5 w 58"/>
                <a:gd name="T13" fmla="*/ 85 h 87"/>
                <a:gd name="T14" fmla="*/ 0 w 58"/>
                <a:gd name="T15" fmla="*/ 87 h 87"/>
                <a:gd name="T16" fmla="*/ 5 w 58"/>
                <a:gd name="T17" fmla="*/ 13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8" h="87">
                  <a:moveTo>
                    <a:pt x="5" y="13"/>
                  </a:moveTo>
                  <a:lnTo>
                    <a:pt x="38" y="0"/>
                  </a:lnTo>
                  <a:lnTo>
                    <a:pt x="58" y="18"/>
                  </a:lnTo>
                  <a:lnTo>
                    <a:pt x="52" y="43"/>
                  </a:lnTo>
                  <a:lnTo>
                    <a:pt x="32" y="58"/>
                  </a:lnTo>
                  <a:lnTo>
                    <a:pt x="12" y="71"/>
                  </a:lnTo>
                  <a:lnTo>
                    <a:pt x="5" y="85"/>
                  </a:lnTo>
                  <a:lnTo>
                    <a:pt x="0" y="87"/>
                  </a:lnTo>
                  <a:lnTo>
                    <a:pt x="5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5" name="Freeform 43"/>
            <p:cNvSpPr>
              <a:spLocks/>
            </p:cNvSpPr>
            <p:nvPr/>
          </p:nvSpPr>
          <p:spPr bwMode="auto">
            <a:xfrm>
              <a:off x="10394590" y="2214246"/>
              <a:ext cx="534988" cy="427038"/>
            </a:xfrm>
            <a:custGeom>
              <a:avLst/>
              <a:gdLst>
                <a:gd name="T0" fmla="*/ 301 w 337"/>
                <a:gd name="T1" fmla="*/ 157 h 269"/>
                <a:gd name="T2" fmla="*/ 326 w 337"/>
                <a:gd name="T3" fmla="*/ 168 h 269"/>
                <a:gd name="T4" fmla="*/ 337 w 337"/>
                <a:gd name="T5" fmla="*/ 193 h 269"/>
                <a:gd name="T6" fmla="*/ 326 w 337"/>
                <a:gd name="T7" fmla="*/ 208 h 269"/>
                <a:gd name="T8" fmla="*/ 326 w 337"/>
                <a:gd name="T9" fmla="*/ 229 h 269"/>
                <a:gd name="T10" fmla="*/ 337 w 337"/>
                <a:gd name="T11" fmla="*/ 249 h 269"/>
                <a:gd name="T12" fmla="*/ 320 w 337"/>
                <a:gd name="T13" fmla="*/ 242 h 269"/>
                <a:gd name="T14" fmla="*/ 288 w 337"/>
                <a:gd name="T15" fmla="*/ 242 h 269"/>
                <a:gd name="T16" fmla="*/ 268 w 337"/>
                <a:gd name="T17" fmla="*/ 269 h 269"/>
                <a:gd name="T18" fmla="*/ 243 w 337"/>
                <a:gd name="T19" fmla="*/ 257 h 269"/>
                <a:gd name="T20" fmla="*/ 208 w 337"/>
                <a:gd name="T21" fmla="*/ 235 h 269"/>
                <a:gd name="T22" fmla="*/ 160 w 337"/>
                <a:gd name="T23" fmla="*/ 215 h 269"/>
                <a:gd name="T24" fmla="*/ 100 w 337"/>
                <a:gd name="T25" fmla="*/ 257 h 269"/>
                <a:gd name="T26" fmla="*/ 100 w 337"/>
                <a:gd name="T27" fmla="*/ 239 h 269"/>
                <a:gd name="T28" fmla="*/ 107 w 337"/>
                <a:gd name="T29" fmla="*/ 228 h 269"/>
                <a:gd name="T30" fmla="*/ 109 w 337"/>
                <a:gd name="T31" fmla="*/ 195 h 269"/>
                <a:gd name="T32" fmla="*/ 91 w 337"/>
                <a:gd name="T33" fmla="*/ 183 h 269"/>
                <a:gd name="T34" fmla="*/ 80 w 337"/>
                <a:gd name="T35" fmla="*/ 213 h 269"/>
                <a:gd name="T36" fmla="*/ 62 w 337"/>
                <a:gd name="T37" fmla="*/ 202 h 269"/>
                <a:gd name="T38" fmla="*/ 44 w 337"/>
                <a:gd name="T39" fmla="*/ 208 h 269"/>
                <a:gd name="T40" fmla="*/ 38 w 337"/>
                <a:gd name="T41" fmla="*/ 193 h 269"/>
                <a:gd name="T42" fmla="*/ 44 w 337"/>
                <a:gd name="T43" fmla="*/ 177 h 269"/>
                <a:gd name="T44" fmla="*/ 11 w 337"/>
                <a:gd name="T45" fmla="*/ 157 h 269"/>
                <a:gd name="T46" fmla="*/ 17 w 337"/>
                <a:gd name="T47" fmla="*/ 137 h 269"/>
                <a:gd name="T48" fmla="*/ 0 w 337"/>
                <a:gd name="T49" fmla="*/ 110 h 269"/>
                <a:gd name="T50" fmla="*/ 11 w 337"/>
                <a:gd name="T51" fmla="*/ 90 h 269"/>
                <a:gd name="T52" fmla="*/ 44 w 337"/>
                <a:gd name="T53" fmla="*/ 90 h 269"/>
                <a:gd name="T54" fmla="*/ 40 w 337"/>
                <a:gd name="T55" fmla="*/ 72 h 269"/>
                <a:gd name="T56" fmla="*/ 76 w 337"/>
                <a:gd name="T57" fmla="*/ 52 h 269"/>
                <a:gd name="T58" fmla="*/ 93 w 337"/>
                <a:gd name="T59" fmla="*/ 40 h 269"/>
                <a:gd name="T60" fmla="*/ 103 w 337"/>
                <a:gd name="T61" fmla="*/ 49 h 269"/>
                <a:gd name="T62" fmla="*/ 134 w 337"/>
                <a:gd name="T63" fmla="*/ 40 h 269"/>
                <a:gd name="T64" fmla="*/ 141 w 337"/>
                <a:gd name="T65" fmla="*/ 22 h 269"/>
                <a:gd name="T66" fmla="*/ 163 w 337"/>
                <a:gd name="T67" fmla="*/ 14 h 269"/>
                <a:gd name="T68" fmla="*/ 174 w 337"/>
                <a:gd name="T69" fmla="*/ 22 h 269"/>
                <a:gd name="T70" fmla="*/ 268 w 337"/>
                <a:gd name="T71" fmla="*/ 25 h 269"/>
                <a:gd name="T72" fmla="*/ 288 w 337"/>
                <a:gd name="T73" fmla="*/ 14 h 269"/>
                <a:gd name="T74" fmla="*/ 306 w 337"/>
                <a:gd name="T75" fmla="*/ 0 h 269"/>
                <a:gd name="T76" fmla="*/ 311 w 337"/>
                <a:gd name="T77" fmla="*/ 13 h 269"/>
                <a:gd name="T78" fmla="*/ 293 w 337"/>
                <a:gd name="T79" fmla="*/ 34 h 269"/>
                <a:gd name="T80" fmla="*/ 297 w 337"/>
                <a:gd name="T81" fmla="*/ 60 h 269"/>
                <a:gd name="T82" fmla="*/ 277 w 337"/>
                <a:gd name="T83" fmla="*/ 83 h 269"/>
                <a:gd name="T84" fmla="*/ 288 w 337"/>
                <a:gd name="T85" fmla="*/ 117 h 269"/>
                <a:gd name="T86" fmla="*/ 308 w 337"/>
                <a:gd name="T87" fmla="*/ 123 h 269"/>
                <a:gd name="T88" fmla="*/ 301 w 337"/>
                <a:gd name="T89" fmla="*/ 157 h 2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337" h="269">
                  <a:moveTo>
                    <a:pt x="301" y="157"/>
                  </a:moveTo>
                  <a:lnTo>
                    <a:pt x="326" y="168"/>
                  </a:lnTo>
                  <a:lnTo>
                    <a:pt x="337" y="193"/>
                  </a:lnTo>
                  <a:lnTo>
                    <a:pt x="326" y="208"/>
                  </a:lnTo>
                  <a:lnTo>
                    <a:pt x="326" y="229"/>
                  </a:lnTo>
                  <a:lnTo>
                    <a:pt x="337" y="249"/>
                  </a:lnTo>
                  <a:lnTo>
                    <a:pt x="320" y="242"/>
                  </a:lnTo>
                  <a:lnTo>
                    <a:pt x="288" y="242"/>
                  </a:lnTo>
                  <a:lnTo>
                    <a:pt x="268" y="269"/>
                  </a:lnTo>
                  <a:lnTo>
                    <a:pt x="243" y="257"/>
                  </a:lnTo>
                  <a:lnTo>
                    <a:pt x="208" y="235"/>
                  </a:lnTo>
                  <a:lnTo>
                    <a:pt x="160" y="215"/>
                  </a:lnTo>
                  <a:lnTo>
                    <a:pt x="100" y="257"/>
                  </a:lnTo>
                  <a:lnTo>
                    <a:pt x="100" y="239"/>
                  </a:lnTo>
                  <a:lnTo>
                    <a:pt x="107" y="228"/>
                  </a:lnTo>
                  <a:lnTo>
                    <a:pt x="109" y="195"/>
                  </a:lnTo>
                  <a:lnTo>
                    <a:pt x="91" y="183"/>
                  </a:lnTo>
                  <a:lnTo>
                    <a:pt x="80" y="213"/>
                  </a:lnTo>
                  <a:lnTo>
                    <a:pt x="62" y="202"/>
                  </a:lnTo>
                  <a:lnTo>
                    <a:pt x="44" y="208"/>
                  </a:lnTo>
                  <a:lnTo>
                    <a:pt x="38" y="193"/>
                  </a:lnTo>
                  <a:lnTo>
                    <a:pt x="44" y="177"/>
                  </a:lnTo>
                  <a:lnTo>
                    <a:pt x="11" y="157"/>
                  </a:lnTo>
                  <a:lnTo>
                    <a:pt x="17" y="137"/>
                  </a:lnTo>
                  <a:lnTo>
                    <a:pt x="0" y="110"/>
                  </a:lnTo>
                  <a:lnTo>
                    <a:pt x="11" y="90"/>
                  </a:lnTo>
                  <a:lnTo>
                    <a:pt x="44" y="90"/>
                  </a:lnTo>
                  <a:lnTo>
                    <a:pt x="40" y="72"/>
                  </a:lnTo>
                  <a:lnTo>
                    <a:pt x="76" y="52"/>
                  </a:lnTo>
                  <a:lnTo>
                    <a:pt x="93" y="40"/>
                  </a:lnTo>
                  <a:lnTo>
                    <a:pt x="103" y="49"/>
                  </a:lnTo>
                  <a:lnTo>
                    <a:pt x="134" y="40"/>
                  </a:lnTo>
                  <a:lnTo>
                    <a:pt x="141" y="22"/>
                  </a:lnTo>
                  <a:lnTo>
                    <a:pt x="163" y="14"/>
                  </a:lnTo>
                  <a:lnTo>
                    <a:pt x="174" y="22"/>
                  </a:lnTo>
                  <a:lnTo>
                    <a:pt x="268" y="25"/>
                  </a:lnTo>
                  <a:lnTo>
                    <a:pt x="288" y="14"/>
                  </a:lnTo>
                  <a:lnTo>
                    <a:pt x="306" y="0"/>
                  </a:lnTo>
                  <a:lnTo>
                    <a:pt x="311" y="13"/>
                  </a:lnTo>
                  <a:lnTo>
                    <a:pt x="293" y="34"/>
                  </a:lnTo>
                  <a:lnTo>
                    <a:pt x="297" y="60"/>
                  </a:lnTo>
                  <a:lnTo>
                    <a:pt x="277" y="83"/>
                  </a:lnTo>
                  <a:lnTo>
                    <a:pt x="288" y="117"/>
                  </a:lnTo>
                  <a:lnTo>
                    <a:pt x="308" y="123"/>
                  </a:lnTo>
                  <a:lnTo>
                    <a:pt x="301" y="1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36" name="Kosovo"/>
          <p:cNvGrpSpPr/>
          <p:nvPr/>
        </p:nvGrpSpPr>
        <p:grpSpPr>
          <a:xfrm>
            <a:off x="10522476" y="5503863"/>
            <a:ext cx="169863" cy="155857"/>
            <a:chOff x="10543496" y="5503863"/>
            <a:chExt cx="169863" cy="155857"/>
          </a:xfrm>
          <a:solidFill>
            <a:schemeClr val="bg1"/>
          </a:solidFill>
        </p:grpSpPr>
        <p:sp>
          <p:nvSpPr>
            <p:cNvPr id="37" name="Freeform 110"/>
            <p:cNvSpPr>
              <a:spLocks/>
            </p:cNvSpPr>
            <p:nvPr/>
          </p:nvSpPr>
          <p:spPr bwMode="auto">
            <a:xfrm>
              <a:off x="10692721" y="5623720"/>
              <a:ext cx="14288" cy="36000"/>
            </a:xfrm>
            <a:custGeom>
              <a:avLst/>
              <a:gdLst>
                <a:gd name="T0" fmla="*/ 7 w 9"/>
                <a:gd name="T1" fmla="*/ 11 h 11"/>
                <a:gd name="T2" fmla="*/ 0 w 9"/>
                <a:gd name="T3" fmla="*/ 11 h 11"/>
                <a:gd name="T4" fmla="*/ 2 w 9"/>
                <a:gd name="T5" fmla="*/ 0 h 11"/>
                <a:gd name="T6" fmla="*/ 9 w 9"/>
                <a:gd name="T7" fmla="*/ 0 h 11"/>
                <a:gd name="T8" fmla="*/ 7 w 9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7" y="11"/>
                  </a:moveTo>
                  <a:lnTo>
                    <a:pt x="0" y="11"/>
                  </a:lnTo>
                  <a:lnTo>
                    <a:pt x="2" y="0"/>
                  </a:lnTo>
                  <a:lnTo>
                    <a:pt x="9" y="0"/>
                  </a:lnTo>
                  <a:lnTo>
                    <a:pt x="7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8" name="Freeform 111"/>
            <p:cNvSpPr>
              <a:spLocks/>
            </p:cNvSpPr>
            <p:nvPr/>
          </p:nvSpPr>
          <p:spPr bwMode="auto">
            <a:xfrm>
              <a:off x="10689546" y="5573713"/>
              <a:ext cx="23813" cy="33338"/>
            </a:xfrm>
            <a:custGeom>
              <a:avLst/>
              <a:gdLst>
                <a:gd name="T0" fmla="*/ 13 w 15"/>
                <a:gd name="T1" fmla="*/ 21 h 21"/>
                <a:gd name="T2" fmla="*/ 6 w 15"/>
                <a:gd name="T3" fmla="*/ 21 h 21"/>
                <a:gd name="T4" fmla="*/ 8 w 15"/>
                <a:gd name="T5" fmla="*/ 12 h 21"/>
                <a:gd name="T6" fmla="*/ 0 w 15"/>
                <a:gd name="T7" fmla="*/ 5 h 21"/>
                <a:gd name="T8" fmla="*/ 6 w 15"/>
                <a:gd name="T9" fmla="*/ 0 h 21"/>
                <a:gd name="T10" fmla="*/ 15 w 15"/>
                <a:gd name="T11" fmla="*/ 9 h 21"/>
                <a:gd name="T12" fmla="*/ 13 w 15"/>
                <a:gd name="T13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" h="21">
                  <a:moveTo>
                    <a:pt x="13" y="21"/>
                  </a:moveTo>
                  <a:lnTo>
                    <a:pt x="6" y="21"/>
                  </a:lnTo>
                  <a:lnTo>
                    <a:pt x="8" y="12"/>
                  </a:lnTo>
                  <a:lnTo>
                    <a:pt x="0" y="5"/>
                  </a:lnTo>
                  <a:lnTo>
                    <a:pt x="6" y="0"/>
                  </a:lnTo>
                  <a:lnTo>
                    <a:pt x="15" y="9"/>
                  </a:lnTo>
                  <a:lnTo>
                    <a:pt x="1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9" name="Freeform 112"/>
            <p:cNvSpPr>
              <a:spLocks/>
            </p:cNvSpPr>
            <p:nvPr/>
          </p:nvSpPr>
          <p:spPr bwMode="auto">
            <a:xfrm>
              <a:off x="10656208" y="5535613"/>
              <a:ext cx="25400" cy="28575"/>
            </a:xfrm>
            <a:custGeom>
              <a:avLst/>
              <a:gdLst>
                <a:gd name="T0" fmla="*/ 11 w 16"/>
                <a:gd name="T1" fmla="*/ 18 h 18"/>
                <a:gd name="T2" fmla="*/ 0 w 16"/>
                <a:gd name="T3" fmla="*/ 5 h 18"/>
                <a:gd name="T4" fmla="*/ 5 w 16"/>
                <a:gd name="T5" fmla="*/ 0 h 18"/>
                <a:gd name="T6" fmla="*/ 16 w 16"/>
                <a:gd name="T7" fmla="*/ 13 h 18"/>
                <a:gd name="T8" fmla="*/ 11 w 16"/>
                <a:gd name="T9" fmla="*/ 18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8">
                  <a:moveTo>
                    <a:pt x="11" y="18"/>
                  </a:moveTo>
                  <a:lnTo>
                    <a:pt x="0" y="5"/>
                  </a:lnTo>
                  <a:lnTo>
                    <a:pt x="5" y="0"/>
                  </a:lnTo>
                  <a:lnTo>
                    <a:pt x="16" y="13"/>
                  </a:lnTo>
                  <a:lnTo>
                    <a:pt x="11" y="1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0" name="Freeform 113"/>
            <p:cNvSpPr>
              <a:spLocks/>
            </p:cNvSpPr>
            <p:nvPr/>
          </p:nvSpPr>
          <p:spPr bwMode="auto">
            <a:xfrm>
              <a:off x="10613346" y="5503863"/>
              <a:ext cx="33338" cy="23813"/>
            </a:xfrm>
            <a:custGeom>
              <a:avLst/>
              <a:gdLst>
                <a:gd name="T0" fmla="*/ 16 w 21"/>
                <a:gd name="T1" fmla="*/ 15 h 15"/>
                <a:gd name="T2" fmla="*/ 11 w 21"/>
                <a:gd name="T3" fmla="*/ 7 h 15"/>
                <a:gd name="T4" fmla="*/ 1 w 21"/>
                <a:gd name="T5" fmla="*/ 11 h 15"/>
                <a:gd name="T6" fmla="*/ 0 w 21"/>
                <a:gd name="T7" fmla="*/ 4 h 15"/>
                <a:gd name="T8" fmla="*/ 11 w 21"/>
                <a:gd name="T9" fmla="*/ 0 h 15"/>
                <a:gd name="T10" fmla="*/ 21 w 21"/>
                <a:gd name="T11" fmla="*/ 9 h 15"/>
                <a:gd name="T12" fmla="*/ 16 w 21"/>
                <a:gd name="T13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1" h="15">
                  <a:moveTo>
                    <a:pt x="16" y="15"/>
                  </a:moveTo>
                  <a:lnTo>
                    <a:pt x="11" y="7"/>
                  </a:lnTo>
                  <a:lnTo>
                    <a:pt x="1" y="11"/>
                  </a:lnTo>
                  <a:lnTo>
                    <a:pt x="0" y="4"/>
                  </a:lnTo>
                  <a:lnTo>
                    <a:pt x="11" y="0"/>
                  </a:lnTo>
                  <a:lnTo>
                    <a:pt x="21" y="9"/>
                  </a:lnTo>
                  <a:lnTo>
                    <a:pt x="16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1" name="Freeform 114"/>
            <p:cNvSpPr>
              <a:spLocks/>
            </p:cNvSpPr>
            <p:nvPr/>
          </p:nvSpPr>
          <p:spPr bwMode="auto">
            <a:xfrm>
              <a:off x="10578421" y="5518150"/>
              <a:ext cx="20638" cy="17463"/>
            </a:xfrm>
            <a:custGeom>
              <a:avLst/>
              <a:gdLst>
                <a:gd name="T0" fmla="*/ 2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2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2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2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2" name="Freeform 115"/>
            <p:cNvSpPr>
              <a:spLocks/>
            </p:cNvSpPr>
            <p:nvPr/>
          </p:nvSpPr>
          <p:spPr bwMode="auto">
            <a:xfrm>
              <a:off x="10543496" y="5532438"/>
              <a:ext cx="20638" cy="17463"/>
            </a:xfrm>
            <a:custGeom>
              <a:avLst/>
              <a:gdLst>
                <a:gd name="T0" fmla="*/ 4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4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4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4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43" name="Montenegro"/>
          <p:cNvSpPr>
            <a:spLocks/>
          </p:cNvSpPr>
          <p:nvPr/>
        </p:nvSpPr>
        <p:spPr bwMode="auto">
          <a:xfrm>
            <a:off x="10230376" y="5414963"/>
            <a:ext cx="295275" cy="322263"/>
          </a:xfrm>
          <a:custGeom>
            <a:avLst/>
            <a:gdLst>
              <a:gd name="T0" fmla="*/ 92 w 186"/>
              <a:gd name="T1" fmla="*/ 0 h 203"/>
              <a:gd name="T2" fmla="*/ 136 w 186"/>
              <a:gd name="T3" fmla="*/ 15 h 203"/>
              <a:gd name="T4" fmla="*/ 148 w 186"/>
              <a:gd name="T5" fmla="*/ 45 h 203"/>
              <a:gd name="T6" fmla="*/ 177 w 186"/>
              <a:gd name="T7" fmla="*/ 56 h 203"/>
              <a:gd name="T8" fmla="*/ 186 w 186"/>
              <a:gd name="T9" fmla="*/ 81 h 203"/>
              <a:gd name="T10" fmla="*/ 170 w 186"/>
              <a:gd name="T11" fmla="*/ 96 h 203"/>
              <a:gd name="T12" fmla="*/ 170 w 186"/>
              <a:gd name="T13" fmla="*/ 119 h 203"/>
              <a:gd name="T14" fmla="*/ 157 w 186"/>
              <a:gd name="T15" fmla="*/ 132 h 203"/>
              <a:gd name="T16" fmla="*/ 139 w 186"/>
              <a:gd name="T17" fmla="*/ 118 h 203"/>
              <a:gd name="T18" fmla="*/ 125 w 186"/>
              <a:gd name="T19" fmla="*/ 143 h 203"/>
              <a:gd name="T20" fmla="*/ 121 w 186"/>
              <a:gd name="T21" fmla="*/ 177 h 203"/>
              <a:gd name="T22" fmla="*/ 103 w 186"/>
              <a:gd name="T23" fmla="*/ 203 h 203"/>
              <a:gd name="T24" fmla="*/ 78 w 186"/>
              <a:gd name="T25" fmla="*/ 197 h 203"/>
              <a:gd name="T26" fmla="*/ 60 w 186"/>
              <a:gd name="T27" fmla="*/ 174 h 203"/>
              <a:gd name="T28" fmla="*/ 47 w 186"/>
              <a:gd name="T29" fmla="*/ 159 h 203"/>
              <a:gd name="T30" fmla="*/ 31 w 186"/>
              <a:gd name="T31" fmla="*/ 183 h 203"/>
              <a:gd name="T32" fmla="*/ 9 w 186"/>
              <a:gd name="T33" fmla="*/ 152 h 203"/>
              <a:gd name="T34" fmla="*/ 0 w 186"/>
              <a:gd name="T35" fmla="*/ 146 h 203"/>
              <a:gd name="T36" fmla="*/ 7 w 186"/>
              <a:gd name="T37" fmla="*/ 123 h 203"/>
              <a:gd name="T38" fmla="*/ 0 w 186"/>
              <a:gd name="T39" fmla="*/ 100 h 203"/>
              <a:gd name="T40" fmla="*/ 20 w 186"/>
              <a:gd name="T41" fmla="*/ 81 h 203"/>
              <a:gd name="T42" fmla="*/ 14 w 186"/>
              <a:gd name="T43" fmla="*/ 58 h 203"/>
              <a:gd name="T44" fmla="*/ 31 w 186"/>
              <a:gd name="T45" fmla="*/ 34 h 203"/>
              <a:gd name="T46" fmla="*/ 85 w 186"/>
              <a:gd name="T47" fmla="*/ 31 h 203"/>
              <a:gd name="T48" fmla="*/ 92 w 186"/>
              <a:gd name="T49" fmla="*/ 0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86" h="203">
                <a:moveTo>
                  <a:pt x="92" y="0"/>
                </a:moveTo>
                <a:lnTo>
                  <a:pt x="136" y="15"/>
                </a:lnTo>
                <a:lnTo>
                  <a:pt x="148" y="45"/>
                </a:lnTo>
                <a:lnTo>
                  <a:pt x="177" y="56"/>
                </a:lnTo>
                <a:lnTo>
                  <a:pt x="186" y="81"/>
                </a:lnTo>
                <a:lnTo>
                  <a:pt x="170" y="96"/>
                </a:lnTo>
                <a:lnTo>
                  <a:pt x="170" y="119"/>
                </a:lnTo>
                <a:lnTo>
                  <a:pt x="157" y="132"/>
                </a:lnTo>
                <a:lnTo>
                  <a:pt x="139" y="118"/>
                </a:lnTo>
                <a:lnTo>
                  <a:pt x="125" y="143"/>
                </a:lnTo>
                <a:lnTo>
                  <a:pt x="121" y="177"/>
                </a:lnTo>
                <a:lnTo>
                  <a:pt x="103" y="203"/>
                </a:lnTo>
                <a:lnTo>
                  <a:pt x="78" y="197"/>
                </a:lnTo>
                <a:lnTo>
                  <a:pt x="60" y="174"/>
                </a:lnTo>
                <a:lnTo>
                  <a:pt x="47" y="159"/>
                </a:lnTo>
                <a:lnTo>
                  <a:pt x="31" y="183"/>
                </a:lnTo>
                <a:lnTo>
                  <a:pt x="9" y="152"/>
                </a:lnTo>
                <a:lnTo>
                  <a:pt x="0" y="146"/>
                </a:lnTo>
                <a:lnTo>
                  <a:pt x="7" y="123"/>
                </a:lnTo>
                <a:lnTo>
                  <a:pt x="0" y="100"/>
                </a:lnTo>
                <a:lnTo>
                  <a:pt x="20" y="81"/>
                </a:lnTo>
                <a:lnTo>
                  <a:pt x="14" y="58"/>
                </a:lnTo>
                <a:lnTo>
                  <a:pt x="31" y="34"/>
                </a:lnTo>
                <a:lnTo>
                  <a:pt x="85" y="31"/>
                </a:lnTo>
                <a:lnTo>
                  <a:pt x="92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4" name="Croatia"/>
          <p:cNvSpPr>
            <a:spLocks/>
          </p:cNvSpPr>
          <p:nvPr/>
        </p:nvSpPr>
        <p:spPr bwMode="auto">
          <a:xfrm>
            <a:off x="9408051" y="4910138"/>
            <a:ext cx="871538" cy="642938"/>
          </a:xfrm>
          <a:custGeom>
            <a:avLst/>
            <a:gdLst>
              <a:gd name="T0" fmla="*/ 286 w 304"/>
              <a:gd name="T1" fmla="*/ 30 h 224"/>
              <a:gd name="T2" fmla="*/ 257 w 304"/>
              <a:gd name="T3" fmla="*/ 40 h 224"/>
              <a:gd name="T4" fmla="*/ 213 w 304"/>
              <a:gd name="T5" fmla="*/ 31 h 224"/>
              <a:gd name="T6" fmla="*/ 152 w 304"/>
              <a:gd name="T7" fmla="*/ 0 h 224"/>
              <a:gd name="T8" fmla="*/ 134 w 304"/>
              <a:gd name="T9" fmla="*/ 31 h 224"/>
              <a:gd name="T10" fmla="*/ 109 w 304"/>
              <a:gd name="T11" fmla="*/ 58 h 224"/>
              <a:gd name="T12" fmla="*/ 100 w 304"/>
              <a:gd name="T13" fmla="*/ 59 h 224"/>
              <a:gd name="T14" fmla="*/ 42 w 304"/>
              <a:gd name="T15" fmla="*/ 69 h 224"/>
              <a:gd name="T16" fmla="*/ 19 w 304"/>
              <a:gd name="T17" fmla="*/ 75 h 224"/>
              <a:gd name="T18" fmla="*/ 0 w 304"/>
              <a:gd name="T19" fmla="*/ 83 h 224"/>
              <a:gd name="T20" fmla="*/ 7 w 304"/>
              <a:gd name="T21" fmla="*/ 109 h 224"/>
              <a:gd name="T22" fmla="*/ 31 w 304"/>
              <a:gd name="T23" fmla="*/ 112 h 224"/>
              <a:gd name="T24" fmla="*/ 44 w 304"/>
              <a:gd name="T25" fmla="*/ 95 h 224"/>
              <a:gd name="T26" fmla="*/ 54 w 304"/>
              <a:gd name="T27" fmla="*/ 86 h 224"/>
              <a:gd name="T28" fmla="*/ 77 w 304"/>
              <a:gd name="T29" fmla="*/ 104 h 224"/>
              <a:gd name="T30" fmla="*/ 84 w 304"/>
              <a:gd name="T31" fmla="*/ 145 h 224"/>
              <a:gd name="T32" fmla="*/ 98 w 304"/>
              <a:gd name="T33" fmla="*/ 161 h 224"/>
              <a:gd name="T34" fmla="*/ 143 w 304"/>
              <a:gd name="T35" fmla="*/ 188 h 224"/>
              <a:gd name="T36" fmla="*/ 167 w 304"/>
              <a:gd name="T37" fmla="*/ 191 h 224"/>
              <a:gd name="T38" fmla="*/ 191 w 304"/>
              <a:gd name="T39" fmla="*/ 199 h 224"/>
              <a:gd name="T40" fmla="*/ 199 w 304"/>
              <a:gd name="T41" fmla="*/ 212 h 224"/>
              <a:gd name="T42" fmla="*/ 239 w 304"/>
              <a:gd name="T43" fmla="*/ 223 h 224"/>
              <a:gd name="T44" fmla="*/ 239 w 304"/>
              <a:gd name="T45" fmla="*/ 223 h 224"/>
              <a:gd name="T46" fmla="*/ 143 w 304"/>
              <a:gd name="T47" fmla="*/ 160 h 224"/>
              <a:gd name="T48" fmla="*/ 130 w 304"/>
              <a:gd name="T49" fmla="*/ 147 h 224"/>
              <a:gd name="T50" fmla="*/ 133 w 304"/>
              <a:gd name="T51" fmla="*/ 125 h 224"/>
              <a:gd name="T52" fmla="*/ 126 w 304"/>
              <a:gd name="T53" fmla="*/ 94 h 224"/>
              <a:gd name="T54" fmla="*/ 149 w 304"/>
              <a:gd name="T55" fmla="*/ 98 h 224"/>
              <a:gd name="T56" fmla="*/ 180 w 304"/>
              <a:gd name="T57" fmla="*/ 85 h 224"/>
              <a:gd name="T58" fmla="*/ 200 w 304"/>
              <a:gd name="T59" fmla="*/ 86 h 224"/>
              <a:gd name="T60" fmla="*/ 219 w 304"/>
              <a:gd name="T61" fmla="*/ 81 h 224"/>
              <a:gd name="T62" fmla="*/ 245 w 304"/>
              <a:gd name="T63" fmla="*/ 81 h 224"/>
              <a:gd name="T64" fmla="*/ 276 w 304"/>
              <a:gd name="T65" fmla="*/ 81 h 224"/>
              <a:gd name="T66" fmla="*/ 304 w 304"/>
              <a:gd name="T67" fmla="*/ 81 h 224"/>
              <a:gd name="T68" fmla="*/ 286 w 304"/>
              <a:gd name="T69" fmla="*/ 46 h 2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04" h="224">
                <a:moveTo>
                  <a:pt x="286" y="46"/>
                </a:moveTo>
                <a:cubicBezTo>
                  <a:pt x="286" y="30"/>
                  <a:pt x="286" y="30"/>
                  <a:pt x="286" y="30"/>
                </a:cubicBezTo>
                <a:cubicBezTo>
                  <a:pt x="279" y="27"/>
                  <a:pt x="279" y="27"/>
                  <a:pt x="279" y="27"/>
                </a:cubicBezTo>
                <a:cubicBezTo>
                  <a:pt x="257" y="40"/>
                  <a:pt x="257" y="40"/>
                  <a:pt x="257" y="40"/>
                </a:cubicBezTo>
                <a:cubicBezTo>
                  <a:pt x="226" y="38"/>
                  <a:pt x="226" y="38"/>
                  <a:pt x="226" y="38"/>
                </a:cubicBezTo>
                <a:cubicBezTo>
                  <a:pt x="213" y="31"/>
                  <a:pt x="213" y="31"/>
                  <a:pt x="213" y="31"/>
                </a:cubicBezTo>
                <a:cubicBezTo>
                  <a:pt x="197" y="36"/>
                  <a:pt x="197" y="36"/>
                  <a:pt x="197" y="36"/>
                </a:cubicBezTo>
                <a:cubicBezTo>
                  <a:pt x="152" y="0"/>
                  <a:pt x="152" y="0"/>
                  <a:pt x="152" y="0"/>
                </a:cubicBezTo>
                <a:cubicBezTo>
                  <a:pt x="149" y="3"/>
                  <a:pt x="149" y="3"/>
                  <a:pt x="149" y="3"/>
                </a:cubicBezTo>
                <a:cubicBezTo>
                  <a:pt x="134" y="31"/>
                  <a:pt x="134" y="31"/>
                  <a:pt x="134" y="31"/>
                </a:cubicBezTo>
                <a:cubicBezTo>
                  <a:pt x="109" y="36"/>
                  <a:pt x="109" y="36"/>
                  <a:pt x="109" y="36"/>
                </a:cubicBezTo>
                <a:cubicBezTo>
                  <a:pt x="109" y="58"/>
                  <a:pt x="109" y="58"/>
                  <a:pt x="109" y="58"/>
                </a:cubicBezTo>
                <a:cubicBezTo>
                  <a:pt x="104" y="62"/>
                  <a:pt x="104" y="62"/>
                  <a:pt x="104" y="62"/>
                </a:cubicBezTo>
                <a:cubicBezTo>
                  <a:pt x="100" y="59"/>
                  <a:pt x="100" y="59"/>
                  <a:pt x="100" y="59"/>
                </a:cubicBezTo>
                <a:cubicBezTo>
                  <a:pt x="63" y="59"/>
                  <a:pt x="63" y="59"/>
                  <a:pt x="63" y="59"/>
                </a:cubicBezTo>
                <a:cubicBezTo>
                  <a:pt x="42" y="69"/>
                  <a:pt x="42" y="69"/>
                  <a:pt x="42" y="69"/>
                </a:cubicBezTo>
                <a:cubicBezTo>
                  <a:pt x="29" y="62"/>
                  <a:pt x="29" y="62"/>
                  <a:pt x="29" y="62"/>
                </a:cubicBezTo>
                <a:cubicBezTo>
                  <a:pt x="19" y="75"/>
                  <a:pt x="19" y="75"/>
                  <a:pt x="19" y="75"/>
                </a:cubicBezTo>
                <a:cubicBezTo>
                  <a:pt x="4" y="76"/>
                  <a:pt x="4" y="76"/>
                  <a:pt x="4" y="76"/>
                </a:cubicBezTo>
                <a:cubicBezTo>
                  <a:pt x="0" y="83"/>
                  <a:pt x="0" y="83"/>
                  <a:pt x="0" y="83"/>
                </a:cubicBezTo>
                <a:cubicBezTo>
                  <a:pt x="6" y="93"/>
                  <a:pt x="6" y="93"/>
                  <a:pt x="6" y="93"/>
                </a:cubicBezTo>
                <a:cubicBezTo>
                  <a:pt x="7" y="109"/>
                  <a:pt x="7" y="109"/>
                  <a:pt x="7" y="109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31" y="112"/>
                  <a:pt x="31" y="112"/>
                  <a:pt x="31" y="112"/>
                </a:cubicBezTo>
                <a:cubicBezTo>
                  <a:pt x="43" y="112"/>
                  <a:pt x="43" y="112"/>
                  <a:pt x="43" y="112"/>
                </a:cubicBezTo>
                <a:cubicBezTo>
                  <a:pt x="44" y="95"/>
                  <a:pt x="44" y="95"/>
                  <a:pt x="44" y="95"/>
                </a:cubicBezTo>
                <a:cubicBezTo>
                  <a:pt x="45" y="86"/>
                  <a:pt x="45" y="86"/>
                  <a:pt x="45" y="86"/>
                </a:cubicBezTo>
                <a:cubicBezTo>
                  <a:pt x="54" y="86"/>
                  <a:pt x="54" y="86"/>
                  <a:pt x="54" y="86"/>
                </a:cubicBezTo>
                <a:cubicBezTo>
                  <a:pt x="64" y="98"/>
                  <a:pt x="64" y="98"/>
                  <a:pt x="64" y="98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0" y="131"/>
                  <a:pt x="80" y="131"/>
                  <a:pt x="80" y="131"/>
                </a:cubicBezTo>
                <a:cubicBezTo>
                  <a:pt x="84" y="145"/>
                  <a:pt x="84" y="145"/>
                  <a:pt x="84" y="145"/>
                </a:cubicBezTo>
                <a:cubicBezTo>
                  <a:pt x="96" y="151"/>
                  <a:pt x="96" y="151"/>
                  <a:pt x="96" y="151"/>
                </a:cubicBezTo>
                <a:cubicBezTo>
                  <a:pt x="98" y="161"/>
                  <a:pt x="98" y="161"/>
                  <a:pt x="98" y="161"/>
                </a:cubicBezTo>
                <a:cubicBezTo>
                  <a:pt x="136" y="184"/>
                  <a:pt x="136" y="184"/>
                  <a:pt x="136" y="184"/>
                </a:cubicBezTo>
                <a:cubicBezTo>
                  <a:pt x="143" y="188"/>
                  <a:pt x="143" y="188"/>
                  <a:pt x="143" y="188"/>
                </a:cubicBezTo>
                <a:cubicBezTo>
                  <a:pt x="147" y="201"/>
                  <a:pt x="147" y="201"/>
                  <a:pt x="147" y="201"/>
                </a:cubicBezTo>
                <a:cubicBezTo>
                  <a:pt x="167" y="191"/>
                  <a:pt x="167" y="191"/>
                  <a:pt x="167" y="191"/>
                </a:cubicBezTo>
                <a:cubicBezTo>
                  <a:pt x="173" y="201"/>
                  <a:pt x="173" y="201"/>
                  <a:pt x="173" y="201"/>
                </a:cubicBezTo>
                <a:cubicBezTo>
                  <a:pt x="191" y="199"/>
                  <a:pt x="191" y="199"/>
                  <a:pt x="191" y="199"/>
                </a:cubicBezTo>
                <a:cubicBezTo>
                  <a:pt x="196" y="202"/>
                  <a:pt x="196" y="202"/>
                  <a:pt x="196" y="202"/>
                </a:cubicBezTo>
                <a:cubicBezTo>
                  <a:pt x="199" y="212"/>
                  <a:pt x="199" y="212"/>
                  <a:pt x="199" y="212"/>
                </a:cubicBezTo>
                <a:cubicBezTo>
                  <a:pt x="225" y="222"/>
                  <a:pt x="225" y="222"/>
                  <a:pt x="225" y="222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239" y="224"/>
                  <a:pt x="239" y="224"/>
                  <a:pt x="239" y="224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181" y="187"/>
                  <a:pt x="181" y="187"/>
                  <a:pt x="181" y="187"/>
                </a:cubicBezTo>
                <a:cubicBezTo>
                  <a:pt x="143" y="160"/>
                  <a:pt x="143" y="160"/>
                  <a:pt x="143" y="160"/>
                </a:cubicBezTo>
                <a:cubicBezTo>
                  <a:pt x="134" y="156"/>
                  <a:pt x="134" y="156"/>
                  <a:pt x="134" y="156"/>
                </a:cubicBezTo>
                <a:cubicBezTo>
                  <a:pt x="130" y="147"/>
                  <a:pt x="130" y="147"/>
                  <a:pt x="130" y="147"/>
                </a:cubicBezTo>
                <a:cubicBezTo>
                  <a:pt x="130" y="135"/>
                  <a:pt x="130" y="135"/>
                  <a:pt x="130" y="135"/>
                </a:cubicBezTo>
                <a:cubicBezTo>
                  <a:pt x="133" y="125"/>
                  <a:pt x="133" y="125"/>
                  <a:pt x="133" y="125"/>
                </a:cubicBezTo>
                <a:cubicBezTo>
                  <a:pt x="133" y="113"/>
                  <a:pt x="133" y="113"/>
                  <a:pt x="133" y="113"/>
                </a:cubicBezTo>
                <a:cubicBezTo>
                  <a:pt x="126" y="94"/>
                  <a:pt x="126" y="94"/>
                  <a:pt x="126" y="94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49" y="98"/>
                  <a:pt x="149" y="98"/>
                  <a:pt x="149" y="98"/>
                </a:cubicBezTo>
                <a:cubicBezTo>
                  <a:pt x="165" y="81"/>
                  <a:pt x="165" y="81"/>
                  <a:pt x="165" y="81"/>
                </a:cubicBezTo>
                <a:cubicBezTo>
                  <a:pt x="180" y="85"/>
                  <a:pt x="180" y="85"/>
                  <a:pt x="180" y="85"/>
                </a:cubicBezTo>
                <a:cubicBezTo>
                  <a:pt x="185" y="76"/>
                  <a:pt x="185" y="76"/>
                  <a:pt x="185" y="76"/>
                </a:cubicBezTo>
                <a:cubicBezTo>
                  <a:pt x="200" y="86"/>
                  <a:pt x="200" y="86"/>
                  <a:pt x="200" y="86"/>
                </a:cubicBezTo>
                <a:cubicBezTo>
                  <a:pt x="209" y="81"/>
                  <a:pt x="209" y="81"/>
                  <a:pt x="209" y="81"/>
                </a:cubicBezTo>
                <a:cubicBezTo>
                  <a:pt x="219" y="81"/>
                  <a:pt x="219" y="81"/>
                  <a:pt x="219" y="81"/>
                </a:cubicBezTo>
                <a:cubicBezTo>
                  <a:pt x="233" y="92"/>
                  <a:pt x="233" y="92"/>
                  <a:pt x="233" y="92"/>
                </a:cubicBezTo>
                <a:cubicBezTo>
                  <a:pt x="245" y="81"/>
                  <a:pt x="245" y="81"/>
                  <a:pt x="245" y="81"/>
                </a:cubicBezTo>
                <a:cubicBezTo>
                  <a:pt x="257" y="76"/>
                  <a:pt x="257" y="76"/>
                  <a:pt x="257" y="76"/>
                </a:cubicBezTo>
                <a:cubicBezTo>
                  <a:pt x="276" y="81"/>
                  <a:pt x="276" y="81"/>
                  <a:pt x="276" y="81"/>
                </a:cubicBezTo>
                <a:cubicBezTo>
                  <a:pt x="276" y="81"/>
                  <a:pt x="285" y="89"/>
                  <a:pt x="285" y="91"/>
                </a:cubicBezTo>
                <a:cubicBezTo>
                  <a:pt x="288" y="89"/>
                  <a:pt x="304" y="81"/>
                  <a:pt x="304" y="81"/>
                </a:cubicBezTo>
                <a:cubicBezTo>
                  <a:pt x="304" y="58"/>
                  <a:pt x="304" y="58"/>
                  <a:pt x="304" y="58"/>
                </a:cubicBezTo>
                <a:lnTo>
                  <a:pt x="286" y="4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5" name="Slovenia"/>
          <p:cNvSpPr>
            <a:spLocks/>
          </p:cNvSpPr>
          <p:nvPr/>
        </p:nvSpPr>
        <p:spPr bwMode="auto">
          <a:xfrm>
            <a:off x="9390588" y="4864100"/>
            <a:ext cx="452438" cy="252413"/>
          </a:xfrm>
          <a:custGeom>
            <a:avLst/>
            <a:gdLst>
              <a:gd name="T0" fmla="*/ 207 w 285"/>
              <a:gd name="T1" fmla="*/ 94 h 159"/>
              <a:gd name="T2" fmla="*/ 253 w 285"/>
              <a:gd name="T3" fmla="*/ 85 h 159"/>
              <a:gd name="T4" fmla="*/ 280 w 285"/>
              <a:gd name="T5" fmla="*/ 35 h 159"/>
              <a:gd name="T6" fmla="*/ 285 w 285"/>
              <a:gd name="T7" fmla="*/ 29 h 159"/>
              <a:gd name="T8" fmla="*/ 247 w 285"/>
              <a:gd name="T9" fmla="*/ 0 h 159"/>
              <a:gd name="T10" fmla="*/ 193 w 285"/>
              <a:gd name="T11" fmla="*/ 20 h 159"/>
              <a:gd name="T12" fmla="*/ 146 w 285"/>
              <a:gd name="T13" fmla="*/ 6 h 159"/>
              <a:gd name="T14" fmla="*/ 117 w 285"/>
              <a:gd name="T15" fmla="*/ 44 h 159"/>
              <a:gd name="T16" fmla="*/ 47 w 285"/>
              <a:gd name="T17" fmla="*/ 38 h 159"/>
              <a:gd name="T18" fmla="*/ 0 w 285"/>
              <a:gd name="T19" fmla="*/ 62 h 159"/>
              <a:gd name="T20" fmla="*/ 34 w 285"/>
              <a:gd name="T21" fmla="*/ 80 h 159"/>
              <a:gd name="T22" fmla="*/ 18 w 285"/>
              <a:gd name="T23" fmla="*/ 103 h 159"/>
              <a:gd name="T24" fmla="*/ 61 w 285"/>
              <a:gd name="T25" fmla="*/ 141 h 159"/>
              <a:gd name="T26" fmla="*/ 85 w 285"/>
              <a:gd name="T27" fmla="*/ 154 h 159"/>
              <a:gd name="T28" fmla="*/ 126 w 285"/>
              <a:gd name="T29" fmla="*/ 145 h 159"/>
              <a:gd name="T30" fmla="*/ 175 w 285"/>
              <a:gd name="T31" fmla="*/ 159 h 159"/>
              <a:gd name="T32" fmla="*/ 207 w 285"/>
              <a:gd name="T33" fmla="*/ 134 h 159"/>
              <a:gd name="T34" fmla="*/ 207 w 285"/>
              <a:gd name="T35" fmla="*/ 94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</a:cxnLst>
            <a:rect l="0" t="0" r="r" b="b"/>
            <a:pathLst>
              <a:path w="285" h="159">
                <a:moveTo>
                  <a:pt x="207" y="94"/>
                </a:moveTo>
                <a:lnTo>
                  <a:pt x="253" y="85"/>
                </a:lnTo>
                <a:lnTo>
                  <a:pt x="280" y="35"/>
                </a:lnTo>
                <a:lnTo>
                  <a:pt x="285" y="29"/>
                </a:lnTo>
                <a:lnTo>
                  <a:pt x="247" y="0"/>
                </a:lnTo>
                <a:lnTo>
                  <a:pt x="193" y="20"/>
                </a:lnTo>
                <a:lnTo>
                  <a:pt x="146" y="6"/>
                </a:lnTo>
                <a:lnTo>
                  <a:pt x="117" y="44"/>
                </a:lnTo>
                <a:lnTo>
                  <a:pt x="47" y="38"/>
                </a:lnTo>
                <a:lnTo>
                  <a:pt x="0" y="62"/>
                </a:lnTo>
                <a:lnTo>
                  <a:pt x="34" y="80"/>
                </a:lnTo>
                <a:lnTo>
                  <a:pt x="18" y="103"/>
                </a:lnTo>
                <a:lnTo>
                  <a:pt x="61" y="141"/>
                </a:lnTo>
                <a:lnTo>
                  <a:pt x="85" y="154"/>
                </a:lnTo>
                <a:lnTo>
                  <a:pt x="126" y="145"/>
                </a:lnTo>
                <a:lnTo>
                  <a:pt x="175" y="159"/>
                </a:lnTo>
                <a:lnTo>
                  <a:pt x="207" y="134"/>
                </a:lnTo>
                <a:lnTo>
                  <a:pt x="207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6" name="Switzerland"/>
          <p:cNvSpPr>
            <a:spLocks/>
          </p:cNvSpPr>
          <p:nvPr/>
        </p:nvSpPr>
        <p:spPr bwMode="auto">
          <a:xfrm>
            <a:off x="8285688" y="4695825"/>
            <a:ext cx="714375" cy="381000"/>
          </a:xfrm>
          <a:custGeom>
            <a:avLst/>
            <a:gdLst>
              <a:gd name="T0" fmla="*/ 137 w 249"/>
              <a:gd name="T1" fmla="*/ 0 h 133"/>
              <a:gd name="T2" fmla="*/ 151 w 249"/>
              <a:gd name="T3" fmla="*/ 9 h 133"/>
              <a:gd name="T4" fmla="*/ 171 w 249"/>
              <a:gd name="T5" fmla="*/ 8 h 133"/>
              <a:gd name="T6" fmla="*/ 186 w 249"/>
              <a:gd name="T7" fmla="*/ 18 h 133"/>
              <a:gd name="T8" fmla="*/ 191 w 249"/>
              <a:gd name="T9" fmla="*/ 29 h 133"/>
              <a:gd name="T10" fmla="*/ 180 w 249"/>
              <a:gd name="T11" fmla="*/ 43 h 133"/>
              <a:gd name="T12" fmla="*/ 193 w 249"/>
              <a:gd name="T13" fmla="*/ 55 h 133"/>
              <a:gd name="T14" fmla="*/ 206 w 249"/>
              <a:gd name="T15" fmla="*/ 62 h 133"/>
              <a:gd name="T16" fmla="*/ 232 w 249"/>
              <a:gd name="T17" fmla="*/ 63 h 133"/>
              <a:gd name="T18" fmla="*/ 242 w 249"/>
              <a:gd name="T19" fmla="*/ 50 h 133"/>
              <a:gd name="T20" fmla="*/ 249 w 249"/>
              <a:gd name="T21" fmla="*/ 62 h 133"/>
              <a:gd name="T22" fmla="*/ 238 w 249"/>
              <a:gd name="T23" fmla="*/ 70 h 133"/>
              <a:gd name="T24" fmla="*/ 236 w 249"/>
              <a:gd name="T25" fmla="*/ 88 h 133"/>
              <a:gd name="T26" fmla="*/ 222 w 249"/>
              <a:gd name="T27" fmla="*/ 77 h 133"/>
              <a:gd name="T28" fmla="*/ 212 w 249"/>
              <a:gd name="T29" fmla="*/ 83 h 133"/>
              <a:gd name="T30" fmla="*/ 222 w 249"/>
              <a:gd name="T31" fmla="*/ 102 h 133"/>
              <a:gd name="T32" fmla="*/ 215 w 249"/>
              <a:gd name="T33" fmla="*/ 111 h 133"/>
              <a:gd name="T34" fmla="*/ 204 w 249"/>
              <a:gd name="T35" fmla="*/ 95 h 133"/>
              <a:gd name="T36" fmla="*/ 187 w 249"/>
              <a:gd name="T37" fmla="*/ 102 h 133"/>
              <a:gd name="T38" fmla="*/ 177 w 249"/>
              <a:gd name="T39" fmla="*/ 83 h 133"/>
              <a:gd name="T40" fmla="*/ 172 w 249"/>
              <a:gd name="T41" fmla="*/ 88 h 133"/>
              <a:gd name="T42" fmla="*/ 172 w 249"/>
              <a:gd name="T43" fmla="*/ 103 h 133"/>
              <a:gd name="T44" fmla="*/ 156 w 249"/>
              <a:gd name="T45" fmla="*/ 118 h 133"/>
              <a:gd name="T46" fmla="*/ 167 w 249"/>
              <a:gd name="T47" fmla="*/ 127 h 133"/>
              <a:gd name="T48" fmla="*/ 159 w 249"/>
              <a:gd name="T49" fmla="*/ 133 h 133"/>
              <a:gd name="T50" fmla="*/ 147 w 249"/>
              <a:gd name="T51" fmla="*/ 127 h 133"/>
              <a:gd name="T52" fmla="*/ 147 w 249"/>
              <a:gd name="T53" fmla="*/ 110 h 133"/>
              <a:gd name="T54" fmla="*/ 132 w 249"/>
              <a:gd name="T55" fmla="*/ 107 h 133"/>
              <a:gd name="T56" fmla="*/ 122 w 249"/>
              <a:gd name="T57" fmla="*/ 93 h 133"/>
              <a:gd name="T58" fmla="*/ 102 w 249"/>
              <a:gd name="T59" fmla="*/ 124 h 133"/>
              <a:gd name="T60" fmla="*/ 46 w 249"/>
              <a:gd name="T61" fmla="*/ 126 h 133"/>
              <a:gd name="T62" fmla="*/ 39 w 249"/>
              <a:gd name="T63" fmla="*/ 85 h 133"/>
              <a:gd name="T64" fmla="*/ 11 w 249"/>
              <a:gd name="T65" fmla="*/ 89 h 133"/>
              <a:gd name="T66" fmla="*/ 0 w 249"/>
              <a:gd name="T67" fmla="*/ 102 h 133"/>
              <a:gd name="T68" fmla="*/ 2 w 249"/>
              <a:gd name="T69" fmla="*/ 81 h 133"/>
              <a:gd name="T70" fmla="*/ 28 w 249"/>
              <a:gd name="T71" fmla="*/ 50 h 133"/>
              <a:gd name="T72" fmla="*/ 86 w 249"/>
              <a:gd name="T73" fmla="*/ 13 h 133"/>
              <a:gd name="T74" fmla="*/ 106 w 249"/>
              <a:gd name="T75" fmla="*/ 14 h 133"/>
              <a:gd name="T76" fmla="*/ 133 w 249"/>
              <a:gd name="T77" fmla="*/ 17 h 133"/>
              <a:gd name="T78" fmla="*/ 137 w 249"/>
              <a:gd name="T79" fmla="*/ 0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</a:cxnLst>
            <a:rect l="0" t="0" r="r" b="b"/>
            <a:pathLst>
              <a:path w="249" h="133">
                <a:moveTo>
                  <a:pt x="137" y="0"/>
                </a:moveTo>
                <a:cubicBezTo>
                  <a:pt x="151" y="9"/>
                  <a:pt x="151" y="9"/>
                  <a:pt x="151" y="9"/>
                </a:cubicBezTo>
                <a:cubicBezTo>
                  <a:pt x="171" y="8"/>
                  <a:pt x="171" y="8"/>
                  <a:pt x="171" y="8"/>
                </a:cubicBezTo>
                <a:cubicBezTo>
                  <a:pt x="186" y="18"/>
                  <a:pt x="186" y="18"/>
                  <a:pt x="186" y="18"/>
                </a:cubicBezTo>
                <a:cubicBezTo>
                  <a:pt x="191" y="29"/>
                  <a:pt x="191" y="29"/>
                  <a:pt x="191" y="29"/>
                </a:cubicBezTo>
                <a:cubicBezTo>
                  <a:pt x="180" y="43"/>
                  <a:pt x="180" y="43"/>
                  <a:pt x="180" y="43"/>
                </a:cubicBezTo>
                <a:cubicBezTo>
                  <a:pt x="193" y="55"/>
                  <a:pt x="193" y="55"/>
                  <a:pt x="193" y="55"/>
                </a:cubicBezTo>
                <a:cubicBezTo>
                  <a:pt x="206" y="62"/>
                  <a:pt x="206" y="62"/>
                  <a:pt x="206" y="62"/>
                </a:cubicBezTo>
                <a:cubicBezTo>
                  <a:pt x="232" y="63"/>
                  <a:pt x="232" y="63"/>
                  <a:pt x="232" y="63"/>
                </a:cubicBezTo>
                <a:cubicBezTo>
                  <a:pt x="242" y="50"/>
                  <a:pt x="242" y="50"/>
                  <a:pt x="242" y="50"/>
                </a:cubicBezTo>
                <a:cubicBezTo>
                  <a:pt x="249" y="62"/>
                  <a:pt x="249" y="62"/>
                  <a:pt x="249" y="62"/>
                </a:cubicBezTo>
                <a:cubicBezTo>
                  <a:pt x="238" y="70"/>
                  <a:pt x="238" y="70"/>
                  <a:pt x="238" y="70"/>
                </a:cubicBezTo>
                <a:cubicBezTo>
                  <a:pt x="236" y="88"/>
                  <a:pt x="236" y="88"/>
                  <a:pt x="236" y="88"/>
                </a:cubicBezTo>
                <a:cubicBezTo>
                  <a:pt x="222" y="77"/>
                  <a:pt x="222" y="77"/>
                  <a:pt x="222" y="77"/>
                </a:cubicBezTo>
                <a:cubicBezTo>
                  <a:pt x="212" y="83"/>
                  <a:pt x="212" y="83"/>
                  <a:pt x="212" y="83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5" y="111"/>
                  <a:pt x="215" y="111"/>
                  <a:pt x="215" y="111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187" y="102"/>
                  <a:pt x="187" y="102"/>
                  <a:pt x="187" y="102"/>
                </a:cubicBezTo>
                <a:cubicBezTo>
                  <a:pt x="177" y="83"/>
                  <a:pt x="177" y="83"/>
                  <a:pt x="177" y="83"/>
                </a:cubicBezTo>
                <a:cubicBezTo>
                  <a:pt x="172" y="88"/>
                  <a:pt x="172" y="88"/>
                  <a:pt x="172" y="88"/>
                </a:cubicBezTo>
                <a:cubicBezTo>
                  <a:pt x="172" y="103"/>
                  <a:pt x="172" y="103"/>
                  <a:pt x="172" y="103"/>
                </a:cubicBezTo>
                <a:cubicBezTo>
                  <a:pt x="156" y="118"/>
                  <a:pt x="156" y="118"/>
                  <a:pt x="156" y="118"/>
                </a:cubicBezTo>
                <a:cubicBezTo>
                  <a:pt x="167" y="127"/>
                  <a:pt x="167" y="127"/>
                  <a:pt x="167" y="127"/>
                </a:cubicBezTo>
                <a:cubicBezTo>
                  <a:pt x="159" y="133"/>
                  <a:pt x="159" y="133"/>
                  <a:pt x="159" y="133"/>
                </a:cubicBezTo>
                <a:cubicBezTo>
                  <a:pt x="147" y="127"/>
                  <a:pt x="147" y="127"/>
                  <a:pt x="147" y="127"/>
                </a:cubicBezTo>
                <a:cubicBezTo>
                  <a:pt x="147" y="110"/>
                  <a:pt x="147" y="110"/>
                  <a:pt x="147" y="110"/>
                </a:cubicBezTo>
                <a:cubicBezTo>
                  <a:pt x="132" y="107"/>
                  <a:pt x="132" y="107"/>
                  <a:pt x="132" y="107"/>
                </a:cubicBezTo>
                <a:cubicBezTo>
                  <a:pt x="122" y="93"/>
                  <a:pt x="122" y="93"/>
                  <a:pt x="122" y="93"/>
                </a:cubicBezTo>
                <a:cubicBezTo>
                  <a:pt x="102" y="124"/>
                  <a:pt x="102" y="124"/>
                  <a:pt x="102" y="124"/>
                </a:cubicBezTo>
                <a:cubicBezTo>
                  <a:pt x="102" y="124"/>
                  <a:pt x="45" y="126"/>
                  <a:pt x="46" y="126"/>
                </a:cubicBezTo>
                <a:cubicBezTo>
                  <a:pt x="48" y="126"/>
                  <a:pt x="39" y="85"/>
                  <a:pt x="39" y="85"/>
                </a:cubicBezTo>
                <a:cubicBezTo>
                  <a:pt x="11" y="89"/>
                  <a:pt x="11" y="89"/>
                  <a:pt x="11" y="89"/>
                </a:cubicBezTo>
                <a:cubicBezTo>
                  <a:pt x="0" y="102"/>
                  <a:pt x="0" y="102"/>
                  <a:pt x="0" y="102"/>
                </a:cubicBezTo>
                <a:cubicBezTo>
                  <a:pt x="2" y="81"/>
                  <a:pt x="2" y="81"/>
                  <a:pt x="2" y="81"/>
                </a:cubicBezTo>
                <a:cubicBezTo>
                  <a:pt x="28" y="50"/>
                  <a:pt x="28" y="50"/>
                  <a:pt x="28" y="50"/>
                </a:cubicBezTo>
                <a:cubicBezTo>
                  <a:pt x="86" y="13"/>
                  <a:pt x="86" y="13"/>
                  <a:pt x="86" y="13"/>
                </a:cubicBezTo>
                <a:cubicBezTo>
                  <a:pt x="106" y="14"/>
                  <a:pt x="106" y="14"/>
                  <a:pt x="106" y="14"/>
                </a:cubicBezTo>
                <a:cubicBezTo>
                  <a:pt x="133" y="17"/>
                  <a:pt x="133" y="17"/>
                  <a:pt x="133" y="17"/>
                </a:cubicBezTo>
                <a:lnTo>
                  <a:pt x="137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7" name="ANDORRA"/>
          <p:cNvSpPr>
            <a:spLocks noChangeArrowheads="1"/>
          </p:cNvSpPr>
          <p:nvPr/>
        </p:nvSpPr>
        <p:spPr bwMode="auto">
          <a:xfrm>
            <a:off x="7425263" y="5492750"/>
            <a:ext cx="244475" cy="24606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8" name="Portugal"/>
          <p:cNvSpPr>
            <a:spLocks/>
          </p:cNvSpPr>
          <p:nvPr/>
        </p:nvSpPr>
        <p:spPr bwMode="auto">
          <a:xfrm>
            <a:off x="5561538" y="5446713"/>
            <a:ext cx="693738" cy="989013"/>
          </a:xfrm>
          <a:custGeom>
            <a:avLst/>
            <a:gdLst>
              <a:gd name="T0" fmla="*/ 159 w 437"/>
              <a:gd name="T1" fmla="*/ 107 h 623"/>
              <a:gd name="T2" fmla="*/ 159 w 437"/>
              <a:gd name="T3" fmla="*/ 61 h 623"/>
              <a:gd name="T4" fmla="*/ 148 w 437"/>
              <a:gd name="T5" fmla="*/ 34 h 623"/>
              <a:gd name="T6" fmla="*/ 179 w 437"/>
              <a:gd name="T7" fmla="*/ 0 h 623"/>
              <a:gd name="T8" fmla="*/ 229 w 437"/>
              <a:gd name="T9" fmla="*/ 0 h 623"/>
              <a:gd name="T10" fmla="*/ 260 w 437"/>
              <a:gd name="T11" fmla="*/ 14 h 623"/>
              <a:gd name="T12" fmla="*/ 242 w 437"/>
              <a:gd name="T13" fmla="*/ 40 h 623"/>
              <a:gd name="T14" fmla="*/ 280 w 437"/>
              <a:gd name="T15" fmla="*/ 38 h 623"/>
              <a:gd name="T16" fmla="*/ 331 w 437"/>
              <a:gd name="T17" fmla="*/ 58 h 623"/>
              <a:gd name="T18" fmla="*/ 341 w 437"/>
              <a:gd name="T19" fmla="*/ 43 h 623"/>
              <a:gd name="T20" fmla="*/ 401 w 437"/>
              <a:gd name="T21" fmla="*/ 51 h 623"/>
              <a:gd name="T22" fmla="*/ 396 w 437"/>
              <a:gd name="T23" fmla="*/ 96 h 623"/>
              <a:gd name="T24" fmla="*/ 437 w 437"/>
              <a:gd name="T25" fmla="*/ 94 h 623"/>
              <a:gd name="T26" fmla="*/ 437 w 437"/>
              <a:gd name="T27" fmla="*/ 126 h 623"/>
              <a:gd name="T28" fmla="*/ 340 w 437"/>
              <a:gd name="T29" fmla="*/ 154 h 623"/>
              <a:gd name="T30" fmla="*/ 347 w 437"/>
              <a:gd name="T31" fmla="*/ 179 h 623"/>
              <a:gd name="T32" fmla="*/ 332 w 437"/>
              <a:gd name="T33" fmla="*/ 246 h 623"/>
              <a:gd name="T34" fmla="*/ 314 w 437"/>
              <a:gd name="T35" fmla="*/ 239 h 623"/>
              <a:gd name="T36" fmla="*/ 311 w 437"/>
              <a:gd name="T37" fmla="*/ 273 h 623"/>
              <a:gd name="T38" fmla="*/ 294 w 437"/>
              <a:gd name="T39" fmla="*/ 318 h 623"/>
              <a:gd name="T40" fmla="*/ 238 w 437"/>
              <a:gd name="T41" fmla="*/ 314 h 623"/>
              <a:gd name="T42" fmla="*/ 278 w 437"/>
              <a:gd name="T43" fmla="*/ 378 h 623"/>
              <a:gd name="T44" fmla="*/ 276 w 437"/>
              <a:gd name="T45" fmla="*/ 405 h 623"/>
              <a:gd name="T46" fmla="*/ 226 w 437"/>
              <a:gd name="T47" fmla="*/ 454 h 623"/>
              <a:gd name="T48" fmla="*/ 273 w 437"/>
              <a:gd name="T49" fmla="*/ 506 h 623"/>
              <a:gd name="T50" fmla="*/ 219 w 437"/>
              <a:gd name="T51" fmla="*/ 506 h 623"/>
              <a:gd name="T52" fmla="*/ 179 w 437"/>
              <a:gd name="T53" fmla="*/ 556 h 623"/>
              <a:gd name="T54" fmla="*/ 188 w 437"/>
              <a:gd name="T55" fmla="*/ 600 h 623"/>
              <a:gd name="T56" fmla="*/ 121 w 437"/>
              <a:gd name="T57" fmla="*/ 623 h 623"/>
              <a:gd name="T58" fmla="*/ 58 w 437"/>
              <a:gd name="T59" fmla="*/ 584 h 623"/>
              <a:gd name="T60" fmla="*/ 0 w 437"/>
              <a:gd name="T61" fmla="*/ 593 h 623"/>
              <a:gd name="T62" fmla="*/ 29 w 437"/>
              <a:gd name="T63" fmla="*/ 544 h 623"/>
              <a:gd name="T64" fmla="*/ 47 w 437"/>
              <a:gd name="T65" fmla="*/ 504 h 623"/>
              <a:gd name="T66" fmla="*/ 34 w 437"/>
              <a:gd name="T67" fmla="*/ 470 h 623"/>
              <a:gd name="T68" fmla="*/ 60 w 437"/>
              <a:gd name="T69" fmla="*/ 450 h 623"/>
              <a:gd name="T70" fmla="*/ 56 w 437"/>
              <a:gd name="T71" fmla="*/ 417 h 623"/>
              <a:gd name="T72" fmla="*/ 16 w 437"/>
              <a:gd name="T73" fmla="*/ 419 h 623"/>
              <a:gd name="T74" fmla="*/ 0 w 437"/>
              <a:gd name="T75" fmla="*/ 369 h 623"/>
              <a:gd name="T76" fmla="*/ 25 w 437"/>
              <a:gd name="T77" fmla="*/ 329 h 623"/>
              <a:gd name="T78" fmla="*/ 27 w 437"/>
              <a:gd name="T79" fmla="*/ 296 h 623"/>
              <a:gd name="T80" fmla="*/ 60 w 437"/>
              <a:gd name="T81" fmla="*/ 296 h 623"/>
              <a:gd name="T82" fmla="*/ 101 w 437"/>
              <a:gd name="T83" fmla="*/ 248 h 623"/>
              <a:gd name="T84" fmla="*/ 110 w 437"/>
              <a:gd name="T85" fmla="*/ 199 h 623"/>
              <a:gd name="T86" fmla="*/ 166 w 437"/>
              <a:gd name="T87" fmla="*/ 143 h 623"/>
              <a:gd name="T88" fmla="*/ 159 w 437"/>
              <a:gd name="T89" fmla="*/ 107 h 6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437" h="623">
                <a:moveTo>
                  <a:pt x="159" y="107"/>
                </a:moveTo>
                <a:lnTo>
                  <a:pt x="159" y="61"/>
                </a:lnTo>
                <a:lnTo>
                  <a:pt x="148" y="34"/>
                </a:lnTo>
                <a:lnTo>
                  <a:pt x="179" y="0"/>
                </a:lnTo>
                <a:lnTo>
                  <a:pt x="229" y="0"/>
                </a:lnTo>
                <a:lnTo>
                  <a:pt x="260" y="14"/>
                </a:lnTo>
                <a:lnTo>
                  <a:pt x="242" y="40"/>
                </a:lnTo>
                <a:lnTo>
                  <a:pt x="280" y="38"/>
                </a:lnTo>
                <a:lnTo>
                  <a:pt x="331" y="58"/>
                </a:lnTo>
                <a:lnTo>
                  <a:pt x="341" y="43"/>
                </a:lnTo>
                <a:lnTo>
                  <a:pt x="401" y="51"/>
                </a:lnTo>
                <a:lnTo>
                  <a:pt x="396" y="96"/>
                </a:lnTo>
                <a:lnTo>
                  <a:pt x="437" y="94"/>
                </a:lnTo>
                <a:lnTo>
                  <a:pt x="437" y="126"/>
                </a:lnTo>
                <a:lnTo>
                  <a:pt x="340" y="154"/>
                </a:lnTo>
                <a:lnTo>
                  <a:pt x="347" y="179"/>
                </a:lnTo>
                <a:lnTo>
                  <a:pt x="332" y="246"/>
                </a:lnTo>
                <a:lnTo>
                  <a:pt x="314" y="239"/>
                </a:lnTo>
                <a:lnTo>
                  <a:pt x="311" y="273"/>
                </a:lnTo>
                <a:lnTo>
                  <a:pt x="294" y="318"/>
                </a:lnTo>
                <a:lnTo>
                  <a:pt x="238" y="314"/>
                </a:lnTo>
                <a:lnTo>
                  <a:pt x="278" y="378"/>
                </a:lnTo>
                <a:lnTo>
                  <a:pt x="276" y="405"/>
                </a:lnTo>
                <a:lnTo>
                  <a:pt x="226" y="454"/>
                </a:lnTo>
                <a:lnTo>
                  <a:pt x="273" y="506"/>
                </a:lnTo>
                <a:lnTo>
                  <a:pt x="219" y="506"/>
                </a:lnTo>
                <a:lnTo>
                  <a:pt x="179" y="556"/>
                </a:lnTo>
                <a:lnTo>
                  <a:pt x="188" y="600"/>
                </a:lnTo>
                <a:lnTo>
                  <a:pt x="121" y="623"/>
                </a:lnTo>
                <a:lnTo>
                  <a:pt x="58" y="584"/>
                </a:lnTo>
                <a:lnTo>
                  <a:pt x="0" y="593"/>
                </a:lnTo>
                <a:lnTo>
                  <a:pt x="29" y="544"/>
                </a:lnTo>
                <a:lnTo>
                  <a:pt x="47" y="504"/>
                </a:lnTo>
                <a:lnTo>
                  <a:pt x="34" y="470"/>
                </a:lnTo>
                <a:lnTo>
                  <a:pt x="60" y="450"/>
                </a:lnTo>
                <a:lnTo>
                  <a:pt x="56" y="417"/>
                </a:lnTo>
                <a:lnTo>
                  <a:pt x="16" y="419"/>
                </a:lnTo>
                <a:lnTo>
                  <a:pt x="0" y="369"/>
                </a:lnTo>
                <a:lnTo>
                  <a:pt x="25" y="329"/>
                </a:lnTo>
                <a:lnTo>
                  <a:pt x="27" y="296"/>
                </a:lnTo>
                <a:lnTo>
                  <a:pt x="60" y="296"/>
                </a:lnTo>
                <a:lnTo>
                  <a:pt x="101" y="248"/>
                </a:lnTo>
                <a:lnTo>
                  <a:pt x="110" y="199"/>
                </a:lnTo>
                <a:lnTo>
                  <a:pt x="166" y="143"/>
                </a:lnTo>
                <a:lnTo>
                  <a:pt x="159" y="10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9" name="Spain"/>
          <p:cNvSpPr>
            <a:spLocks/>
          </p:cNvSpPr>
          <p:nvPr/>
        </p:nvSpPr>
        <p:spPr bwMode="auto">
          <a:xfrm>
            <a:off x="5825063" y="5143500"/>
            <a:ext cx="1965325" cy="1547813"/>
          </a:xfrm>
          <a:custGeom>
            <a:avLst/>
            <a:gdLst>
              <a:gd name="T0" fmla="*/ 638 w 1238"/>
              <a:gd name="T1" fmla="*/ 133 h 975"/>
              <a:gd name="T2" fmla="*/ 710 w 1238"/>
              <a:gd name="T3" fmla="*/ 169 h 975"/>
              <a:gd name="T4" fmla="*/ 779 w 1238"/>
              <a:gd name="T5" fmla="*/ 178 h 975"/>
              <a:gd name="T6" fmla="*/ 842 w 1238"/>
              <a:gd name="T7" fmla="*/ 224 h 975"/>
              <a:gd name="T8" fmla="*/ 914 w 1238"/>
              <a:gd name="T9" fmla="*/ 269 h 975"/>
              <a:gd name="T10" fmla="*/ 999 w 1238"/>
              <a:gd name="T11" fmla="*/ 256 h 975"/>
              <a:gd name="T12" fmla="*/ 1061 w 1238"/>
              <a:gd name="T13" fmla="*/ 298 h 975"/>
              <a:gd name="T14" fmla="*/ 1095 w 1238"/>
              <a:gd name="T15" fmla="*/ 316 h 975"/>
              <a:gd name="T16" fmla="*/ 1173 w 1238"/>
              <a:gd name="T17" fmla="*/ 345 h 975"/>
              <a:gd name="T18" fmla="*/ 1227 w 1238"/>
              <a:gd name="T19" fmla="*/ 397 h 975"/>
              <a:gd name="T20" fmla="*/ 1100 w 1238"/>
              <a:gd name="T21" fmla="*/ 469 h 975"/>
              <a:gd name="T22" fmla="*/ 958 w 1238"/>
              <a:gd name="T23" fmla="*/ 500 h 975"/>
              <a:gd name="T24" fmla="*/ 934 w 1238"/>
              <a:gd name="T25" fmla="*/ 532 h 975"/>
              <a:gd name="T26" fmla="*/ 826 w 1238"/>
              <a:gd name="T27" fmla="*/ 713 h 975"/>
              <a:gd name="T28" fmla="*/ 860 w 1238"/>
              <a:gd name="T29" fmla="*/ 753 h 975"/>
              <a:gd name="T30" fmla="*/ 763 w 1238"/>
              <a:gd name="T31" fmla="*/ 829 h 975"/>
              <a:gd name="T32" fmla="*/ 748 w 1238"/>
              <a:gd name="T33" fmla="*/ 869 h 975"/>
              <a:gd name="T34" fmla="*/ 703 w 1238"/>
              <a:gd name="T35" fmla="*/ 860 h 975"/>
              <a:gd name="T36" fmla="*/ 593 w 1238"/>
              <a:gd name="T37" fmla="*/ 943 h 975"/>
              <a:gd name="T38" fmla="*/ 562 w 1238"/>
              <a:gd name="T39" fmla="*/ 934 h 975"/>
              <a:gd name="T40" fmla="*/ 481 w 1238"/>
              <a:gd name="T41" fmla="*/ 926 h 975"/>
              <a:gd name="T42" fmla="*/ 338 w 1238"/>
              <a:gd name="T43" fmla="*/ 908 h 975"/>
              <a:gd name="T44" fmla="*/ 239 w 1238"/>
              <a:gd name="T45" fmla="*/ 925 h 975"/>
              <a:gd name="T46" fmla="*/ 165 w 1238"/>
              <a:gd name="T47" fmla="*/ 975 h 975"/>
              <a:gd name="T48" fmla="*/ 116 w 1238"/>
              <a:gd name="T49" fmla="*/ 908 h 975"/>
              <a:gd name="T50" fmla="*/ 116 w 1238"/>
              <a:gd name="T51" fmla="*/ 838 h 975"/>
              <a:gd name="T52" fmla="*/ 22 w 1238"/>
              <a:gd name="T53" fmla="*/ 791 h 975"/>
              <a:gd name="T54" fmla="*/ 53 w 1238"/>
              <a:gd name="T55" fmla="*/ 697 h 975"/>
              <a:gd name="T56" fmla="*/ 60 w 1238"/>
              <a:gd name="T57" fmla="*/ 645 h 975"/>
              <a:gd name="T58" fmla="*/ 112 w 1238"/>
              <a:gd name="T59" fmla="*/ 569 h 975"/>
              <a:gd name="T60" fmla="*/ 128 w 1238"/>
              <a:gd name="T61" fmla="*/ 509 h 975"/>
              <a:gd name="T62" fmla="*/ 148 w 1238"/>
              <a:gd name="T63" fmla="*/ 430 h 975"/>
              <a:gd name="T64" fmla="*/ 181 w 1238"/>
              <a:gd name="T65" fmla="*/ 370 h 975"/>
              <a:gd name="T66" fmla="*/ 271 w 1238"/>
              <a:gd name="T67" fmla="*/ 317 h 975"/>
              <a:gd name="T68" fmla="*/ 230 w 1238"/>
              <a:gd name="T69" fmla="*/ 287 h 975"/>
              <a:gd name="T70" fmla="*/ 175 w 1238"/>
              <a:gd name="T71" fmla="*/ 234 h 975"/>
              <a:gd name="T72" fmla="*/ 114 w 1238"/>
              <a:gd name="T73" fmla="*/ 229 h 975"/>
              <a:gd name="T74" fmla="*/ 94 w 1238"/>
              <a:gd name="T75" fmla="*/ 205 h 975"/>
              <a:gd name="T76" fmla="*/ 13 w 1238"/>
              <a:gd name="T77" fmla="*/ 191 h 975"/>
              <a:gd name="T78" fmla="*/ 54 w 1238"/>
              <a:gd name="T79" fmla="*/ 108 h 975"/>
              <a:gd name="T80" fmla="*/ 13 w 1238"/>
              <a:gd name="T81" fmla="*/ 110 h 975"/>
              <a:gd name="T82" fmla="*/ 27 w 1238"/>
              <a:gd name="T83" fmla="*/ 45 h 975"/>
              <a:gd name="T84" fmla="*/ 157 w 1238"/>
              <a:gd name="T85" fmla="*/ 0 h 975"/>
              <a:gd name="T86" fmla="*/ 190 w 1238"/>
              <a:gd name="T87" fmla="*/ 10 h 975"/>
              <a:gd name="T88" fmla="*/ 268 w 1238"/>
              <a:gd name="T89" fmla="*/ 56 h 975"/>
              <a:gd name="T90" fmla="*/ 356 w 1238"/>
              <a:gd name="T91" fmla="*/ 57 h 975"/>
              <a:gd name="T92" fmla="*/ 477 w 1238"/>
              <a:gd name="T93" fmla="*/ 121 h 975"/>
              <a:gd name="T94" fmla="*/ 542 w 1238"/>
              <a:gd name="T95" fmla="*/ 113 h 975"/>
              <a:gd name="T96" fmla="*/ 609 w 1238"/>
              <a:gd name="T97" fmla="*/ 157 h 9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38" h="975">
                <a:moveTo>
                  <a:pt x="609" y="157"/>
                </a:moveTo>
                <a:lnTo>
                  <a:pt x="638" y="133"/>
                </a:lnTo>
                <a:lnTo>
                  <a:pt x="672" y="157"/>
                </a:lnTo>
                <a:lnTo>
                  <a:pt x="710" y="169"/>
                </a:lnTo>
                <a:lnTo>
                  <a:pt x="763" y="162"/>
                </a:lnTo>
                <a:lnTo>
                  <a:pt x="779" y="178"/>
                </a:lnTo>
                <a:lnTo>
                  <a:pt x="779" y="204"/>
                </a:lnTo>
                <a:lnTo>
                  <a:pt x="842" y="224"/>
                </a:lnTo>
                <a:lnTo>
                  <a:pt x="898" y="252"/>
                </a:lnTo>
                <a:lnTo>
                  <a:pt x="914" y="269"/>
                </a:lnTo>
                <a:lnTo>
                  <a:pt x="990" y="278"/>
                </a:lnTo>
                <a:lnTo>
                  <a:pt x="999" y="256"/>
                </a:lnTo>
                <a:lnTo>
                  <a:pt x="1046" y="281"/>
                </a:lnTo>
                <a:lnTo>
                  <a:pt x="1061" y="298"/>
                </a:lnTo>
                <a:lnTo>
                  <a:pt x="1061" y="316"/>
                </a:lnTo>
                <a:lnTo>
                  <a:pt x="1095" y="316"/>
                </a:lnTo>
                <a:lnTo>
                  <a:pt x="1109" y="327"/>
                </a:lnTo>
                <a:lnTo>
                  <a:pt x="1173" y="345"/>
                </a:lnTo>
                <a:lnTo>
                  <a:pt x="1238" y="345"/>
                </a:lnTo>
                <a:lnTo>
                  <a:pt x="1227" y="397"/>
                </a:lnTo>
                <a:lnTo>
                  <a:pt x="1129" y="444"/>
                </a:lnTo>
                <a:lnTo>
                  <a:pt x="1100" y="469"/>
                </a:lnTo>
                <a:lnTo>
                  <a:pt x="1001" y="478"/>
                </a:lnTo>
                <a:lnTo>
                  <a:pt x="958" y="500"/>
                </a:lnTo>
                <a:lnTo>
                  <a:pt x="967" y="523"/>
                </a:lnTo>
                <a:lnTo>
                  <a:pt x="934" y="532"/>
                </a:lnTo>
                <a:lnTo>
                  <a:pt x="837" y="637"/>
                </a:lnTo>
                <a:lnTo>
                  <a:pt x="826" y="713"/>
                </a:lnTo>
                <a:lnTo>
                  <a:pt x="867" y="735"/>
                </a:lnTo>
                <a:lnTo>
                  <a:pt x="860" y="753"/>
                </a:lnTo>
                <a:lnTo>
                  <a:pt x="786" y="782"/>
                </a:lnTo>
                <a:lnTo>
                  <a:pt x="763" y="829"/>
                </a:lnTo>
                <a:lnTo>
                  <a:pt x="739" y="840"/>
                </a:lnTo>
                <a:lnTo>
                  <a:pt x="748" y="869"/>
                </a:lnTo>
                <a:lnTo>
                  <a:pt x="732" y="878"/>
                </a:lnTo>
                <a:lnTo>
                  <a:pt x="703" y="860"/>
                </a:lnTo>
                <a:lnTo>
                  <a:pt x="631" y="896"/>
                </a:lnTo>
                <a:lnTo>
                  <a:pt x="593" y="943"/>
                </a:lnTo>
                <a:lnTo>
                  <a:pt x="584" y="964"/>
                </a:lnTo>
                <a:lnTo>
                  <a:pt x="562" y="934"/>
                </a:lnTo>
                <a:lnTo>
                  <a:pt x="517" y="944"/>
                </a:lnTo>
                <a:lnTo>
                  <a:pt x="481" y="926"/>
                </a:lnTo>
                <a:lnTo>
                  <a:pt x="448" y="934"/>
                </a:lnTo>
                <a:lnTo>
                  <a:pt x="338" y="908"/>
                </a:lnTo>
                <a:lnTo>
                  <a:pt x="295" y="941"/>
                </a:lnTo>
                <a:lnTo>
                  <a:pt x="239" y="925"/>
                </a:lnTo>
                <a:lnTo>
                  <a:pt x="202" y="964"/>
                </a:lnTo>
                <a:lnTo>
                  <a:pt x="165" y="975"/>
                </a:lnTo>
                <a:lnTo>
                  <a:pt x="143" y="941"/>
                </a:lnTo>
                <a:lnTo>
                  <a:pt x="116" y="908"/>
                </a:lnTo>
                <a:lnTo>
                  <a:pt x="116" y="869"/>
                </a:lnTo>
                <a:lnTo>
                  <a:pt x="116" y="838"/>
                </a:lnTo>
                <a:lnTo>
                  <a:pt x="76" y="814"/>
                </a:lnTo>
                <a:lnTo>
                  <a:pt x="22" y="791"/>
                </a:lnTo>
                <a:lnTo>
                  <a:pt x="13" y="747"/>
                </a:lnTo>
                <a:lnTo>
                  <a:pt x="53" y="697"/>
                </a:lnTo>
                <a:lnTo>
                  <a:pt x="107" y="697"/>
                </a:lnTo>
                <a:lnTo>
                  <a:pt x="60" y="645"/>
                </a:lnTo>
                <a:lnTo>
                  <a:pt x="110" y="596"/>
                </a:lnTo>
                <a:lnTo>
                  <a:pt x="112" y="569"/>
                </a:lnTo>
                <a:lnTo>
                  <a:pt x="72" y="505"/>
                </a:lnTo>
                <a:lnTo>
                  <a:pt x="128" y="509"/>
                </a:lnTo>
                <a:lnTo>
                  <a:pt x="145" y="464"/>
                </a:lnTo>
                <a:lnTo>
                  <a:pt x="148" y="430"/>
                </a:lnTo>
                <a:lnTo>
                  <a:pt x="166" y="437"/>
                </a:lnTo>
                <a:lnTo>
                  <a:pt x="181" y="370"/>
                </a:lnTo>
                <a:lnTo>
                  <a:pt x="174" y="345"/>
                </a:lnTo>
                <a:lnTo>
                  <a:pt x="271" y="317"/>
                </a:lnTo>
                <a:lnTo>
                  <a:pt x="271" y="285"/>
                </a:lnTo>
                <a:lnTo>
                  <a:pt x="230" y="287"/>
                </a:lnTo>
                <a:lnTo>
                  <a:pt x="235" y="242"/>
                </a:lnTo>
                <a:lnTo>
                  <a:pt x="175" y="234"/>
                </a:lnTo>
                <a:lnTo>
                  <a:pt x="165" y="249"/>
                </a:lnTo>
                <a:lnTo>
                  <a:pt x="114" y="229"/>
                </a:lnTo>
                <a:lnTo>
                  <a:pt x="76" y="231"/>
                </a:lnTo>
                <a:lnTo>
                  <a:pt x="94" y="205"/>
                </a:lnTo>
                <a:lnTo>
                  <a:pt x="63" y="191"/>
                </a:lnTo>
                <a:lnTo>
                  <a:pt x="13" y="191"/>
                </a:lnTo>
                <a:lnTo>
                  <a:pt x="29" y="140"/>
                </a:lnTo>
                <a:lnTo>
                  <a:pt x="54" y="108"/>
                </a:lnTo>
                <a:lnTo>
                  <a:pt x="53" y="88"/>
                </a:lnTo>
                <a:lnTo>
                  <a:pt x="13" y="110"/>
                </a:lnTo>
                <a:lnTo>
                  <a:pt x="0" y="63"/>
                </a:lnTo>
                <a:lnTo>
                  <a:pt x="27" y="45"/>
                </a:lnTo>
                <a:lnTo>
                  <a:pt x="103" y="32"/>
                </a:lnTo>
                <a:lnTo>
                  <a:pt x="157" y="0"/>
                </a:lnTo>
                <a:lnTo>
                  <a:pt x="170" y="21"/>
                </a:lnTo>
                <a:lnTo>
                  <a:pt x="190" y="10"/>
                </a:lnTo>
                <a:lnTo>
                  <a:pt x="224" y="43"/>
                </a:lnTo>
                <a:lnTo>
                  <a:pt x="268" y="56"/>
                </a:lnTo>
                <a:lnTo>
                  <a:pt x="325" y="63"/>
                </a:lnTo>
                <a:lnTo>
                  <a:pt x="356" y="57"/>
                </a:lnTo>
                <a:lnTo>
                  <a:pt x="381" y="81"/>
                </a:lnTo>
                <a:lnTo>
                  <a:pt x="477" y="121"/>
                </a:lnTo>
                <a:lnTo>
                  <a:pt x="537" y="128"/>
                </a:lnTo>
                <a:lnTo>
                  <a:pt x="542" y="113"/>
                </a:lnTo>
                <a:lnTo>
                  <a:pt x="584" y="119"/>
                </a:lnTo>
                <a:lnTo>
                  <a:pt x="609" y="15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0" name="France"/>
          <p:cNvSpPr>
            <a:spLocks/>
          </p:cNvSpPr>
          <p:nvPr/>
        </p:nvSpPr>
        <p:spPr bwMode="auto">
          <a:xfrm>
            <a:off x="6752163" y="4013200"/>
            <a:ext cx="1889125" cy="1677988"/>
          </a:xfrm>
          <a:custGeom>
            <a:avLst/>
            <a:gdLst>
              <a:gd name="T0" fmla="*/ 246 w 659"/>
              <a:gd name="T1" fmla="*/ 109 h 585"/>
              <a:gd name="T2" fmla="*/ 336 w 659"/>
              <a:gd name="T3" fmla="*/ 64 h 585"/>
              <a:gd name="T4" fmla="*/ 386 w 659"/>
              <a:gd name="T5" fmla="*/ 0 h 585"/>
              <a:gd name="T6" fmla="*/ 454 w 659"/>
              <a:gd name="T7" fmla="*/ 54 h 585"/>
              <a:gd name="T8" fmla="*/ 490 w 659"/>
              <a:gd name="T9" fmla="*/ 73 h 585"/>
              <a:gd name="T10" fmla="*/ 551 w 659"/>
              <a:gd name="T11" fmla="*/ 120 h 585"/>
              <a:gd name="T12" fmla="*/ 594 w 659"/>
              <a:gd name="T13" fmla="*/ 150 h 585"/>
              <a:gd name="T14" fmla="*/ 628 w 659"/>
              <a:gd name="T15" fmla="*/ 200 h 585"/>
              <a:gd name="T16" fmla="*/ 563 w 659"/>
              <a:gd name="T17" fmla="*/ 288 h 585"/>
              <a:gd name="T18" fmla="*/ 535 w 659"/>
              <a:gd name="T19" fmla="*/ 340 h 585"/>
              <a:gd name="T20" fmla="*/ 575 w 659"/>
              <a:gd name="T21" fmla="*/ 323 h 585"/>
              <a:gd name="T22" fmla="*/ 568 w 659"/>
              <a:gd name="T23" fmla="*/ 370 h 585"/>
              <a:gd name="T24" fmla="*/ 567 w 659"/>
              <a:gd name="T25" fmla="*/ 414 h 585"/>
              <a:gd name="T26" fmla="*/ 575 w 659"/>
              <a:gd name="T27" fmla="*/ 466 h 585"/>
              <a:gd name="T28" fmla="*/ 606 w 659"/>
              <a:gd name="T29" fmla="*/ 507 h 585"/>
              <a:gd name="T30" fmla="*/ 488 w 659"/>
              <a:gd name="T31" fmla="*/ 536 h 585"/>
              <a:gd name="T32" fmla="*/ 450 w 659"/>
              <a:gd name="T33" fmla="*/ 528 h 585"/>
              <a:gd name="T34" fmla="*/ 362 w 659"/>
              <a:gd name="T35" fmla="*/ 529 h 585"/>
              <a:gd name="T36" fmla="*/ 362 w 659"/>
              <a:gd name="T37" fmla="*/ 585 h 585"/>
              <a:gd name="T38" fmla="*/ 291 w 659"/>
              <a:gd name="T39" fmla="*/ 575 h 585"/>
              <a:gd name="T40" fmla="*/ 264 w 659"/>
              <a:gd name="T41" fmla="*/ 559 h 585"/>
              <a:gd name="T42" fmla="*/ 230 w 659"/>
              <a:gd name="T43" fmla="*/ 536 h 585"/>
              <a:gd name="T44" fmla="*/ 183 w 659"/>
              <a:gd name="T45" fmla="*/ 543 h 585"/>
              <a:gd name="T46" fmla="*/ 143 w 659"/>
              <a:gd name="T47" fmla="*/ 518 h 585"/>
              <a:gd name="T48" fmla="*/ 108 w 659"/>
              <a:gd name="T49" fmla="*/ 493 h 585"/>
              <a:gd name="T50" fmla="*/ 121 w 659"/>
              <a:gd name="T51" fmla="*/ 463 h 585"/>
              <a:gd name="T52" fmla="*/ 151 w 659"/>
              <a:gd name="T53" fmla="*/ 351 h 585"/>
              <a:gd name="T54" fmla="*/ 155 w 659"/>
              <a:gd name="T55" fmla="*/ 337 h 585"/>
              <a:gd name="T56" fmla="*/ 159 w 659"/>
              <a:gd name="T57" fmla="*/ 296 h 585"/>
              <a:gd name="T58" fmla="*/ 126 w 659"/>
              <a:gd name="T59" fmla="*/ 266 h 585"/>
              <a:gd name="T60" fmla="*/ 122 w 659"/>
              <a:gd name="T61" fmla="*/ 242 h 585"/>
              <a:gd name="T62" fmla="*/ 113 w 659"/>
              <a:gd name="T63" fmla="*/ 207 h 585"/>
              <a:gd name="T64" fmla="*/ 45 w 659"/>
              <a:gd name="T65" fmla="*/ 177 h 585"/>
              <a:gd name="T66" fmla="*/ 0 w 659"/>
              <a:gd name="T67" fmla="*/ 156 h 585"/>
              <a:gd name="T68" fmla="*/ 5 w 659"/>
              <a:gd name="T69" fmla="*/ 132 h 585"/>
              <a:gd name="T70" fmla="*/ 43 w 659"/>
              <a:gd name="T71" fmla="*/ 111 h 585"/>
              <a:gd name="T72" fmla="*/ 85 w 659"/>
              <a:gd name="T73" fmla="*/ 110 h 585"/>
              <a:gd name="T74" fmla="*/ 123 w 659"/>
              <a:gd name="T75" fmla="*/ 126 h 585"/>
              <a:gd name="T76" fmla="*/ 172 w 659"/>
              <a:gd name="T77" fmla="*/ 143 h 585"/>
              <a:gd name="T78" fmla="*/ 174 w 659"/>
              <a:gd name="T79" fmla="*/ 100 h 585"/>
              <a:gd name="T80" fmla="*/ 163 w 659"/>
              <a:gd name="T81" fmla="*/ 65 h 585"/>
              <a:gd name="T82" fmla="*/ 188 w 659"/>
              <a:gd name="T83" fmla="*/ 94 h 5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659" h="585">
                <a:moveTo>
                  <a:pt x="201" y="92"/>
                </a:moveTo>
                <a:cubicBezTo>
                  <a:pt x="246" y="109"/>
                  <a:pt x="246" y="109"/>
                  <a:pt x="246" y="109"/>
                </a:cubicBezTo>
                <a:cubicBezTo>
                  <a:pt x="262" y="80"/>
                  <a:pt x="262" y="80"/>
                  <a:pt x="262" y="80"/>
                </a:cubicBezTo>
                <a:cubicBezTo>
                  <a:pt x="336" y="64"/>
                  <a:pt x="336" y="64"/>
                  <a:pt x="336" y="64"/>
                </a:cubicBezTo>
                <a:cubicBezTo>
                  <a:pt x="339" y="6"/>
                  <a:pt x="339" y="6"/>
                  <a:pt x="339" y="6"/>
                </a:cubicBezTo>
                <a:cubicBezTo>
                  <a:pt x="386" y="0"/>
                  <a:pt x="386" y="0"/>
                  <a:pt x="386" y="0"/>
                </a:cubicBezTo>
                <a:cubicBezTo>
                  <a:pt x="408" y="29"/>
                  <a:pt x="408" y="29"/>
                  <a:pt x="408" y="29"/>
                </a:cubicBezTo>
                <a:cubicBezTo>
                  <a:pt x="454" y="54"/>
                  <a:pt x="454" y="54"/>
                  <a:pt x="454" y="54"/>
                </a:cubicBezTo>
                <a:cubicBezTo>
                  <a:pt x="464" y="82"/>
                  <a:pt x="464" y="82"/>
                  <a:pt x="464" y="82"/>
                </a:cubicBezTo>
                <a:cubicBezTo>
                  <a:pt x="490" y="73"/>
                  <a:pt x="490" y="73"/>
                  <a:pt x="490" y="73"/>
                </a:cubicBezTo>
                <a:cubicBezTo>
                  <a:pt x="522" y="120"/>
                  <a:pt x="522" y="120"/>
                  <a:pt x="522" y="120"/>
                </a:cubicBezTo>
                <a:cubicBezTo>
                  <a:pt x="551" y="120"/>
                  <a:pt x="551" y="120"/>
                  <a:pt x="551" y="120"/>
                </a:cubicBezTo>
                <a:cubicBezTo>
                  <a:pt x="571" y="122"/>
                  <a:pt x="571" y="122"/>
                  <a:pt x="571" y="122"/>
                </a:cubicBezTo>
                <a:cubicBezTo>
                  <a:pt x="594" y="150"/>
                  <a:pt x="594" y="150"/>
                  <a:pt x="594" y="150"/>
                </a:cubicBezTo>
                <a:cubicBezTo>
                  <a:pt x="659" y="153"/>
                  <a:pt x="659" y="153"/>
                  <a:pt x="659" y="153"/>
                </a:cubicBezTo>
                <a:cubicBezTo>
                  <a:pt x="628" y="200"/>
                  <a:pt x="628" y="200"/>
                  <a:pt x="628" y="200"/>
                </a:cubicBezTo>
                <a:cubicBezTo>
                  <a:pt x="621" y="251"/>
                  <a:pt x="621" y="251"/>
                  <a:pt x="621" y="251"/>
                </a:cubicBezTo>
                <a:cubicBezTo>
                  <a:pt x="563" y="288"/>
                  <a:pt x="563" y="288"/>
                  <a:pt x="563" y="288"/>
                </a:cubicBezTo>
                <a:cubicBezTo>
                  <a:pt x="537" y="319"/>
                  <a:pt x="537" y="319"/>
                  <a:pt x="537" y="319"/>
                </a:cubicBezTo>
                <a:cubicBezTo>
                  <a:pt x="535" y="340"/>
                  <a:pt x="535" y="340"/>
                  <a:pt x="535" y="340"/>
                </a:cubicBezTo>
                <a:cubicBezTo>
                  <a:pt x="549" y="324"/>
                  <a:pt x="549" y="324"/>
                  <a:pt x="549" y="324"/>
                </a:cubicBezTo>
                <a:cubicBezTo>
                  <a:pt x="575" y="323"/>
                  <a:pt x="575" y="323"/>
                  <a:pt x="575" y="323"/>
                </a:cubicBezTo>
                <a:cubicBezTo>
                  <a:pt x="583" y="364"/>
                  <a:pt x="583" y="364"/>
                  <a:pt x="583" y="364"/>
                </a:cubicBezTo>
                <a:cubicBezTo>
                  <a:pt x="568" y="370"/>
                  <a:pt x="568" y="370"/>
                  <a:pt x="568" y="370"/>
                </a:cubicBezTo>
                <a:cubicBezTo>
                  <a:pt x="590" y="389"/>
                  <a:pt x="590" y="389"/>
                  <a:pt x="590" y="389"/>
                </a:cubicBezTo>
                <a:cubicBezTo>
                  <a:pt x="567" y="414"/>
                  <a:pt x="567" y="414"/>
                  <a:pt x="567" y="414"/>
                </a:cubicBezTo>
                <a:cubicBezTo>
                  <a:pt x="581" y="434"/>
                  <a:pt x="581" y="434"/>
                  <a:pt x="581" y="434"/>
                </a:cubicBezTo>
                <a:cubicBezTo>
                  <a:pt x="575" y="466"/>
                  <a:pt x="575" y="466"/>
                  <a:pt x="575" y="466"/>
                </a:cubicBezTo>
                <a:cubicBezTo>
                  <a:pt x="619" y="473"/>
                  <a:pt x="619" y="473"/>
                  <a:pt x="619" y="473"/>
                </a:cubicBezTo>
                <a:cubicBezTo>
                  <a:pt x="606" y="507"/>
                  <a:pt x="606" y="507"/>
                  <a:pt x="606" y="507"/>
                </a:cubicBezTo>
                <a:cubicBezTo>
                  <a:pt x="540" y="547"/>
                  <a:pt x="540" y="547"/>
                  <a:pt x="540" y="547"/>
                </a:cubicBezTo>
                <a:cubicBezTo>
                  <a:pt x="488" y="536"/>
                  <a:pt x="488" y="536"/>
                  <a:pt x="488" y="536"/>
                </a:cubicBezTo>
                <a:cubicBezTo>
                  <a:pt x="472" y="511"/>
                  <a:pt x="472" y="511"/>
                  <a:pt x="472" y="511"/>
                </a:cubicBezTo>
                <a:cubicBezTo>
                  <a:pt x="472" y="511"/>
                  <a:pt x="454" y="528"/>
                  <a:pt x="450" y="528"/>
                </a:cubicBezTo>
                <a:cubicBezTo>
                  <a:pt x="445" y="528"/>
                  <a:pt x="411" y="509"/>
                  <a:pt x="411" y="509"/>
                </a:cubicBezTo>
                <a:cubicBezTo>
                  <a:pt x="362" y="529"/>
                  <a:pt x="362" y="529"/>
                  <a:pt x="362" y="529"/>
                </a:cubicBezTo>
                <a:cubicBezTo>
                  <a:pt x="356" y="556"/>
                  <a:pt x="356" y="556"/>
                  <a:pt x="356" y="556"/>
                </a:cubicBezTo>
                <a:cubicBezTo>
                  <a:pt x="362" y="585"/>
                  <a:pt x="362" y="585"/>
                  <a:pt x="362" y="585"/>
                </a:cubicBezTo>
                <a:cubicBezTo>
                  <a:pt x="326" y="585"/>
                  <a:pt x="326" y="585"/>
                  <a:pt x="326" y="585"/>
                </a:cubicBezTo>
                <a:cubicBezTo>
                  <a:pt x="291" y="575"/>
                  <a:pt x="291" y="575"/>
                  <a:pt x="291" y="575"/>
                </a:cubicBezTo>
                <a:cubicBezTo>
                  <a:pt x="278" y="556"/>
                  <a:pt x="278" y="556"/>
                  <a:pt x="278" y="556"/>
                </a:cubicBezTo>
                <a:cubicBezTo>
                  <a:pt x="264" y="559"/>
                  <a:pt x="264" y="559"/>
                  <a:pt x="264" y="559"/>
                </a:cubicBezTo>
                <a:cubicBezTo>
                  <a:pt x="256" y="550"/>
                  <a:pt x="256" y="550"/>
                  <a:pt x="256" y="550"/>
                </a:cubicBezTo>
                <a:cubicBezTo>
                  <a:pt x="230" y="536"/>
                  <a:pt x="230" y="536"/>
                  <a:pt x="230" y="536"/>
                </a:cubicBezTo>
                <a:cubicBezTo>
                  <a:pt x="225" y="548"/>
                  <a:pt x="225" y="548"/>
                  <a:pt x="225" y="548"/>
                </a:cubicBezTo>
                <a:cubicBezTo>
                  <a:pt x="183" y="543"/>
                  <a:pt x="183" y="543"/>
                  <a:pt x="183" y="543"/>
                </a:cubicBezTo>
                <a:cubicBezTo>
                  <a:pt x="174" y="534"/>
                  <a:pt x="174" y="534"/>
                  <a:pt x="174" y="534"/>
                </a:cubicBezTo>
                <a:cubicBezTo>
                  <a:pt x="143" y="518"/>
                  <a:pt x="143" y="518"/>
                  <a:pt x="143" y="518"/>
                </a:cubicBezTo>
                <a:cubicBezTo>
                  <a:pt x="108" y="507"/>
                  <a:pt x="108" y="507"/>
                  <a:pt x="108" y="507"/>
                </a:cubicBezTo>
                <a:cubicBezTo>
                  <a:pt x="108" y="493"/>
                  <a:pt x="108" y="493"/>
                  <a:pt x="108" y="493"/>
                </a:cubicBezTo>
                <a:cubicBezTo>
                  <a:pt x="99" y="484"/>
                  <a:pt x="99" y="484"/>
                  <a:pt x="99" y="484"/>
                </a:cubicBezTo>
                <a:cubicBezTo>
                  <a:pt x="121" y="463"/>
                  <a:pt x="121" y="463"/>
                  <a:pt x="121" y="463"/>
                </a:cubicBezTo>
                <a:cubicBezTo>
                  <a:pt x="131" y="397"/>
                  <a:pt x="131" y="397"/>
                  <a:pt x="131" y="397"/>
                </a:cubicBezTo>
                <a:cubicBezTo>
                  <a:pt x="151" y="351"/>
                  <a:pt x="151" y="351"/>
                  <a:pt x="151" y="351"/>
                </a:cubicBezTo>
                <a:cubicBezTo>
                  <a:pt x="171" y="371"/>
                  <a:pt x="171" y="371"/>
                  <a:pt x="171" y="371"/>
                </a:cubicBezTo>
                <a:cubicBezTo>
                  <a:pt x="155" y="337"/>
                  <a:pt x="155" y="337"/>
                  <a:pt x="155" y="337"/>
                </a:cubicBezTo>
                <a:cubicBezTo>
                  <a:pt x="159" y="318"/>
                  <a:pt x="159" y="318"/>
                  <a:pt x="159" y="318"/>
                </a:cubicBezTo>
                <a:cubicBezTo>
                  <a:pt x="159" y="296"/>
                  <a:pt x="159" y="296"/>
                  <a:pt x="159" y="296"/>
                </a:cubicBezTo>
                <a:cubicBezTo>
                  <a:pt x="128" y="285"/>
                  <a:pt x="128" y="285"/>
                  <a:pt x="128" y="285"/>
                </a:cubicBezTo>
                <a:cubicBezTo>
                  <a:pt x="126" y="266"/>
                  <a:pt x="126" y="266"/>
                  <a:pt x="126" y="266"/>
                </a:cubicBezTo>
                <a:cubicBezTo>
                  <a:pt x="117" y="254"/>
                  <a:pt x="117" y="254"/>
                  <a:pt x="117" y="254"/>
                </a:cubicBezTo>
                <a:cubicBezTo>
                  <a:pt x="122" y="242"/>
                  <a:pt x="122" y="242"/>
                  <a:pt x="122" y="242"/>
                </a:cubicBezTo>
                <a:cubicBezTo>
                  <a:pt x="103" y="225"/>
                  <a:pt x="103" y="225"/>
                  <a:pt x="103" y="225"/>
                </a:cubicBezTo>
                <a:cubicBezTo>
                  <a:pt x="113" y="207"/>
                  <a:pt x="113" y="207"/>
                  <a:pt x="113" y="207"/>
                </a:cubicBezTo>
                <a:cubicBezTo>
                  <a:pt x="72" y="192"/>
                  <a:pt x="72" y="192"/>
                  <a:pt x="72" y="192"/>
                </a:cubicBezTo>
                <a:cubicBezTo>
                  <a:pt x="45" y="177"/>
                  <a:pt x="45" y="177"/>
                  <a:pt x="45" y="177"/>
                </a:cubicBezTo>
                <a:cubicBezTo>
                  <a:pt x="13" y="175"/>
                  <a:pt x="13" y="175"/>
                  <a:pt x="13" y="175"/>
                </a:cubicBezTo>
                <a:cubicBezTo>
                  <a:pt x="0" y="156"/>
                  <a:pt x="0" y="156"/>
                  <a:pt x="0" y="156"/>
                </a:cubicBezTo>
                <a:cubicBezTo>
                  <a:pt x="26" y="138"/>
                  <a:pt x="26" y="138"/>
                  <a:pt x="26" y="138"/>
                </a:cubicBezTo>
                <a:cubicBezTo>
                  <a:pt x="5" y="132"/>
                  <a:pt x="5" y="132"/>
                  <a:pt x="5" y="132"/>
                </a:cubicBezTo>
                <a:cubicBezTo>
                  <a:pt x="12" y="115"/>
                  <a:pt x="12" y="115"/>
                  <a:pt x="12" y="115"/>
                </a:cubicBezTo>
                <a:cubicBezTo>
                  <a:pt x="43" y="111"/>
                  <a:pt x="43" y="111"/>
                  <a:pt x="43" y="111"/>
                </a:cubicBezTo>
                <a:cubicBezTo>
                  <a:pt x="65" y="122"/>
                  <a:pt x="65" y="122"/>
                  <a:pt x="65" y="122"/>
                </a:cubicBezTo>
                <a:cubicBezTo>
                  <a:pt x="85" y="110"/>
                  <a:pt x="85" y="110"/>
                  <a:pt x="85" y="110"/>
                </a:cubicBezTo>
                <a:cubicBezTo>
                  <a:pt x="108" y="132"/>
                  <a:pt x="108" y="132"/>
                  <a:pt x="108" y="132"/>
                </a:cubicBezTo>
                <a:cubicBezTo>
                  <a:pt x="123" y="126"/>
                  <a:pt x="123" y="126"/>
                  <a:pt x="123" y="126"/>
                </a:cubicBezTo>
                <a:cubicBezTo>
                  <a:pt x="140" y="143"/>
                  <a:pt x="140" y="143"/>
                  <a:pt x="140" y="143"/>
                </a:cubicBezTo>
                <a:cubicBezTo>
                  <a:pt x="172" y="143"/>
                  <a:pt x="172" y="143"/>
                  <a:pt x="172" y="143"/>
                </a:cubicBezTo>
                <a:cubicBezTo>
                  <a:pt x="159" y="128"/>
                  <a:pt x="159" y="128"/>
                  <a:pt x="159" y="128"/>
                </a:cubicBezTo>
                <a:cubicBezTo>
                  <a:pt x="174" y="100"/>
                  <a:pt x="174" y="100"/>
                  <a:pt x="174" y="100"/>
                </a:cubicBezTo>
                <a:cubicBezTo>
                  <a:pt x="159" y="79"/>
                  <a:pt x="159" y="79"/>
                  <a:pt x="159" y="79"/>
                </a:cubicBezTo>
                <a:cubicBezTo>
                  <a:pt x="163" y="65"/>
                  <a:pt x="163" y="65"/>
                  <a:pt x="163" y="65"/>
                </a:cubicBezTo>
                <a:cubicBezTo>
                  <a:pt x="191" y="71"/>
                  <a:pt x="191" y="71"/>
                  <a:pt x="191" y="71"/>
                </a:cubicBezTo>
                <a:cubicBezTo>
                  <a:pt x="188" y="94"/>
                  <a:pt x="188" y="94"/>
                  <a:pt x="188" y="94"/>
                </a:cubicBezTo>
                <a:lnTo>
                  <a:pt x="20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1" name="Belgium"/>
          <p:cNvSpPr>
            <a:spLocks/>
          </p:cNvSpPr>
          <p:nvPr/>
        </p:nvSpPr>
        <p:spPr bwMode="auto">
          <a:xfrm>
            <a:off x="7858651" y="3957638"/>
            <a:ext cx="533400" cy="398463"/>
          </a:xfrm>
          <a:custGeom>
            <a:avLst/>
            <a:gdLst>
              <a:gd name="T0" fmla="*/ 0 w 336"/>
              <a:gd name="T1" fmla="*/ 35 h 251"/>
              <a:gd name="T2" fmla="*/ 34 w 336"/>
              <a:gd name="T3" fmla="*/ 17 h 251"/>
              <a:gd name="T4" fmla="*/ 85 w 336"/>
              <a:gd name="T5" fmla="*/ 8 h 251"/>
              <a:gd name="T6" fmla="*/ 105 w 336"/>
              <a:gd name="T7" fmla="*/ 20 h 251"/>
              <a:gd name="T8" fmla="*/ 130 w 336"/>
              <a:gd name="T9" fmla="*/ 8 h 251"/>
              <a:gd name="T10" fmla="*/ 150 w 336"/>
              <a:gd name="T11" fmla="*/ 35 h 251"/>
              <a:gd name="T12" fmla="*/ 161 w 336"/>
              <a:gd name="T13" fmla="*/ 8 h 251"/>
              <a:gd name="T14" fmla="*/ 188 w 336"/>
              <a:gd name="T15" fmla="*/ 20 h 251"/>
              <a:gd name="T16" fmla="*/ 195 w 336"/>
              <a:gd name="T17" fmla="*/ 0 h 251"/>
              <a:gd name="T18" fmla="*/ 215 w 336"/>
              <a:gd name="T19" fmla="*/ 11 h 251"/>
              <a:gd name="T20" fmla="*/ 242 w 336"/>
              <a:gd name="T21" fmla="*/ 35 h 251"/>
              <a:gd name="T22" fmla="*/ 276 w 336"/>
              <a:gd name="T23" fmla="*/ 40 h 251"/>
              <a:gd name="T24" fmla="*/ 271 w 336"/>
              <a:gd name="T25" fmla="*/ 69 h 251"/>
              <a:gd name="T26" fmla="*/ 276 w 336"/>
              <a:gd name="T27" fmla="*/ 105 h 251"/>
              <a:gd name="T28" fmla="*/ 311 w 336"/>
              <a:gd name="T29" fmla="*/ 105 h 251"/>
              <a:gd name="T30" fmla="*/ 331 w 336"/>
              <a:gd name="T31" fmla="*/ 125 h 251"/>
              <a:gd name="T32" fmla="*/ 336 w 336"/>
              <a:gd name="T33" fmla="*/ 138 h 251"/>
              <a:gd name="T34" fmla="*/ 289 w 336"/>
              <a:gd name="T35" fmla="*/ 163 h 251"/>
              <a:gd name="T36" fmla="*/ 271 w 336"/>
              <a:gd name="T37" fmla="*/ 190 h 251"/>
              <a:gd name="T38" fmla="*/ 296 w 336"/>
              <a:gd name="T39" fmla="*/ 251 h 251"/>
              <a:gd name="T40" fmla="*/ 246 w 336"/>
              <a:gd name="T41" fmla="*/ 251 h 251"/>
              <a:gd name="T42" fmla="*/ 188 w 336"/>
              <a:gd name="T43" fmla="*/ 167 h 251"/>
              <a:gd name="T44" fmla="*/ 141 w 336"/>
              <a:gd name="T45" fmla="*/ 183 h 251"/>
              <a:gd name="T46" fmla="*/ 123 w 336"/>
              <a:gd name="T47" fmla="*/ 132 h 251"/>
              <a:gd name="T48" fmla="*/ 40 w 336"/>
              <a:gd name="T49" fmla="*/ 87 h 251"/>
              <a:gd name="T50" fmla="*/ 0 w 336"/>
              <a:gd name="T51" fmla="*/ 35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336" h="251">
                <a:moveTo>
                  <a:pt x="0" y="35"/>
                </a:moveTo>
                <a:lnTo>
                  <a:pt x="34" y="17"/>
                </a:lnTo>
                <a:lnTo>
                  <a:pt x="85" y="8"/>
                </a:lnTo>
                <a:lnTo>
                  <a:pt x="105" y="20"/>
                </a:lnTo>
                <a:lnTo>
                  <a:pt x="130" y="8"/>
                </a:lnTo>
                <a:lnTo>
                  <a:pt x="150" y="35"/>
                </a:lnTo>
                <a:lnTo>
                  <a:pt x="161" y="8"/>
                </a:lnTo>
                <a:lnTo>
                  <a:pt x="188" y="20"/>
                </a:lnTo>
                <a:lnTo>
                  <a:pt x="195" y="0"/>
                </a:lnTo>
                <a:lnTo>
                  <a:pt x="215" y="11"/>
                </a:lnTo>
                <a:lnTo>
                  <a:pt x="242" y="35"/>
                </a:lnTo>
                <a:lnTo>
                  <a:pt x="276" y="40"/>
                </a:lnTo>
                <a:lnTo>
                  <a:pt x="271" y="69"/>
                </a:lnTo>
                <a:lnTo>
                  <a:pt x="276" y="105"/>
                </a:lnTo>
                <a:lnTo>
                  <a:pt x="311" y="105"/>
                </a:lnTo>
                <a:lnTo>
                  <a:pt x="331" y="125"/>
                </a:lnTo>
                <a:lnTo>
                  <a:pt x="336" y="138"/>
                </a:lnTo>
                <a:lnTo>
                  <a:pt x="289" y="163"/>
                </a:lnTo>
                <a:lnTo>
                  <a:pt x="271" y="190"/>
                </a:lnTo>
                <a:lnTo>
                  <a:pt x="296" y="251"/>
                </a:lnTo>
                <a:lnTo>
                  <a:pt x="246" y="251"/>
                </a:lnTo>
                <a:lnTo>
                  <a:pt x="188" y="167"/>
                </a:lnTo>
                <a:lnTo>
                  <a:pt x="141" y="183"/>
                </a:lnTo>
                <a:lnTo>
                  <a:pt x="123" y="132"/>
                </a:lnTo>
                <a:lnTo>
                  <a:pt x="40" y="87"/>
                </a:lnTo>
                <a:lnTo>
                  <a:pt x="0" y="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2" name="Netherlands"/>
          <p:cNvSpPr>
            <a:spLocks/>
          </p:cNvSpPr>
          <p:nvPr/>
        </p:nvSpPr>
        <p:spPr bwMode="auto">
          <a:xfrm>
            <a:off x="8022163" y="3593344"/>
            <a:ext cx="514800" cy="533400"/>
          </a:xfrm>
          <a:custGeom>
            <a:avLst/>
            <a:gdLst>
              <a:gd name="T0" fmla="*/ 43 w 325"/>
              <a:gd name="T1" fmla="*/ 262 h 336"/>
              <a:gd name="T2" fmla="*/ 45 w 325"/>
              <a:gd name="T3" fmla="*/ 231 h 336"/>
              <a:gd name="T4" fmla="*/ 0 w 325"/>
              <a:gd name="T5" fmla="*/ 195 h 336"/>
              <a:gd name="T6" fmla="*/ 33 w 325"/>
              <a:gd name="T7" fmla="*/ 188 h 336"/>
              <a:gd name="T8" fmla="*/ 36 w 325"/>
              <a:gd name="T9" fmla="*/ 163 h 336"/>
              <a:gd name="T10" fmla="*/ 51 w 325"/>
              <a:gd name="T11" fmla="*/ 163 h 336"/>
              <a:gd name="T12" fmla="*/ 58 w 325"/>
              <a:gd name="T13" fmla="*/ 148 h 336"/>
              <a:gd name="T14" fmla="*/ 74 w 325"/>
              <a:gd name="T15" fmla="*/ 148 h 336"/>
              <a:gd name="T16" fmla="*/ 99 w 325"/>
              <a:gd name="T17" fmla="*/ 101 h 336"/>
              <a:gd name="T18" fmla="*/ 94 w 325"/>
              <a:gd name="T19" fmla="*/ 63 h 336"/>
              <a:gd name="T20" fmla="*/ 105 w 325"/>
              <a:gd name="T21" fmla="*/ 49 h 336"/>
              <a:gd name="T22" fmla="*/ 132 w 325"/>
              <a:gd name="T23" fmla="*/ 58 h 336"/>
              <a:gd name="T24" fmla="*/ 155 w 325"/>
              <a:gd name="T25" fmla="*/ 78 h 336"/>
              <a:gd name="T26" fmla="*/ 132 w 325"/>
              <a:gd name="T27" fmla="*/ 121 h 336"/>
              <a:gd name="T28" fmla="*/ 190 w 325"/>
              <a:gd name="T29" fmla="*/ 105 h 336"/>
              <a:gd name="T30" fmla="*/ 190 w 325"/>
              <a:gd name="T31" fmla="*/ 65 h 336"/>
              <a:gd name="T32" fmla="*/ 170 w 325"/>
              <a:gd name="T33" fmla="*/ 63 h 336"/>
              <a:gd name="T34" fmla="*/ 163 w 325"/>
              <a:gd name="T35" fmla="*/ 34 h 336"/>
              <a:gd name="T36" fmla="*/ 220 w 325"/>
              <a:gd name="T37" fmla="*/ 0 h 336"/>
              <a:gd name="T38" fmla="*/ 285 w 325"/>
              <a:gd name="T39" fmla="*/ 0 h 336"/>
              <a:gd name="T40" fmla="*/ 311 w 325"/>
              <a:gd name="T41" fmla="*/ 29 h 336"/>
              <a:gd name="T42" fmla="*/ 325 w 325"/>
              <a:gd name="T43" fmla="*/ 29 h 336"/>
              <a:gd name="T44" fmla="*/ 294 w 325"/>
              <a:gd name="T45" fmla="*/ 99 h 336"/>
              <a:gd name="T46" fmla="*/ 275 w 325"/>
              <a:gd name="T47" fmla="*/ 107 h 336"/>
              <a:gd name="T48" fmla="*/ 293 w 325"/>
              <a:gd name="T49" fmla="*/ 134 h 336"/>
              <a:gd name="T50" fmla="*/ 285 w 325"/>
              <a:gd name="T51" fmla="*/ 166 h 336"/>
              <a:gd name="T52" fmla="*/ 269 w 325"/>
              <a:gd name="T53" fmla="*/ 164 h 336"/>
              <a:gd name="T54" fmla="*/ 278 w 325"/>
              <a:gd name="T55" fmla="*/ 192 h 336"/>
              <a:gd name="T56" fmla="*/ 206 w 325"/>
              <a:gd name="T57" fmla="*/ 193 h 336"/>
              <a:gd name="T58" fmla="*/ 224 w 325"/>
              <a:gd name="T59" fmla="*/ 244 h 336"/>
              <a:gd name="T60" fmla="*/ 213 w 325"/>
              <a:gd name="T61" fmla="*/ 275 h 336"/>
              <a:gd name="T62" fmla="*/ 217 w 325"/>
              <a:gd name="T63" fmla="*/ 293 h 336"/>
              <a:gd name="T64" fmla="*/ 199 w 325"/>
              <a:gd name="T65" fmla="*/ 304 h 336"/>
              <a:gd name="T66" fmla="*/ 208 w 325"/>
              <a:gd name="T67" fmla="*/ 336 h 336"/>
              <a:gd name="T68" fmla="*/ 173 w 325"/>
              <a:gd name="T69" fmla="*/ 336 h 336"/>
              <a:gd name="T70" fmla="*/ 168 w 325"/>
              <a:gd name="T71" fmla="*/ 300 h 336"/>
              <a:gd name="T72" fmla="*/ 173 w 325"/>
              <a:gd name="T73" fmla="*/ 271 h 336"/>
              <a:gd name="T74" fmla="*/ 139 w 325"/>
              <a:gd name="T75" fmla="*/ 266 h 336"/>
              <a:gd name="T76" fmla="*/ 114 w 325"/>
              <a:gd name="T77" fmla="*/ 242 h 336"/>
              <a:gd name="T78" fmla="*/ 92 w 325"/>
              <a:gd name="T79" fmla="*/ 231 h 336"/>
              <a:gd name="T80" fmla="*/ 85 w 325"/>
              <a:gd name="T81" fmla="*/ 251 h 336"/>
              <a:gd name="T82" fmla="*/ 60 w 325"/>
              <a:gd name="T83" fmla="*/ 240 h 336"/>
              <a:gd name="T84" fmla="*/ 47 w 325"/>
              <a:gd name="T85" fmla="*/ 266 h 336"/>
              <a:gd name="T86" fmla="*/ 43 w 325"/>
              <a:gd name="T87" fmla="*/ 262 h 3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25" h="336">
                <a:moveTo>
                  <a:pt x="43" y="262"/>
                </a:moveTo>
                <a:lnTo>
                  <a:pt x="45" y="231"/>
                </a:lnTo>
                <a:lnTo>
                  <a:pt x="0" y="195"/>
                </a:lnTo>
                <a:lnTo>
                  <a:pt x="33" y="188"/>
                </a:lnTo>
                <a:lnTo>
                  <a:pt x="36" y="163"/>
                </a:lnTo>
                <a:lnTo>
                  <a:pt x="51" y="163"/>
                </a:lnTo>
                <a:lnTo>
                  <a:pt x="58" y="148"/>
                </a:lnTo>
                <a:lnTo>
                  <a:pt x="74" y="148"/>
                </a:lnTo>
                <a:lnTo>
                  <a:pt x="99" y="101"/>
                </a:lnTo>
                <a:lnTo>
                  <a:pt x="94" y="63"/>
                </a:lnTo>
                <a:lnTo>
                  <a:pt x="105" y="49"/>
                </a:lnTo>
                <a:lnTo>
                  <a:pt x="132" y="58"/>
                </a:lnTo>
                <a:lnTo>
                  <a:pt x="155" y="78"/>
                </a:lnTo>
                <a:lnTo>
                  <a:pt x="132" y="121"/>
                </a:lnTo>
                <a:lnTo>
                  <a:pt x="190" y="105"/>
                </a:lnTo>
                <a:lnTo>
                  <a:pt x="190" y="65"/>
                </a:lnTo>
                <a:lnTo>
                  <a:pt x="170" y="63"/>
                </a:lnTo>
                <a:lnTo>
                  <a:pt x="163" y="34"/>
                </a:lnTo>
                <a:lnTo>
                  <a:pt x="220" y="0"/>
                </a:lnTo>
                <a:lnTo>
                  <a:pt x="285" y="0"/>
                </a:lnTo>
                <a:lnTo>
                  <a:pt x="311" y="29"/>
                </a:lnTo>
                <a:lnTo>
                  <a:pt x="325" y="29"/>
                </a:lnTo>
                <a:lnTo>
                  <a:pt x="294" y="99"/>
                </a:lnTo>
                <a:lnTo>
                  <a:pt x="275" y="107"/>
                </a:lnTo>
                <a:lnTo>
                  <a:pt x="293" y="134"/>
                </a:lnTo>
                <a:lnTo>
                  <a:pt x="285" y="166"/>
                </a:lnTo>
                <a:lnTo>
                  <a:pt x="269" y="164"/>
                </a:lnTo>
                <a:lnTo>
                  <a:pt x="278" y="192"/>
                </a:lnTo>
                <a:lnTo>
                  <a:pt x="206" y="193"/>
                </a:lnTo>
                <a:lnTo>
                  <a:pt x="224" y="244"/>
                </a:lnTo>
                <a:lnTo>
                  <a:pt x="213" y="275"/>
                </a:lnTo>
                <a:lnTo>
                  <a:pt x="217" y="293"/>
                </a:lnTo>
                <a:lnTo>
                  <a:pt x="199" y="304"/>
                </a:lnTo>
                <a:lnTo>
                  <a:pt x="208" y="336"/>
                </a:lnTo>
                <a:lnTo>
                  <a:pt x="173" y="336"/>
                </a:lnTo>
                <a:lnTo>
                  <a:pt x="168" y="300"/>
                </a:lnTo>
                <a:lnTo>
                  <a:pt x="173" y="271"/>
                </a:lnTo>
                <a:lnTo>
                  <a:pt x="139" y="266"/>
                </a:lnTo>
                <a:lnTo>
                  <a:pt x="114" y="242"/>
                </a:lnTo>
                <a:lnTo>
                  <a:pt x="92" y="231"/>
                </a:lnTo>
                <a:lnTo>
                  <a:pt x="85" y="251"/>
                </a:lnTo>
                <a:lnTo>
                  <a:pt x="60" y="240"/>
                </a:lnTo>
                <a:lnTo>
                  <a:pt x="47" y="266"/>
                </a:lnTo>
                <a:lnTo>
                  <a:pt x="43" y="26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3" name="Germany"/>
          <p:cNvSpPr>
            <a:spLocks/>
          </p:cNvSpPr>
          <p:nvPr/>
        </p:nvSpPr>
        <p:spPr bwMode="auto">
          <a:xfrm>
            <a:off x="8288863" y="3324225"/>
            <a:ext cx="1287463" cy="1471613"/>
          </a:xfrm>
          <a:custGeom>
            <a:avLst/>
            <a:gdLst>
              <a:gd name="T0" fmla="*/ 157 w 811"/>
              <a:gd name="T1" fmla="*/ 145 h 927"/>
              <a:gd name="T2" fmla="*/ 237 w 811"/>
              <a:gd name="T3" fmla="*/ 190 h 927"/>
              <a:gd name="T4" fmla="*/ 260 w 811"/>
              <a:gd name="T5" fmla="*/ 136 h 927"/>
              <a:gd name="T6" fmla="*/ 284 w 811"/>
              <a:gd name="T7" fmla="*/ 132 h 927"/>
              <a:gd name="T8" fmla="*/ 293 w 811"/>
              <a:gd name="T9" fmla="*/ 123 h 927"/>
              <a:gd name="T10" fmla="*/ 260 w 811"/>
              <a:gd name="T11" fmla="*/ 74 h 927"/>
              <a:gd name="T12" fmla="*/ 262 w 811"/>
              <a:gd name="T13" fmla="*/ 16 h 927"/>
              <a:gd name="T14" fmla="*/ 340 w 811"/>
              <a:gd name="T15" fmla="*/ 16 h 927"/>
              <a:gd name="T16" fmla="*/ 378 w 811"/>
              <a:gd name="T17" fmla="*/ 58 h 927"/>
              <a:gd name="T18" fmla="*/ 423 w 811"/>
              <a:gd name="T19" fmla="*/ 71 h 927"/>
              <a:gd name="T20" fmla="*/ 457 w 811"/>
              <a:gd name="T21" fmla="*/ 63 h 927"/>
              <a:gd name="T22" fmla="*/ 466 w 811"/>
              <a:gd name="T23" fmla="*/ 92 h 927"/>
              <a:gd name="T24" fmla="*/ 472 w 811"/>
              <a:gd name="T25" fmla="*/ 110 h 927"/>
              <a:gd name="T26" fmla="*/ 517 w 811"/>
              <a:gd name="T27" fmla="*/ 90 h 927"/>
              <a:gd name="T28" fmla="*/ 578 w 811"/>
              <a:gd name="T29" fmla="*/ 56 h 927"/>
              <a:gd name="T30" fmla="*/ 627 w 811"/>
              <a:gd name="T31" fmla="*/ 42 h 927"/>
              <a:gd name="T32" fmla="*/ 656 w 811"/>
              <a:gd name="T33" fmla="*/ 36 h 927"/>
              <a:gd name="T34" fmla="*/ 676 w 811"/>
              <a:gd name="T35" fmla="*/ 65 h 927"/>
              <a:gd name="T36" fmla="*/ 649 w 811"/>
              <a:gd name="T37" fmla="*/ 83 h 927"/>
              <a:gd name="T38" fmla="*/ 686 w 811"/>
              <a:gd name="T39" fmla="*/ 98 h 927"/>
              <a:gd name="T40" fmla="*/ 714 w 811"/>
              <a:gd name="T41" fmla="*/ 137 h 927"/>
              <a:gd name="T42" fmla="*/ 712 w 811"/>
              <a:gd name="T43" fmla="*/ 233 h 927"/>
              <a:gd name="T44" fmla="*/ 742 w 811"/>
              <a:gd name="T45" fmla="*/ 296 h 927"/>
              <a:gd name="T46" fmla="*/ 762 w 811"/>
              <a:gd name="T47" fmla="*/ 370 h 927"/>
              <a:gd name="T48" fmla="*/ 800 w 811"/>
              <a:gd name="T49" fmla="*/ 419 h 927"/>
              <a:gd name="T50" fmla="*/ 811 w 811"/>
              <a:gd name="T51" fmla="*/ 479 h 927"/>
              <a:gd name="T52" fmla="*/ 764 w 811"/>
              <a:gd name="T53" fmla="*/ 455 h 927"/>
              <a:gd name="T54" fmla="*/ 748 w 811"/>
              <a:gd name="T55" fmla="*/ 479 h 927"/>
              <a:gd name="T56" fmla="*/ 632 w 811"/>
              <a:gd name="T57" fmla="*/ 526 h 927"/>
              <a:gd name="T58" fmla="*/ 609 w 811"/>
              <a:gd name="T59" fmla="*/ 542 h 927"/>
              <a:gd name="T60" fmla="*/ 556 w 811"/>
              <a:gd name="T61" fmla="*/ 560 h 927"/>
              <a:gd name="T62" fmla="*/ 587 w 811"/>
              <a:gd name="T63" fmla="*/ 623 h 927"/>
              <a:gd name="T64" fmla="*/ 643 w 811"/>
              <a:gd name="T65" fmla="*/ 678 h 927"/>
              <a:gd name="T66" fmla="*/ 696 w 811"/>
              <a:gd name="T67" fmla="*/ 712 h 927"/>
              <a:gd name="T68" fmla="*/ 723 w 811"/>
              <a:gd name="T69" fmla="*/ 764 h 927"/>
              <a:gd name="T70" fmla="*/ 679 w 811"/>
              <a:gd name="T71" fmla="*/ 791 h 927"/>
              <a:gd name="T72" fmla="*/ 652 w 811"/>
              <a:gd name="T73" fmla="*/ 847 h 927"/>
              <a:gd name="T74" fmla="*/ 640 w 811"/>
              <a:gd name="T75" fmla="*/ 896 h 927"/>
              <a:gd name="T76" fmla="*/ 540 w 811"/>
              <a:gd name="T77" fmla="*/ 880 h 927"/>
              <a:gd name="T78" fmla="*/ 452 w 811"/>
              <a:gd name="T79" fmla="*/ 893 h 927"/>
              <a:gd name="T80" fmla="*/ 396 w 811"/>
              <a:gd name="T81" fmla="*/ 927 h 927"/>
              <a:gd name="T82" fmla="*/ 334 w 811"/>
              <a:gd name="T83" fmla="*/ 896 h 927"/>
              <a:gd name="T84" fmla="*/ 271 w 811"/>
              <a:gd name="T85" fmla="*/ 880 h 927"/>
              <a:gd name="T86" fmla="*/ 238 w 811"/>
              <a:gd name="T87" fmla="*/ 894 h 927"/>
              <a:gd name="T88" fmla="*/ 150 w 811"/>
              <a:gd name="T89" fmla="*/ 887 h 927"/>
              <a:gd name="T90" fmla="*/ 222 w 811"/>
              <a:gd name="T91" fmla="*/ 710 h 927"/>
              <a:gd name="T92" fmla="*/ 63 w 811"/>
              <a:gd name="T93" fmla="*/ 654 h 927"/>
              <a:gd name="T94" fmla="*/ 0 w 811"/>
              <a:gd name="T95" fmla="*/ 589 h 927"/>
              <a:gd name="T96" fmla="*/ 65 w 811"/>
              <a:gd name="T97" fmla="*/ 537 h 927"/>
              <a:gd name="T98" fmla="*/ 40 w 811"/>
              <a:gd name="T99" fmla="*/ 504 h 927"/>
              <a:gd name="T100" fmla="*/ 49 w 811"/>
              <a:gd name="T101" fmla="*/ 461 h 927"/>
              <a:gd name="T102" fmla="*/ 56 w 811"/>
              <a:gd name="T103" fmla="*/ 412 h 927"/>
              <a:gd name="T104" fmla="*/ 110 w 811"/>
              <a:gd name="T105" fmla="*/ 360 h 927"/>
              <a:gd name="T106" fmla="*/ 117 w 811"/>
              <a:gd name="T107" fmla="*/ 334 h 927"/>
              <a:gd name="T108" fmla="*/ 107 w 811"/>
              <a:gd name="T109" fmla="*/ 275 h 927"/>
              <a:gd name="T110" fmla="*/ 157 w 811"/>
              <a:gd name="T111" fmla="*/ 197 h 927"/>
              <a:gd name="T112" fmla="*/ 128 w 811"/>
              <a:gd name="T113" fmla="*/ 181 h 9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811" h="927">
                <a:moveTo>
                  <a:pt x="128" y="181"/>
                </a:moveTo>
                <a:lnTo>
                  <a:pt x="157" y="145"/>
                </a:lnTo>
                <a:lnTo>
                  <a:pt x="222" y="145"/>
                </a:lnTo>
                <a:lnTo>
                  <a:pt x="237" y="190"/>
                </a:lnTo>
                <a:lnTo>
                  <a:pt x="260" y="197"/>
                </a:lnTo>
                <a:lnTo>
                  <a:pt x="260" y="136"/>
                </a:lnTo>
                <a:lnTo>
                  <a:pt x="273" y="123"/>
                </a:lnTo>
                <a:lnTo>
                  <a:pt x="284" y="132"/>
                </a:lnTo>
                <a:lnTo>
                  <a:pt x="318" y="136"/>
                </a:lnTo>
                <a:lnTo>
                  <a:pt x="293" y="123"/>
                </a:lnTo>
                <a:lnTo>
                  <a:pt x="296" y="83"/>
                </a:lnTo>
                <a:lnTo>
                  <a:pt x="260" y="74"/>
                </a:lnTo>
                <a:lnTo>
                  <a:pt x="298" y="58"/>
                </a:lnTo>
                <a:lnTo>
                  <a:pt x="262" y="16"/>
                </a:lnTo>
                <a:lnTo>
                  <a:pt x="267" y="0"/>
                </a:lnTo>
                <a:lnTo>
                  <a:pt x="340" y="16"/>
                </a:lnTo>
                <a:lnTo>
                  <a:pt x="381" y="22"/>
                </a:lnTo>
                <a:lnTo>
                  <a:pt x="378" y="58"/>
                </a:lnTo>
                <a:lnTo>
                  <a:pt x="392" y="72"/>
                </a:lnTo>
                <a:lnTo>
                  <a:pt x="423" y="71"/>
                </a:lnTo>
                <a:lnTo>
                  <a:pt x="437" y="74"/>
                </a:lnTo>
                <a:lnTo>
                  <a:pt x="457" y="63"/>
                </a:lnTo>
                <a:lnTo>
                  <a:pt x="472" y="67"/>
                </a:lnTo>
                <a:lnTo>
                  <a:pt x="466" y="92"/>
                </a:lnTo>
                <a:lnTo>
                  <a:pt x="444" y="119"/>
                </a:lnTo>
                <a:lnTo>
                  <a:pt x="472" y="110"/>
                </a:lnTo>
                <a:lnTo>
                  <a:pt x="482" y="123"/>
                </a:lnTo>
                <a:lnTo>
                  <a:pt x="517" y="90"/>
                </a:lnTo>
                <a:lnTo>
                  <a:pt x="555" y="98"/>
                </a:lnTo>
                <a:lnTo>
                  <a:pt x="578" y="56"/>
                </a:lnTo>
                <a:lnTo>
                  <a:pt x="612" y="60"/>
                </a:lnTo>
                <a:lnTo>
                  <a:pt x="627" y="42"/>
                </a:lnTo>
                <a:lnTo>
                  <a:pt x="643" y="22"/>
                </a:lnTo>
                <a:lnTo>
                  <a:pt x="656" y="36"/>
                </a:lnTo>
                <a:lnTo>
                  <a:pt x="663" y="43"/>
                </a:lnTo>
                <a:lnTo>
                  <a:pt x="676" y="65"/>
                </a:lnTo>
                <a:lnTo>
                  <a:pt x="667" y="78"/>
                </a:lnTo>
                <a:lnTo>
                  <a:pt x="649" y="83"/>
                </a:lnTo>
                <a:lnTo>
                  <a:pt x="650" y="98"/>
                </a:lnTo>
                <a:lnTo>
                  <a:pt x="686" y="98"/>
                </a:lnTo>
                <a:lnTo>
                  <a:pt x="686" y="130"/>
                </a:lnTo>
                <a:lnTo>
                  <a:pt x="714" y="137"/>
                </a:lnTo>
                <a:lnTo>
                  <a:pt x="742" y="197"/>
                </a:lnTo>
                <a:lnTo>
                  <a:pt x="712" y="233"/>
                </a:lnTo>
                <a:lnTo>
                  <a:pt x="750" y="264"/>
                </a:lnTo>
                <a:lnTo>
                  <a:pt x="742" y="296"/>
                </a:lnTo>
                <a:lnTo>
                  <a:pt x="770" y="336"/>
                </a:lnTo>
                <a:lnTo>
                  <a:pt x="762" y="370"/>
                </a:lnTo>
                <a:lnTo>
                  <a:pt x="773" y="392"/>
                </a:lnTo>
                <a:lnTo>
                  <a:pt x="800" y="419"/>
                </a:lnTo>
                <a:lnTo>
                  <a:pt x="811" y="461"/>
                </a:lnTo>
                <a:lnTo>
                  <a:pt x="811" y="479"/>
                </a:lnTo>
                <a:lnTo>
                  <a:pt x="786" y="479"/>
                </a:lnTo>
                <a:lnTo>
                  <a:pt x="764" y="455"/>
                </a:lnTo>
                <a:lnTo>
                  <a:pt x="746" y="461"/>
                </a:lnTo>
                <a:lnTo>
                  <a:pt x="748" y="479"/>
                </a:lnTo>
                <a:lnTo>
                  <a:pt x="665" y="526"/>
                </a:lnTo>
                <a:lnTo>
                  <a:pt x="632" y="526"/>
                </a:lnTo>
                <a:lnTo>
                  <a:pt x="627" y="542"/>
                </a:lnTo>
                <a:lnTo>
                  <a:pt x="609" y="542"/>
                </a:lnTo>
                <a:lnTo>
                  <a:pt x="578" y="569"/>
                </a:lnTo>
                <a:lnTo>
                  <a:pt x="556" y="560"/>
                </a:lnTo>
                <a:lnTo>
                  <a:pt x="594" y="602"/>
                </a:lnTo>
                <a:lnTo>
                  <a:pt x="587" y="623"/>
                </a:lnTo>
                <a:lnTo>
                  <a:pt x="614" y="667"/>
                </a:lnTo>
                <a:lnTo>
                  <a:pt x="643" y="678"/>
                </a:lnTo>
                <a:lnTo>
                  <a:pt x="656" y="699"/>
                </a:lnTo>
                <a:lnTo>
                  <a:pt x="696" y="712"/>
                </a:lnTo>
                <a:lnTo>
                  <a:pt x="723" y="739"/>
                </a:lnTo>
                <a:lnTo>
                  <a:pt x="723" y="764"/>
                </a:lnTo>
                <a:lnTo>
                  <a:pt x="683" y="775"/>
                </a:lnTo>
                <a:lnTo>
                  <a:pt x="679" y="791"/>
                </a:lnTo>
                <a:lnTo>
                  <a:pt x="630" y="822"/>
                </a:lnTo>
                <a:lnTo>
                  <a:pt x="652" y="847"/>
                </a:lnTo>
                <a:lnTo>
                  <a:pt x="641" y="875"/>
                </a:lnTo>
                <a:lnTo>
                  <a:pt x="640" y="896"/>
                </a:lnTo>
                <a:lnTo>
                  <a:pt x="582" y="862"/>
                </a:lnTo>
                <a:lnTo>
                  <a:pt x="540" y="880"/>
                </a:lnTo>
                <a:lnTo>
                  <a:pt x="475" y="914"/>
                </a:lnTo>
                <a:lnTo>
                  <a:pt x="452" y="893"/>
                </a:lnTo>
                <a:lnTo>
                  <a:pt x="425" y="889"/>
                </a:lnTo>
                <a:lnTo>
                  <a:pt x="396" y="927"/>
                </a:lnTo>
                <a:lnTo>
                  <a:pt x="374" y="893"/>
                </a:lnTo>
                <a:lnTo>
                  <a:pt x="334" y="896"/>
                </a:lnTo>
                <a:lnTo>
                  <a:pt x="307" y="878"/>
                </a:lnTo>
                <a:lnTo>
                  <a:pt x="271" y="880"/>
                </a:lnTo>
                <a:lnTo>
                  <a:pt x="246" y="864"/>
                </a:lnTo>
                <a:lnTo>
                  <a:pt x="238" y="894"/>
                </a:lnTo>
                <a:lnTo>
                  <a:pt x="190" y="889"/>
                </a:lnTo>
                <a:lnTo>
                  <a:pt x="150" y="887"/>
                </a:lnTo>
                <a:lnTo>
                  <a:pt x="168" y="793"/>
                </a:lnTo>
                <a:lnTo>
                  <a:pt x="222" y="710"/>
                </a:lnTo>
                <a:lnTo>
                  <a:pt x="107" y="706"/>
                </a:lnTo>
                <a:lnTo>
                  <a:pt x="63" y="654"/>
                </a:lnTo>
                <a:lnTo>
                  <a:pt x="25" y="650"/>
                </a:lnTo>
                <a:lnTo>
                  <a:pt x="0" y="589"/>
                </a:lnTo>
                <a:lnTo>
                  <a:pt x="18" y="562"/>
                </a:lnTo>
                <a:lnTo>
                  <a:pt x="65" y="537"/>
                </a:lnTo>
                <a:lnTo>
                  <a:pt x="60" y="524"/>
                </a:lnTo>
                <a:lnTo>
                  <a:pt x="40" y="504"/>
                </a:lnTo>
                <a:lnTo>
                  <a:pt x="31" y="472"/>
                </a:lnTo>
                <a:lnTo>
                  <a:pt x="49" y="461"/>
                </a:lnTo>
                <a:lnTo>
                  <a:pt x="45" y="443"/>
                </a:lnTo>
                <a:lnTo>
                  <a:pt x="56" y="412"/>
                </a:lnTo>
                <a:lnTo>
                  <a:pt x="38" y="361"/>
                </a:lnTo>
                <a:lnTo>
                  <a:pt x="110" y="360"/>
                </a:lnTo>
                <a:lnTo>
                  <a:pt x="101" y="332"/>
                </a:lnTo>
                <a:lnTo>
                  <a:pt x="117" y="334"/>
                </a:lnTo>
                <a:lnTo>
                  <a:pt x="125" y="302"/>
                </a:lnTo>
                <a:lnTo>
                  <a:pt x="107" y="275"/>
                </a:lnTo>
                <a:lnTo>
                  <a:pt x="126" y="267"/>
                </a:lnTo>
                <a:lnTo>
                  <a:pt x="157" y="197"/>
                </a:lnTo>
                <a:lnTo>
                  <a:pt x="143" y="197"/>
                </a:lnTo>
                <a:lnTo>
                  <a:pt x="128" y="181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4" name="Luxembourg"/>
          <p:cNvSpPr>
            <a:spLocks/>
          </p:cNvSpPr>
          <p:nvPr/>
        </p:nvSpPr>
        <p:spPr bwMode="auto">
          <a:xfrm>
            <a:off x="8288863" y="4259263"/>
            <a:ext cx="100013" cy="103188"/>
          </a:xfrm>
          <a:custGeom>
            <a:avLst/>
            <a:gdLst>
              <a:gd name="T0" fmla="*/ 23 w 63"/>
              <a:gd name="T1" fmla="*/ 7 h 65"/>
              <a:gd name="T2" fmla="*/ 0 w 63"/>
              <a:gd name="T3" fmla="*/ 0 h 65"/>
              <a:gd name="T4" fmla="*/ 25 w 63"/>
              <a:gd name="T5" fmla="*/ 61 h 65"/>
              <a:gd name="T6" fmla="*/ 63 w 63"/>
              <a:gd name="T7" fmla="*/ 65 h 65"/>
              <a:gd name="T8" fmla="*/ 54 w 63"/>
              <a:gd name="T9" fmla="*/ 33 h 65"/>
              <a:gd name="T10" fmla="*/ 23 w 63"/>
              <a:gd name="T11" fmla="*/ 7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63" h="65">
                <a:moveTo>
                  <a:pt x="23" y="7"/>
                </a:moveTo>
                <a:lnTo>
                  <a:pt x="0" y="0"/>
                </a:lnTo>
                <a:lnTo>
                  <a:pt x="25" y="61"/>
                </a:lnTo>
                <a:lnTo>
                  <a:pt x="63" y="65"/>
                </a:lnTo>
                <a:lnTo>
                  <a:pt x="54" y="33"/>
                </a:lnTo>
                <a:lnTo>
                  <a:pt x="23" y="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55" name="Ireland"/>
          <p:cNvGrpSpPr/>
          <p:nvPr/>
        </p:nvGrpSpPr>
        <p:grpSpPr>
          <a:xfrm>
            <a:off x="6183838" y="3011488"/>
            <a:ext cx="760413" cy="677863"/>
            <a:chOff x="6204858" y="3011488"/>
            <a:chExt cx="760413" cy="677863"/>
          </a:xfrm>
          <a:solidFill>
            <a:schemeClr val="accent3"/>
          </a:solidFill>
        </p:grpSpPr>
        <p:sp>
          <p:nvSpPr>
            <p:cNvPr id="56" name="Ireland"/>
            <p:cNvSpPr>
              <a:spLocks/>
            </p:cNvSpPr>
            <p:nvPr/>
          </p:nvSpPr>
          <p:spPr bwMode="auto">
            <a:xfrm>
              <a:off x="6204858" y="3011488"/>
              <a:ext cx="630238" cy="677863"/>
            </a:xfrm>
            <a:custGeom>
              <a:avLst/>
              <a:gdLst>
                <a:gd name="T0" fmla="*/ 347 w 397"/>
                <a:gd name="T1" fmla="*/ 155 h 427"/>
                <a:gd name="T2" fmla="*/ 322 w 397"/>
                <a:gd name="T3" fmla="*/ 174 h 427"/>
                <a:gd name="T4" fmla="*/ 276 w 397"/>
                <a:gd name="T5" fmla="*/ 145 h 427"/>
                <a:gd name="T6" fmla="*/ 287 w 397"/>
                <a:gd name="T7" fmla="*/ 101 h 427"/>
                <a:gd name="T8" fmla="*/ 329 w 397"/>
                <a:gd name="T9" fmla="*/ 85 h 427"/>
                <a:gd name="T10" fmla="*/ 338 w 397"/>
                <a:gd name="T11" fmla="*/ 78 h 427"/>
                <a:gd name="T12" fmla="*/ 354 w 397"/>
                <a:gd name="T13" fmla="*/ 33 h 427"/>
                <a:gd name="T14" fmla="*/ 341 w 397"/>
                <a:gd name="T15" fmla="*/ 18 h 427"/>
                <a:gd name="T16" fmla="*/ 303 w 397"/>
                <a:gd name="T17" fmla="*/ 0 h 427"/>
                <a:gd name="T18" fmla="*/ 262 w 397"/>
                <a:gd name="T19" fmla="*/ 18 h 427"/>
                <a:gd name="T20" fmla="*/ 262 w 397"/>
                <a:gd name="T21" fmla="*/ 45 h 427"/>
                <a:gd name="T22" fmla="*/ 229 w 397"/>
                <a:gd name="T23" fmla="*/ 45 h 427"/>
                <a:gd name="T24" fmla="*/ 231 w 397"/>
                <a:gd name="T25" fmla="*/ 62 h 427"/>
                <a:gd name="T26" fmla="*/ 262 w 397"/>
                <a:gd name="T27" fmla="*/ 80 h 427"/>
                <a:gd name="T28" fmla="*/ 224 w 397"/>
                <a:gd name="T29" fmla="*/ 101 h 427"/>
                <a:gd name="T30" fmla="*/ 199 w 397"/>
                <a:gd name="T31" fmla="*/ 103 h 427"/>
                <a:gd name="T32" fmla="*/ 163 w 397"/>
                <a:gd name="T33" fmla="*/ 76 h 427"/>
                <a:gd name="T34" fmla="*/ 107 w 397"/>
                <a:gd name="T35" fmla="*/ 87 h 427"/>
                <a:gd name="T36" fmla="*/ 137 w 397"/>
                <a:gd name="T37" fmla="*/ 134 h 427"/>
                <a:gd name="T38" fmla="*/ 79 w 397"/>
                <a:gd name="T39" fmla="*/ 155 h 427"/>
                <a:gd name="T40" fmla="*/ 72 w 397"/>
                <a:gd name="T41" fmla="*/ 172 h 427"/>
                <a:gd name="T42" fmla="*/ 116 w 397"/>
                <a:gd name="T43" fmla="*/ 181 h 427"/>
                <a:gd name="T44" fmla="*/ 117 w 397"/>
                <a:gd name="T45" fmla="*/ 208 h 427"/>
                <a:gd name="T46" fmla="*/ 168 w 397"/>
                <a:gd name="T47" fmla="*/ 213 h 427"/>
                <a:gd name="T48" fmla="*/ 137 w 397"/>
                <a:gd name="T49" fmla="*/ 228 h 427"/>
                <a:gd name="T50" fmla="*/ 117 w 397"/>
                <a:gd name="T51" fmla="*/ 242 h 427"/>
                <a:gd name="T52" fmla="*/ 99 w 397"/>
                <a:gd name="T53" fmla="*/ 266 h 427"/>
                <a:gd name="T54" fmla="*/ 94 w 397"/>
                <a:gd name="T55" fmla="*/ 293 h 427"/>
                <a:gd name="T56" fmla="*/ 54 w 397"/>
                <a:gd name="T57" fmla="*/ 298 h 427"/>
                <a:gd name="T58" fmla="*/ 51 w 397"/>
                <a:gd name="T59" fmla="*/ 309 h 427"/>
                <a:gd name="T60" fmla="*/ 16 w 397"/>
                <a:gd name="T61" fmla="*/ 318 h 427"/>
                <a:gd name="T62" fmla="*/ 36 w 397"/>
                <a:gd name="T63" fmla="*/ 342 h 427"/>
                <a:gd name="T64" fmla="*/ 0 w 397"/>
                <a:gd name="T65" fmla="*/ 354 h 427"/>
                <a:gd name="T66" fmla="*/ 23 w 397"/>
                <a:gd name="T67" fmla="*/ 380 h 427"/>
                <a:gd name="T68" fmla="*/ 38 w 397"/>
                <a:gd name="T69" fmla="*/ 396 h 427"/>
                <a:gd name="T70" fmla="*/ 32 w 397"/>
                <a:gd name="T71" fmla="*/ 427 h 427"/>
                <a:gd name="T72" fmla="*/ 78 w 397"/>
                <a:gd name="T73" fmla="*/ 417 h 427"/>
                <a:gd name="T74" fmla="*/ 145 w 397"/>
                <a:gd name="T75" fmla="*/ 417 h 427"/>
                <a:gd name="T76" fmla="*/ 168 w 397"/>
                <a:gd name="T77" fmla="*/ 396 h 427"/>
                <a:gd name="T78" fmla="*/ 179 w 397"/>
                <a:gd name="T79" fmla="*/ 410 h 427"/>
                <a:gd name="T80" fmla="*/ 226 w 397"/>
                <a:gd name="T81" fmla="*/ 392 h 427"/>
                <a:gd name="T82" fmla="*/ 258 w 397"/>
                <a:gd name="T83" fmla="*/ 385 h 427"/>
                <a:gd name="T84" fmla="*/ 305 w 397"/>
                <a:gd name="T85" fmla="*/ 385 h 427"/>
                <a:gd name="T86" fmla="*/ 336 w 397"/>
                <a:gd name="T87" fmla="*/ 385 h 427"/>
                <a:gd name="T88" fmla="*/ 354 w 397"/>
                <a:gd name="T89" fmla="*/ 347 h 427"/>
                <a:gd name="T90" fmla="*/ 392 w 397"/>
                <a:gd name="T91" fmla="*/ 298 h 427"/>
                <a:gd name="T92" fmla="*/ 383 w 397"/>
                <a:gd name="T93" fmla="*/ 271 h 427"/>
                <a:gd name="T94" fmla="*/ 394 w 397"/>
                <a:gd name="T95" fmla="*/ 190 h 427"/>
                <a:gd name="T96" fmla="*/ 397 w 397"/>
                <a:gd name="T97" fmla="*/ 186 h 427"/>
                <a:gd name="T98" fmla="*/ 387 w 397"/>
                <a:gd name="T99" fmla="*/ 161 h 427"/>
                <a:gd name="T100" fmla="*/ 347 w 397"/>
                <a:gd name="T101" fmla="*/ 155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97" h="427">
                  <a:moveTo>
                    <a:pt x="347" y="155"/>
                  </a:moveTo>
                  <a:lnTo>
                    <a:pt x="322" y="174"/>
                  </a:lnTo>
                  <a:lnTo>
                    <a:pt x="276" y="145"/>
                  </a:lnTo>
                  <a:lnTo>
                    <a:pt x="287" y="101"/>
                  </a:lnTo>
                  <a:lnTo>
                    <a:pt x="329" y="85"/>
                  </a:lnTo>
                  <a:lnTo>
                    <a:pt x="338" y="78"/>
                  </a:lnTo>
                  <a:lnTo>
                    <a:pt x="354" y="33"/>
                  </a:lnTo>
                  <a:lnTo>
                    <a:pt x="341" y="18"/>
                  </a:lnTo>
                  <a:lnTo>
                    <a:pt x="303" y="0"/>
                  </a:lnTo>
                  <a:lnTo>
                    <a:pt x="262" y="18"/>
                  </a:lnTo>
                  <a:lnTo>
                    <a:pt x="262" y="45"/>
                  </a:lnTo>
                  <a:lnTo>
                    <a:pt x="229" y="45"/>
                  </a:lnTo>
                  <a:lnTo>
                    <a:pt x="231" y="62"/>
                  </a:lnTo>
                  <a:lnTo>
                    <a:pt x="262" y="80"/>
                  </a:lnTo>
                  <a:lnTo>
                    <a:pt x="224" y="101"/>
                  </a:lnTo>
                  <a:lnTo>
                    <a:pt x="199" y="103"/>
                  </a:lnTo>
                  <a:lnTo>
                    <a:pt x="163" y="76"/>
                  </a:lnTo>
                  <a:lnTo>
                    <a:pt x="107" y="87"/>
                  </a:lnTo>
                  <a:lnTo>
                    <a:pt x="137" y="134"/>
                  </a:lnTo>
                  <a:lnTo>
                    <a:pt x="79" y="155"/>
                  </a:lnTo>
                  <a:lnTo>
                    <a:pt x="72" y="172"/>
                  </a:lnTo>
                  <a:lnTo>
                    <a:pt x="116" y="181"/>
                  </a:lnTo>
                  <a:lnTo>
                    <a:pt x="117" y="208"/>
                  </a:lnTo>
                  <a:lnTo>
                    <a:pt x="168" y="213"/>
                  </a:lnTo>
                  <a:lnTo>
                    <a:pt x="137" y="228"/>
                  </a:lnTo>
                  <a:lnTo>
                    <a:pt x="117" y="242"/>
                  </a:lnTo>
                  <a:lnTo>
                    <a:pt x="99" y="266"/>
                  </a:lnTo>
                  <a:lnTo>
                    <a:pt x="94" y="293"/>
                  </a:lnTo>
                  <a:lnTo>
                    <a:pt x="54" y="298"/>
                  </a:lnTo>
                  <a:lnTo>
                    <a:pt x="51" y="309"/>
                  </a:lnTo>
                  <a:lnTo>
                    <a:pt x="16" y="318"/>
                  </a:lnTo>
                  <a:lnTo>
                    <a:pt x="36" y="342"/>
                  </a:lnTo>
                  <a:lnTo>
                    <a:pt x="0" y="354"/>
                  </a:lnTo>
                  <a:lnTo>
                    <a:pt x="23" y="380"/>
                  </a:lnTo>
                  <a:lnTo>
                    <a:pt x="38" y="396"/>
                  </a:lnTo>
                  <a:lnTo>
                    <a:pt x="32" y="427"/>
                  </a:lnTo>
                  <a:lnTo>
                    <a:pt x="78" y="417"/>
                  </a:lnTo>
                  <a:lnTo>
                    <a:pt x="145" y="417"/>
                  </a:lnTo>
                  <a:lnTo>
                    <a:pt x="168" y="396"/>
                  </a:lnTo>
                  <a:lnTo>
                    <a:pt x="179" y="410"/>
                  </a:lnTo>
                  <a:lnTo>
                    <a:pt x="226" y="392"/>
                  </a:lnTo>
                  <a:lnTo>
                    <a:pt x="258" y="385"/>
                  </a:lnTo>
                  <a:lnTo>
                    <a:pt x="305" y="385"/>
                  </a:lnTo>
                  <a:lnTo>
                    <a:pt x="336" y="385"/>
                  </a:lnTo>
                  <a:lnTo>
                    <a:pt x="354" y="347"/>
                  </a:lnTo>
                  <a:lnTo>
                    <a:pt x="392" y="298"/>
                  </a:lnTo>
                  <a:lnTo>
                    <a:pt x="383" y="271"/>
                  </a:lnTo>
                  <a:lnTo>
                    <a:pt x="394" y="190"/>
                  </a:lnTo>
                  <a:lnTo>
                    <a:pt x="397" y="186"/>
                  </a:lnTo>
                  <a:lnTo>
                    <a:pt x="387" y="161"/>
                  </a:lnTo>
                  <a:lnTo>
                    <a:pt x="347" y="1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7" name="Ireland"/>
            <p:cNvSpPr>
              <a:spLocks/>
            </p:cNvSpPr>
            <p:nvPr/>
          </p:nvSpPr>
          <p:spPr bwMode="auto">
            <a:xfrm>
              <a:off x="6643008" y="3049588"/>
              <a:ext cx="322263" cy="257175"/>
            </a:xfrm>
            <a:custGeom>
              <a:avLst/>
              <a:gdLst>
                <a:gd name="T0" fmla="*/ 203 w 203"/>
                <a:gd name="T1" fmla="*/ 122 h 162"/>
                <a:gd name="T2" fmla="*/ 194 w 203"/>
                <a:gd name="T3" fmla="*/ 66 h 162"/>
                <a:gd name="T4" fmla="*/ 177 w 203"/>
                <a:gd name="T5" fmla="*/ 57 h 162"/>
                <a:gd name="T6" fmla="*/ 177 w 203"/>
                <a:gd name="T7" fmla="*/ 12 h 162"/>
                <a:gd name="T8" fmla="*/ 150 w 203"/>
                <a:gd name="T9" fmla="*/ 0 h 162"/>
                <a:gd name="T10" fmla="*/ 130 w 203"/>
                <a:gd name="T11" fmla="*/ 7 h 162"/>
                <a:gd name="T12" fmla="*/ 109 w 203"/>
                <a:gd name="T13" fmla="*/ 0 h 162"/>
                <a:gd name="T14" fmla="*/ 82 w 203"/>
                <a:gd name="T15" fmla="*/ 12 h 162"/>
                <a:gd name="T16" fmla="*/ 78 w 203"/>
                <a:gd name="T17" fmla="*/ 9 h 162"/>
                <a:gd name="T18" fmla="*/ 62 w 203"/>
                <a:gd name="T19" fmla="*/ 54 h 162"/>
                <a:gd name="T20" fmla="*/ 53 w 203"/>
                <a:gd name="T21" fmla="*/ 61 h 162"/>
                <a:gd name="T22" fmla="*/ 11 w 203"/>
                <a:gd name="T23" fmla="*/ 77 h 162"/>
                <a:gd name="T24" fmla="*/ 0 w 203"/>
                <a:gd name="T25" fmla="*/ 121 h 162"/>
                <a:gd name="T26" fmla="*/ 46 w 203"/>
                <a:gd name="T27" fmla="*/ 150 h 162"/>
                <a:gd name="T28" fmla="*/ 71 w 203"/>
                <a:gd name="T29" fmla="*/ 131 h 162"/>
                <a:gd name="T30" fmla="*/ 111 w 203"/>
                <a:gd name="T31" fmla="*/ 137 h 162"/>
                <a:gd name="T32" fmla="*/ 121 w 203"/>
                <a:gd name="T33" fmla="*/ 162 h 162"/>
                <a:gd name="T34" fmla="*/ 154 w 203"/>
                <a:gd name="T35" fmla="*/ 131 h 162"/>
                <a:gd name="T36" fmla="*/ 203 w 203"/>
                <a:gd name="T37" fmla="*/ 122 h 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3" h="162">
                  <a:moveTo>
                    <a:pt x="203" y="122"/>
                  </a:moveTo>
                  <a:lnTo>
                    <a:pt x="194" y="66"/>
                  </a:lnTo>
                  <a:lnTo>
                    <a:pt x="177" y="57"/>
                  </a:lnTo>
                  <a:lnTo>
                    <a:pt x="177" y="12"/>
                  </a:lnTo>
                  <a:lnTo>
                    <a:pt x="150" y="0"/>
                  </a:lnTo>
                  <a:lnTo>
                    <a:pt x="130" y="7"/>
                  </a:lnTo>
                  <a:lnTo>
                    <a:pt x="109" y="0"/>
                  </a:lnTo>
                  <a:lnTo>
                    <a:pt x="82" y="12"/>
                  </a:lnTo>
                  <a:lnTo>
                    <a:pt x="78" y="9"/>
                  </a:lnTo>
                  <a:lnTo>
                    <a:pt x="62" y="54"/>
                  </a:lnTo>
                  <a:lnTo>
                    <a:pt x="53" y="61"/>
                  </a:lnTo>
                  <a:lnTo>
                    <a:pt x="11" y="77"/>
                  </a:lnTo>
                  <a:lnTo>
                    <a:pt x="0" y="121"/>
                  </a:lnTo>
                  <a:lnTo>
                    <a:pt x="46" y="150"/>
                  </a:lnTo>
                  <a:lnTo>
                    <a:pt x="71" y="131"/>
                  </a:lnTo>
                  <a:lnTo>
                    <a:pt x="111" y="137"/>
                  </a:lnTo>
                  <a:lnTo>
                    <a:pt x="121" y="162"/>
                  </a:lnTo>
                  <a:lnTo>
                    <a:pt x="154" y="131"/>
                  </a:lnTo>
                  <a:lnTo>
                    <a:pt x="203" y="12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58" name="UK"/>
          <p:cNvGrpSpPr/>
          <p:nvPr/>
        </p:nvGrpSpPr>
        <p:grpSpPr>
          <a:xfrm>
            <a:off x="6717238" y="2435225"/>
            <a:ext cx="1087438" cy="1638301"/>
            <a:chOff x="6738258" y="2435225"/>
            <a:chExt cx="1087438" cy="1638301"/>
          </a:xfrm>
          <a:solidFill>
            <a:schemeClr val="accent3"/>
          </a:solidFill>
        </p:grpSpPr>
        <p:sp>
          <p:nvSpPr>
            <p:cNvPr id="59" name="UK"/>
            <p:cNvSpPr>
              <a:spLocks/>
            </p:cNvSpPr>
            <p:nvPr/>
          </p:nvSpPr>
          <p:spPr bwMode="auto">
            <a:xfrm>
              <a:off x="6933521" y="2435225"/>
              <a:ext cx="174625" cy="128588"/>
            </a:xfrm>
            <a:custGeom>
              <a:avLst/>
              <a:gdLst>
                <a:gd name="T0" fmla="*/ 41 w 110"/>
                <a:gd name="T1" fmla="*/ 29 h 81"/>
                <a:gd name="T2" fmla="*/ 58 w 110"/>
                <a:gd name="T3" fmla="*/ 5 h 81"/>
                <a:gd name="T4" fmla="*/ 110 w 110"/>
                <a:gd name="T5" fmla="*/ 0 h 81"/>
                <a:gd name="T6" fmla="*/ 76 w 110"/>
                <a:gd name="T7" fmla="*/ 67 h 81"/>
                <a:gd name="T8" fmla="*/ 49 w 110"/>
                <a:gd name="T9" fmla="*/ 58 h 81"/>
                <a:gd name="T10" fmla="*/ 14 w 110"/>
                <a:gd name="T11" fmla="*/ 81 h 81"/>
                <a:gd name="T12" fmla="*/ 0 w 110"/>
                <a:gd name="T13" fmla="*/ 69 h 81"/>
                <a:gd name="T14" fmla="*/ 9 w 110"/>
                <a:gd name="T15" fmla="*/ 40 h 81"/>
                <a:gd name="T16" fmla="*/ 20 w 110"/>
                <a:gd name="T17" fmla="*/ 23 h 81"/>
                <a:gd name="T18" fmla="*/ 41 w 110"/>
                <a:gd name="T19" fmla="*/ 29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0" h="81">
                  <a:moveTo>
                    <a:pt x="41" y="29"/>
                  </a:moveTo>
                  <a:lnTo>
                    <a:pt x="58" y="5"/>
                  </a:lnTo>
                  <a:lnTo>
                    <a:pt x="110" y="0"/>
                  </a:lnTo>
                  <a:lnTo>
                    <a:pt x="76" y="67"/>
                  </a:lnTo>
                  <a:lnTo>
                    <a:pt x="49" y="58"/>
                  </a:lnTo>
                  <a:lnTo>
                    <a:pt x="14" y="81"/>
                  </a:lnTo>
                  <a:lnTo>
                    <a:pt x="0" y="69"/>
                  </a:lnTo>
                  <a:lnTo>
                    <a:pt x="9" y="40"/>
                  </a:lnTo>
                  <a:lnTo>
                    <a:pt x="20" y="23"/>
                  </a:lnTo>
                  <a:lnTo>
                    <a:pt x="41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0" name="UK"/>
            <p:cNvSpPr>
              <a:spLocks/>
            </p:cNvSpPr>
            <p:nvPr/>
          </p:nvSpPr>
          <p:spPr bwMode="auto">
            <a:xfrm>
              <a:off x="6738258" y="2443163"/>
              <a:ext cx="1087438" cy="1630363"/>
            </a:xfrm>
            <a:custGeom>
              <a:avLst/>
              <a:gdLst>
                <a:gd name="T0" fmla="*/ 349 w 685"/>
                <a:gd name="T1" fmla="*/ 27 h 1027"/>
                <a:gd name="T2" fmla="*/ 417 w 685"/>
                <a:gd name="T3" fmla="*/ 73 h 1027"/>
                <a:gd name="T4" fmla="*/ 394 w 685"/>
                <a:gd name="T5" fmla="*/ 134 h 1027"/>
                <a:gd name="T6" fmla="*/ 502 w 685"/>
                <a:gd name="T7" fmla="*/ 161 h 1027"/>
                <a:gd name="T8" fmla="*/ 406 w 685"/>
                <a:gd name="T9" fmla="*/ 286 h 1027"/>
                <a:gd name="T10" fmla="*/ 406 w 685"/>
                <a:gd name="T11" fmla="*/ 309 h 1027"/>
                <a:gd name="T12" fmla="*/ 363 w 685"/>
                <a:gd name="T13" fmla="*/ 344 h 1027"/>
                <a:gd name="T14" fmla="*/ 448 w 685"/>
                <a:gd name="T15" fmla="*/ 367 h 1027"/>
                <a:gd name="T16" fmla="*/ 482 w 685"/>
                <a:gd name="T17" fmla="*/ 521 h 1027"/>
                <a:gd name="T18" fmla="*/ 546 w 685"/>
                <a:gd name="T19" fmla="*/ 622 h 1027"/>
                <a:gd name="T20" fmla="*/ 549 w 685"/>
                <a:gd name="T21" fmla="*/ 745 h 1027"/>
                <a:gd name="T22" fmla="*/ 593 w 685"/>
                <a:gd name="T23" fmla="*/ 745 h 1027"/>
                <a:gd name="T24" fmla="*/ 685 w 685"/>
                <a:gd name="T25" fmla="*/ 792 h 1027"/>
                <a:gd name="T26" fmla="*/ 567 w 685"/>
                <a:gd name="T27" fmla="*/ 920 h 1027"/>
                <a:gd name="T28" fmla="*/ 636 w 685"/>
                <a:gd name="T29" fmla="*/ 943 h 1027"/>
                <a:gd name="T30" fmla="*/ 486 w 685"/>
                <a:gd name="T31" fmla="*/ 992 h 1027"/>
                <a:gd name="T32" fmla="*/ 383 w 685"/>
                <a:gd name="T33" fmla="*/ 976 h 1027"/>
                <a:gd name="T34" fmla="*/ 233 w 685"/>
                <a:gd name="T35" fmla="*/ 969 h 1027"/>
                <a:gd name="T36" fmla="*/ 179 w 685"/>
                <a:gd name="T37" fmla="*/ 1027 h 1027"/>
                <a:gd name="T38" fmla="*/ 40 w 685"/>
                <a:gd name="T39" fmla="*/ 1027 h 1027"/>
                <a:gd name="T40" fmla="*/ 0 w 685"/>
                <a:gd name="T41" fmla="*/ 992 h 1027"/>
                <a:gd name="T42" fmla="*/ 170 w 685"/>
                <a:gd name="T43" fmla="*/ 898 h 1027"/>
                <a:gd name="T44" fmla="*/ 240 w 685"/>
                <a:gd name="T45" fmla="*/ 922 h 1027"/>
                <a:gd name="T46" fmla="*/ 318 w 685"/>
                <a:gd name="T47" fmla="*/ 862 h 1027"/>
                <a:gd name="T48" fmla="*/ 204 w 685"/>
                <a:gd name="T49" fmla="*/ 871 h 1027"/>
                <a:gd name="T50" fmla="*/ 168 w 685"/>
                <a:gd name="T51" fmla="*/ 855 h 1027"/>
                <a:gd name="T52" fmla="*/ 110 w 685"/>
                <a:gd name="T53" fmla="*/ 842 h 1027"/>
                <a:gd name="T54" fmla="*/ 161 w 685"/>
                <a:gd name="T55" fmla="*/ 781 h 1027"/>
                <a:gd name="T56" fmla="*/ 202 w 685"/>
                <a:gd name="T57" fmla="*/ 694 h 1027"/>
                <a:gd name="T58" fmla="*/ 168 w 685"/>
                <a:gd name="T59" fmla="*/ 683 h 1027"/>
                <a:gd name="T60" fmla="*/ 302 w 685"/>
                <a:gd name="T61" fmla="*/ 651 h 1027"/>
                <a:gd name="T62" fmla="*/ 320 w 685"/>
                <a:gd name="T63" fmla="*/ 568 h 1027"/>
                <a:gd name="T64" fmla="*/ 316 w 685"/>
                <a:gd name="T65" fmla="*/ 476 h 1027"/>
                <a:gd name="T66" fmla="*/ 302 w 685"/>
                <a:gd name="T67" fmla="*/ 467 h 1027"/>
                <a:gd name="T68" fmla="*/ 233 w 685"/>
                <a:gd name="T69" fmla="*/ 450 h 1027"/>
                <a:gd name="T70" fmla="*/ 190 w 685"/>
                <a:gd name="T71" fmla="*/ 443 h 1027"/>
                <a:gd name="T72" fmla="*/ 224 w 685"/>
                <a:gd name="T73" fmla="*/ 344 h 1027"/>
                <a:gd name="T74" fmla="*/ 195 w 685"/>
                <a:gd name="T75" fmla="*/ 302 h 1027"/>
                <a:gd name="T76" fmla="*/ 161 w 685"/>
                <a:gd name="T77" fmla="*/ 389 h 1027"/>
                <a:gd name="T78" fmla="*/ 181 w 685"/>
                <a:gd name="T79" fmla="*/ 313 h 1027"/>
                <a:gd name="T80" fmla="*/ 202 w 685"/>
                <a:gd name="T81" fmla="*/ 241 h 1027"/>
                <a:gd name="T82" fmla="*/ 145 w 685"/>
                <a:gd name="T83" fmla="*/ 264 h 1027"/>
                <a:gd name="T84" fmla="*/ 222 w 685"/>
                <a:gd name="T85" fmla="*/ 183 h 1027"/>
                <a:gd name="T86" fmla="*/ 217 w 685"/>
                <a:gd name="T87" fmla="*/ 85 h 1027"/>
                <a:gd name="T88" fmla="*/ 304 w 685"/>
                <a:gd name="T89" fmla="*/ 0 h 10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685" h="1027">
                  <a:moveTo>
                    <a:pt x="304" y="0"/>
                  </a:moveTo>
                  <a:lnTo>
                    <a:pt x="349" y="27"/>
                  </a:lnTo>
                  <a:lnTo>
                    <a:pt x="446" y="27"/>
                  </a:lnTo>
                  <a:lnTo>
                    <a:pt x="417" y="73"/>
                  </a:lnTo>
                  <a:lnTo>
                    <a:pt x="320" y="134"/>
                  </a:lnTo>
                  <a:lnTo>
                    <a:pt x="394" y="134"/>
                  </a:lnTo>
                  <a:lnTo>
                    <a:pt x="428" y="149"/>
                  </a:lnTo>
                  <a:lnTo>
                    <a:pt x="502" y="161"/>
                  </a:lnTo>
                  <a:lnTo>
                    <a:pt x="509" y="181"/>
                  </a:lnTo>
                  <a:lnTo>
                    <a:pt x="406" y="286"/>
                  </a:lnTo>
                  <a:lnTo>
                    <a:pt x="379" y="297"/>
                  </a:lnTo>
                  <a:lnTo>
                    <a:pt x="406" y="309"/>
                  </a:lnTo>
                  <a:lnTo>
                    <a:pt x="350" y="329"/>
                  </a:lnTo>
                  <a:lnTo>
                    <a:pt x="363" y="344"/>
                  </a:lnTo>
                  <a:lnTo>
                    <a:pt x="385" y="344"/>
                  </a:lnTo>
                  <a:lnTo>
                    <a:pt x="448" y="367"/>
                  </a:lnTo>
                  <a:lnTo>
                    <a:pt x="464" y="411"/>
                  </a:lnTo>
                  <a:lnTo>
                    <a:pt x="482" y="521"/>
                  </a:lnTo>
                  <a:lnTo>
                    <a:pt x="556" y="588"/>
                  </a:lnTo>
                  <a:lnTo>
                    <a:pt x="546" y="622"/>
                  </a:lnTo>
                  <a:lnTo>
                    <a:pt x="578" y="710"/>
                  </a:lnTo>
                  <a:lnTo>
                    <a:pt x="549" y="745"/>
                  </a:lnTo>
                  <a:lnTo>
                    <a:pt x="569" y="765"/>
                  </a:lnTo>
                  <a:lnTo>
                    <a:pt x="593" y="745"/>
                  </a:lnTo>
                  <a:lnTo>
                    <a:pt x="656" y="759"/>
                  </a:lnTo>
                  <a:lnTo>
                    <a:pt x="685" y="792"/>
                  </a:lnTo>
                  <a:lnTo>
                    <a:pt x="658" y="862"/>
                  </a:lnTo>
                  <a:lnTo>
                    <a:pt x="567" y="920"/>
                  </a:lnTo>
                  <a:lnTo>
                    <a:pt x="600" y="943"/>
                  </a:lnTo>
                  <a:lnTo>
                    <a:pt x="636" y="943"/>
                  </a:lnTo>
                  <a:lnTo>
                    <a:pt x="524" y="1014"/>
                  </a:lnTo>
                  <a:lnTo>
                    <a:pt x="486" y="992"/>
                  </a:lnTo>
                  <a:lnTo>
                    <a:pt x="423" y="992"/>
                  </a:lnTo>
                  <a:lnTo>
                    <a:pt x="383" y="976"/>
                  </a:lnTo>
                  <a:lnTo>
                    <a:pt x="291" y="1000"/>
                  </a:lnTo>
                  <a:lnTo>
                    <a:pt x="233" y="969"/>
                  </a:lnTo>
                  <a:lnTo>
                    <a:pt x="211" y="969"/>
                  </a:lnTo>
                  <a:lnTo>
                    <a:pt x="179" y="1027"/>
                  </a:lnTo>
                  <a:lnTo>
                    <a:pt x="92" y="992"/>
                  </a:lnTo>
                  <a:lnTo>
                    <a:pt x="40" y="1027"/>
                  </a:lnTo>
                  <a:lnTo>
                    <a:pt x="20" y="1007"/>
                  </a:lnTo>
                  <a:lnTo>
                    <a:pt x="0" y="992"/>
                  </a:lnTo>
                  <a:lnTo>
                    <a:pt x="49" y="987"/>
                  </a:lnTo>
                  <a:lnTo>
                    <a:pt x="170" y="898"/>
                  </a:lnTo>
                  <a:lnTo>
                    <a:pt x="202" y="906"/>
                  </a:lnTo>
                  <a:lnTo>
                    <a:pt x="240" y="922"/>
                  </a:lnTo>
                  <a:lnTo>
                    <a:pt x="267" y="895"/>
                  </a:lnTo>
                  <a:lnTo>
                    <a:pt x="318" y="862"/>
                  </a:lnTo>
                  <a:lnTo>
                    <a:pt x="233" y="893"/>
                  </a:lnTo>
                  <a:lnTo>
                    <a:pt x="204" y="871"/>
                  </a:lnTo>
                  <a:lnTo>
                    <a:pt x="201" y="853"/>
                  </a:lnTo>
                  <a:lnTo>
                    <a:pt x="168" y="855"/>
                  </a:lnTo>
                  <a:lnTo>
                    <a:pt x="157" y="828"/>
                  </a:lnTo>
                  <a:lnTo>
                    <a:pt x="110" y="842"/>
                  </a:lnTo>
                  <a:lnTo>
                    <a:pt x="79" y="792"/>
                  </a:lnTo>
                  <a:lnTo>
                    <a:pt x="161" y="781"/>
                  </a:lnTo>
                  <a:lnTo>
                    <a:pt x="213" y="743"/>
                  </a:lnTo>
                  <a:lnTo>
                    <a:pt x="202" y="694"/>
                  </a:lnTo>
                  <a:lnTo>
                    <a:pt x="168" y="709"/>
                  </a:lnTo>
                  <a:lnTo>
                    <a:pt x="168" y="683"/>
                  </a:lnTo>
                  <a:lnTo>
                    <a:pt x="226" y="645"/>
                  </a:lnTo>
                  <a:lnTo>
                    <a:pt x="302" y="651"/>
                  </a:lnTo>
                  <a:lnTo>
                    <a:pt x="341" y="579"/>
                  </a:lnTo>
                  <a:lnTo>
                    <a:pt x="320" y="568"/>
                  </a:lnTo>
                  <a:lnTo>
                    <a:pt x="293" y="513"/>
                  </a:lnTo>
                  <a:lnTo>
                    <a:pt x="316" y="476"/>
                  </a:lnTo>
                  <a:lnTo>
                    <a:pt x="352" y="467"/>
                  </a:lnTo>
                  <a:lnTo>
                    <a:pt x="302" y="467"/>
                  </a:lnTo>
                  <a:lnTo>
                    <a:pt x="258" y="474"/>
                  </a:lnTo>
                  <a:lnTo>
                    <a:pt x="233" y="450"/>
                  </a:lnTo>
                  <a:lnTo>
                    <a:pt x="233" y="479"/>
                  </a:lnTo>
                  <a:lnTo>
                    <a:pt x="190" y="443"/>
                  </a:lnTo>
                  <a:lnTo>
                    <a:pt x="238" y="373"/>
                  </a:lnTo>
                  <a:lnTo>
                    <a:pt x="224" y="344"/>
                  </a:lnTo>
                  <a:lnTo>
                    <a:pt x="247" y="297"/>
                  </a:lnTo>
                  <a:lnTo>
                    <a:pt x="195" y="302"/>
                  </a:lnTo>
                  <a:lnTo>
                    <a:pt x="199" y="336"/>
                  </a:lnTo>
                  <a:lnTo>
                    <a:pt x="161" y="389"/>
                  </a:lnTo>
                  <a:lnTo>
                    <a:pt x="146" y="376"/>
                  </a:lnTo>
                  <a:lnTo>
                    <a:pt x="181" y="313"/>
                  </a:lnTo>
                  <a:lnTo>
                    <a:pt x="195" y="264"/>
                  </a:lnTo>
                  <a:lnTo>
                    <a:pt x="202" y="241"/>
                  </a:lnTo>
                  <a:lnTo>
                    <a:pt x="172" y="268"/>
                  </a:lnTo>
                  <a:lnTo>
                    <a:pt x="145" y="264"/>
                  </a:lnTo>
                  <a:lnTo>
                    <a:pt x="191" y="185"/>
                  </a:lnTo>
                  <a:lnTo>
                    <a:pt x="222" y="183"/>
                  </a:lnTo>
                  <a:lnTo>
                    <a:pt x="233" y="134"/>
                  </a:lnTo>
                  <a:lnTo>
                    <a:pt x="217" y="85"/>
                  </a:lnTo>
                  <a:lnTo>
                    <a:pt x="280" y="55"/>
                  </a:lnTo>
                  <a:lnTo>
                    <a:pt x="304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61" name="Denmark"/>
          <p:cNvGrpSpPr/>
          <p:nvPr/>
        </p:nvGrpSpPr>
        <p:grpSpPr>
          <a:xfrm>
            <a:off x="8684151" y="2782888"/>
            <a:ext cx="525463" cy="598488"/>
            <a:chOff x="8705171" y="2782888"/>
            <a:chExt cx="525463" cy="598488"/>
          </a:xfrm>
          <a:solidFill>
            <a:schemeClr val="accent4"/>
          </a:solidFill>
        </p:grpSpPr>
        <p:sp>
          <p:nvSpPr>
            <p:cNvPr id="62" name="Denmark"/>
            <p:cNvSpPr>
              <a:spLocks/>
            </p:cNvSpPr>
            <p:nvPr/>
          </p:nvSpPr>
          <p:spPr bwMode="auto">
            <a:xfrm>
              <a:off x="8705171" y="2782888"/>
              <a:ext cx="347663" cy="576263"/>
            </a:xfrm>
            <a:custGeom>
              <a:avLst/>
              <a:gdLst>
                <a:gd name="T0" fmla="*/ 42 w 219"/>
                <a:gd name="T1" fmla="*/ 312 h 363"/>
                <a:gd name="T2" fmla="*/ 42 w 219"/>
                <a:gd name="T3" fmla="*/ 287 h 363"/>
                <a:gd name="T4" fmla="*/ 0 w 219"/>
                <a:gd name="T5" fmla="*/ 272 h 363"/>
                <a:gd name="T6" fmla="*/ 6 w 219"/>
                <a:gd name="T7" fmla="*/ 238 h 363"/>
                <a:gd name="T8" fmla="*/ 20 w 219"/>
                <a:gd name="T9" fmla="*/ 234 h 363"/>
                <a:gd name="T10" fmla="*/ 20 w 219"/>
                <a:gd name="T11" fmla="*/ 209 h 363"/>
                <a:gd name="T12" fmla="*/ 8 w 219"/>
                <a:gd name="T13" fmla="*/ 202 h 363"/>
                <a:gd name="T14" fmla="*/ 8 w 219"/>
                <a:gd name="T15" fmla="*/ 137 h 363"/>
                <a:gd name="T16" fmla="*/ 20 w 219"/>
                <a:gd name="T17" fmla="*/ 122 h 363"/>
                <a:gd name="T18" fmla="*/ 27 w 219"/>
                <a:gd name="T19" fmla="*/ 122 h 363"/>
                <a:gd name="T20" fmla="*/ 20 w 219"/>
                <a:gd name="T21" fmla="*/ 95 h 363"/>
                <a:gd name="T22" fmla="*/ 53 w 219"/>
                <a:gd name="T23" fmla="*/ 72 h 363"/>
                <a:gd name="T24" fmla="*/ 92 w 219"/>
                <a:gd name="T25" fmla="*/ 72 h 363"/>
                <a:gd name="T26" fmla="*/ 118 w 219"/>
                <a:gd name="T27" fmla="*/ 59 h 363"/>
                <a:gd name="T28" fmla="*/ 136 w 219"/>
                <a:gd name="T29" fmla="*/ 25 h 363"/>
                <a:gd name="T30" fmla="*/ 170 w 219"/>
                <a:gd name="T31" fmla="*/ 16 h 363"/>
                <a:gd name="T32" fmla="*/ 186 w 219"/>
                <a:gd name="T33" fmla="*/ 0 h 363"/>
                <a:gd name="T34" fmla="*/ 194 w 219"/>
                <a:gd name="T35" fmla="*/ 3 h 363"/>
                <a:gd name="T36" fmla="*/ 190 w 219"/>
                <a:gd name="T37" fmla="*/ 16 h 363"/>
                <a:gd name="T38" fmla="*/ 177 w 219"/>
                <a:gd name="T39" fmla="*/ 21 h 363"/>
                <a:gd name="T40" fmla="*/ 190 w 219"/>
                <a:gd name="T41" fmla="*/ 39 h 363"/>
                <a:gd name="T42" fmla="*/ 194 w 219"/>
                <a:gd name="T43" fmla="*/ 63 h 363"/>
                <a:gd name="T44" fmla="*/ 183 w 219"/>
                <a:gd name="T45" fmla="*/ 77 h 363"/>
                <a:gd name="T46" fmla="*/ 168 w 219"/>
                <a:gd name="T47" fmla="*/ 94 h 363"/>
                <a:gd name="T48" fmla="*/ 163 w 219"/>
                <a:gd name="T49" fmla="*/ 113 h 363"/>
                <a:gd name="T50" fmla="*/ 168 w 219"/>
                <a:gd name="T51" fmla="*/ 124 h 363"/>
                <a:gd name="T52" fmla="*/ 168 w 219"/>
                <a:gd name="T53" fmla="*/ 139 h 363"/>
                <a:gd name="T54" fmla="*/ 177 w 219"/>
                <a:gd name="T55" fmla="*/ 148 h 363"/>
                <a:gd name="T56" fmla="*/ 199 w 219"/>
                <a:gd name="T57" fmla="*/ 148 h 363"/>
                <a:gd name="T58" fmla="*/ 213 w 219"/>
                <a:gd name="T59" fmla="*/ 148 h 363"/>
                <a:gd name="T60" fmla="*/ 219 w 219"/>
                <a:gd name="T61" fmla="*/ 173 h 363"/>
                <a:gd name="T62" fmla="*/ 197 w 219"/>
                <a:gd name="T63" fmla="*/ 198 h 363"/>
                <a:gd name="T64" fmla="*/ 177 w 219"/>
                <a:gd name="T65" fmla="*/ 204 h 363"/>
                <a:gd name="T66" fmla="*/ 177 w 219"/>
                <a:gd name="T67" fmla="*/ 187 h 363"/>
                <a:gd name="T68" fmla="*/ 161 w 219"/>
                <a:gd name="T69" fmla="*/ 189 h 363"/>
                <a:gd name="T70" fmla="*/ 163 w 219"/>
                <a:gd name="T71" fmla="*/ 220 h 363"/>
                <a:gd name="T72" fmla="*/ 159 w 219"/>
                <a:gd name="T73" fmla="*/ 240 h 363"/>
                <a:gd name="T74" fmla="*/ 141 w 219"/>
                <a:gd name="T75" fmla="*/ 249 h 363"/>
                <a:gd name="T76" fmla="*/ 127 w 219"/>
                <a:gd name="T77" fmla="*/ 247 h 363"/>
                <a:gd name="T78" fmla="*/ 129 w 219"/>
                <a:gd name="T79" fmla="*/ 265 h 363"/>
                <a:gd name="T80" fmla="*/ 111 w 219"/>
                <a:gd name="T81" fmla="*/ 276 h 363"/>
                <a:gd name="T82" fmla="*/ 118 w 219"/>
                <a:gd name="T83" fmla="*/ 299 h 363"/>
                <a:gd name="T84" fmla="*/ 121 w 219"/>
                <a:gd name="T85" fmla="*/ 321 h 363"/>
                <a:gd name="T86" fmla="*/ 103 w 219"/>
                <a:gd name="T87" fmla="*/ 325 h 363"/>
                <a:gd name="T88" fmla="*/ 123 w 219"/>
                <a:gd name="T89" fmla="*/ 341 h 363"/>
                <a:gd name="T90" fmla="*/ 132 w 219"/>
                <a:gd name="T91" fmla="*/ 363 h 363"/>
                <a:gd name="T92" fmla="*/ 96 w 219"/>
                <a:gd name="T93" fmla="*/ 359 h 363"/>
                <a:gd name="T94" fmla="*/ 27 w 219"/>
                <a:gd name="T95" fmla="*/ 343 h 363"/>
                <a:gd name="T96" fmla="*/ 40 w 219"/>
                <a:gd name="T97" fmla="*/ 328 h 363"/>
                <a:gd name="T98" fmla="*/ 42 w 219"/>
                <a:gd name="T99" fmla="*/ 312 h 3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219" h="363">
                  <a:moveTo>
                    <a:pt x="42" y="312"/>
                  </a:moveTo>
                  <a:lnTo>
                    <a:pt x="42" y="287"/>
                  </a:lnTo>
                  <a:lnTo>
                    <a:pt x="0" y="272"/>
                  </a:lnTo>
                  <a:lnTo>
                    <a:pt x="6" y="238"/>
                  </a:lnTo>
                  <a:lnTo>
                    <a:pt x="20" y="234"/>
                  </a:lnTo>
                  <a:lnTo>
                    <a:pt x="20" y="209"/>
                  </a:lnTo>
                  <a:lnTo>
                    <a:pt x="8" y="202"/>
                  </a:lnTo>
                  <a:lnTo>
                    <a:pt x="8" y="137"/>
                  </a:lnTo>
                  <a:lnTo>
                    <a:pt x="20" y="122"/>
                  </a:lnTo>
                  <a:lnTo>
                    <a:pt x="27" y="122"/>
                  </a:lnTo>
                  <a:lnTo>
                    <a:pt x="20" y="95"/>
                  </a:lnTo>
                  <a:lnTo>
                    <a:pt x="53" y="72"/>
                  </a:lnTo>
                  <a:lnTo>
                    <a:pt x="92" y="72"/>
                  </a:lnTo>
                  <a:lnTo>
                    <a:pt x="118" y="59"/>
                  </a:lnTo>
                  <a:lnTo>
                    <a:pt x="136" y="25"/>
                  </a:lnTo>
                  <a:lnTo>
                    <a:pt x="170" y="16"/>
                  </a:lnTo>
                  <a:lnTo>
                    <a:pt x="186" y="0"/>
                  </a:lnTo>
                  <a:lnTo>
                    <a:pt x="194" y="3"/>
                  </a:lnTo>
                  <a:lnTo>
                    <a:pt x="190" y="16"/>
                  </a:lnTo>
                  <a:lnTo>
                    <a:pt x="177" y="21"/>
                  </a:lnTo>
                  <a:lnTo>
                    <a:pt x="190" y="39"/>
                  </a:lnTo>
                  <a:lnTo>
                    <a:pt x="194" y="63"/>
                  </a:lnTo>
                  <a:lnTo>
                    <a:pt x="183" y="77"/>
                  </a:lnTo>
                  <a:lnTo>
                    <a:pt x="168" y="94"/>
                  </a:lnTo>
                  <a:lnTo>
                    <a:pt x="163" y="113"/>
                  </a:lnTo>
                  <a:lnTo>
                    <a:pt x="168" y="124"/>
                  </a:lnTo>
                  <a:lnTo>
                    <a:pt x="168" y="139"/>
                  </a:lnTo>
                  <a:lnTo>
                    <a:pt x="177" y="148"/>
                  </a:lnTo>
                  <a:lnTo>
                    <a:pt x="199" y="148"/>
                  </a:lnTo>
                  <a:lnTo>
                    <a:pt x="213" y="148"/>
                  </a:lnTo>
                  <a:lnTo>
                    <a:pt x="219" y="173"/>
                  </a:lnTo>
                  <a:lnTo>
                    <a:pt x="197" y="198"/>
                  </a:lnTo>
                  <a:lnTo>
                    <a:pt x="177" y="204"/>
                  </a:lnTo>
                  <a:lnTo>
                    <a:pt x="177" y="187"/>
                  </a:lnTo>
                  <a:lnTo>
                    <a:pt x="161" y="189"/>
                  </a:lnTo>
                  <a:lnTo>
                    <a:pt x="163" y="220"/>
                  </a:lnTo>
                  <a:lnTo>
                    <a:pt x="159" y="240"/>
                  </a:lnTo>
                  <a:lnTo>
                    <a:pt x="141" y="249"/>
                  </a:lnTo>
                  <a:lnTo>
                    <a:pt x="127" y="247"/>
                  </a:lnTo>
                  <a:lnTo>
                    <a:pt x="129" y="265"/>
                  </a:lnTo>
                  <a:lnTo>
                    <a:pt x="111" y="276"/>
                  </a:lnTo>
                  <a:lnTo>
                    <a:pt x="118" y="299"/>
                  </a:lnTo>
                  <a:lnTo>
                    <a:pt x="121" y="321"/>
                  </a:lnTo>
                  <a:lnTo>
                    <a:pt x="103" y="325"/>
                  </a:lnTo>
                  <a:lnTo>
                    <a:pt x="123" y="341"/>
                  </a:lnTo>
                  <a:lnTo>
                    <a:pt x="132" y="363"/>
                  </a:lnTo>
                  <a:lnTo>
                    <a:pt x="96" y="359"/>
                  </a:lnTo>
                  <a:lnTo>
                    <a:pt x="27" y="343"/>
                  </a:lnTo>
                  <a:lnTo>
                    <a:pt x="40" y="328"/>
                  </a:lnTo>
                  <a:lnTo>
                    <a:pt x="42" y="31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3" name="Denmark"/>
            <p:cNvSpPr>
              <a:spLocks/>
            </p:cNvSpPr>
            <p:nvPr/>
          </p:nvSpPr>
          <p:spPr bwMode="auto">
            <a:xfrm>
              <a:off x="8875033" y="3181350"/>
              <a:ext cx="134938" cy="131763"/>
            </a:xfrm>
            <a:custGeom>
              <a:avLst/>
              <a:gdLst>
                <a:gd name="T0" fmla="*/ 7 w 85"/>
                <a:gd name="T1" fmla="*/ 20 h 83"/>
                <a:gd name="T2" fmla="*/ 23 w 85"/>
                <a:gd name="T3" fmla="*/ 20 h 83"/>
                <a:gd name="T4" fmla="*/ 32 w 85"/>
                <a:gd name="T5" fmla="*/ 7 h 83"/>
                <a:gd name="T6" fmla="*/ 49 w 85"/>
                <a:gd name="T7" fmla="*/ 0 h 83"/>
                <a:gd name="T8" fmla="*/ 54 w 85"/>
                <a:gd name="T9" fmla="*/ 9 h 83"/>
                <a:gd name="T10" fmla="*/ 74 w 85"/>
                <a:gd name="T11" fmla="*/ 14 h 83"/>
                <a:gd name="T12" fmla="*/ 74 w 85"/>
                <a:gd name="T13" fmla="*/ 36 h 83"/>
                <a:gd name="T14" fmla="*/ 85 w 85"/>
                <a:gd name="T15" fmla="*/ 43 h 83"/>
                <a:gd name="T16" fmla="*/ 85 w 85"/>
                <a:gd name="T17" fmla="*/ 65 h 83"/>
                <a:gd name="T18" fmla="*/ 74 w 85"/>
                <a:gd name="T19" fmla="*/ 77 h 83"/>
                <a:gd name="T20" fmla="*/ 47 w 85"/>
                <a:gd name="T21" fmla="*/ 83 h 83"/>
                <a:gd name="T22" fmla="*/ 23 w 85"/>
                <a:gd name="T23" fmla="*/ 67 h 83"/>
                <a:gd name="T24" fmla="*/ 14 w 85"/>
                <a:gd name="T25" fmla="*/ 41 h 83"/>
                <a:gd name="T26" fmla="*/ 0 w 85"/>
                <a:gd name="T27" fmla="*/ 23 h 83"/>
                <a:gd name="T28" fmla="*/ 7 w 85"/>
                <a:gd name="T29" fmla="*/ 20 h 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85" h="83">
                  <a:moveTo>
                    <a:pt x="7" y="20"/>
                  </a:moveTo>
                  <a:lnTo>
                    <a:pt x="23" y="20"/>
                  </a:lnTo>
                  <a:lnTo>
                    <a:pt x="32" y="7"/>
                  </a:lnTo>
                  <a:lnTo>
                    <a:pt x="49" y="0"/>
                  </a:lnTo>
                  <a:lnTo>
                    <a:pt x="54" y="9"/>
                  </a:lnTo>
                  <a:lnTo>
                    <a:pt x="74" y="14"/>
                  </a:lnTo>
                  <a:lnTo>
                    <a:pt x="74" y="36"/>
                  </a:lnTo>
                  <a:lnTo>
                    <a:pt x="85" y="43"/>
                  </a:lnTo>
                  <a:lnTo>
                    <a:pt x="85" y="65"/>
                  </a:lnTo>
                  <a:lnTo>
                    <a:pt x="74" y="77"/>
                  </a:lnTo>
                  <a:lnTo>
                    <a:pt x="47" y="83"/>
                  </a:lnTo>
                  <a:lnTo>
                    <a:pt x="23" y="67"/>
                  </a:lnTo>
                  <a:lnTo>
                    <a:pt x="14" y="41"/>
                  </a:lnTo>
                  <a:lnTo>
                    <a:pt x="0" y="23"/>
                  </a:lnTo>
                  <a:lnTo>
                    <a:pt x="7" y="2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4" name="Denmark"/>
            <p:cNvSpPr>
              <a:spLocks/>
            </p:cNvSpPr>
            <p:nvPr/>
          </p:nvSpPr>
          <p:spPr bwMode="auto">
            <a:xfrm>
              <a:off x="9009971" y="3068638"/>
              <a:ext cx="220663" cy="312738"/>
            </a:xfrm>
            <a:custGeom>
              <a:avLst/>
              <a:gdLst>
                <a:gd name="T0" fmla="*/ 0 w 139"/>
                <a:gd name="T1" fmla="*/ 58 h 197"/>
                <a:gd name="T2" fmla="*/ 43 w 139"/>
                <a:gd name="T3" fmla="*/ 51 h 197"/>
                <a:gd name="T4" fmla="*/ 50 w 139"/>
                <a:gd name="T5" fmla="*/ 40 h 197"/>
                <a:gd name="T6" fmla="*/ 79 w 139"/>
                <a:gd name="T7" fmla="*/ 33 h 197"/>
                <a:gd name="T8" fmla="*/ 83 w 139"/>
                <a:gd name="T9" fmla="*/ 0 h 197"/>
                <a:gd name="T10" fmla="*/ 112 w 139"/>
                <a:gd name="T11" fmla="*/ 7 h 197"/>
                <a:gd name="T12" fmla="*/ 126 w 139"/>
                <a:gd name="T13" fmla="*/ 24 h 197"/>
                <a:gd name="T14" fmla="*/ 126 w 139"/>
                <a:gd name="T15" fmla="*/ 45 h 197"/>
                <a:gd name="T16" fmla="*/ 139 w 139"/>
                <a:gd name="T17" fmla="*/ 54 h 197"/>
                <a:gd name="T18" fmla="*/ 139 w 139"/>
                <a:gd name="T19" fmla="*/ 71 h 197"/>
                <a:gd name="T20" fmla="*/ 119 w 139"/>
                <a:gd name="T21" fmla="*/ 80 h 197"/>
                <a:gd name="T22" fmla="*/ 112 w 139"/>
                <a:gd name="T23" fmla="*/ 96 h 197"/>
                <a:gd name="T24" fmla="*/ 126 w 139"/>
                <a:gd name="T25" fmla="*/ 107 h 197"/>
                <a:gd name="T26" fmla="*/ 126 w 139"/>
                <a:gd name="T27" fmla="*/ 119 h 197"/>
                <a:gd name="T28" fmla="*/ 99 w 139"/>
                <a:gd name="T29" fmla="*/ 119 h 197"/>
                <a:gd name="T30" fmla="*/ 108 w 139"/>
                <a:gd name="T31" fmla="*/ 141 h 197"/>
                <a:gd name="T32" fmla="*/ 81 w 139"/>
                <a:gd name="T33" fmla="*/ 141 h 197"/>
                <a:gd name="T34" fmla="*/ 87 w 139"/>
                <a:gd name="T35" fmla="*/ 154 h 197"/>
                <a:gd name="T36" fmla="*/ 105 w 139"/>
                <a:gd name="T37" fmla="*/ 154 h 197"/>
                <a:gd name="T38" fmla="*/ 97 w 139"/>
                <a:gd name="T39" fmla="*/ 166 h 197"/>
                <a:gd name="T40" fmla="*/ 88 w 139"/>
                <a:gd name="T41" fmla="*/ 186 h 197"/>
                <a:gd name="T42" fmla="*/ 70 w 139"/>
                <a:gd name="T43" fmla="*/ 186 h 197"/>
                <a:gd name="T44" fmla="*/ 52 w 139"/>
                <a:gd name="T45" fmla="*/ 197 h 197"/>
                <a:gd name="T46" fmla="*/ 36 w 139"/>
                <a:gd name="T47" fmla="*/ 181 h 197"/>
                <a:gd name="T48" fmla="*/ 18 w 139"/>
                <a:gd name="T49" fmla="*/ 161 h 197"/>
                <a:gd name="T50" fmla="*/ 29 w 139"/>
                <a:gd name="T51" fmla="*/ 148 h 197"/>
                <a:gd name="T52" fmla="*/ 50 w 139"/>
                <a:gd name="T53" fmla="*/ 154 h 197"/>
                <a:gd name="T54" fmla="*/ 61 w 139"/>
                <a:gd name="T55" fmla="*/ 166 h 197"/>
                <a:gd name="T56" fmla="*/ 70 w 139"/>
                <a:gd name="T57" fmla="*/ 154 h 197"/>
                <a:gd name="T58" fmla="*/ 77 w 139"/>
                <a:gd name="T59" fmla="*/ 132 h 197"/>
                <a:gd name="T60" fmla="*/ 76 w 139"/>
                <a:gd name="T61" fmla="*/ 119 h 197"/>
                <a:gd name="T62" fmla="*/ 38 w 139"/>
                <a:gd name="T63" fmla="*/ 125 h 197"/>
                <a:gd name="T64" fmla="*/ 25 w 139"/>
                <a:gd name="T65" fmla="*/ 107 h 197"/>
                <a:gd name="T66" fmla="*/ 34 w 139"/>
                <a:gd name="T67" fmla="*/ 91 h 197"/>
                <a:gd name="T68" fmla="*/ 36 w 139"/>
                <a:gd name="T69" fmla="*/ 74 h 197"/>
                <a:gd name="T70" fmla="*/ 0 w 139"/>
                <a:gd name="T71" fmla="*/ 58 h 1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39" h="197">
                  <a:moveTo>
                    <a:pt x="0" y="58"/>
                  </a:moveTo>
                  <a:lnTo>
                    <a:pt x="43" y="51"/>
                  </a:lnTo>
                  <a:lnTo>
                    <a:pt x="50" y="40"/>
                  </a:lnTo>
                  <a:lnTo>
                    <a:pt x="79" y="33"/>
                  </a:lnTo>
                  <a:lnTo>
                    <a:pt x="83" y="0"/>
                  </a:lnTo>
                  <a:lnTo>
                    <a:pt x="112" y="7"/>
                  </a:lnTo>
                  <a:lnTo>
                    <a:pt x="126" y="24"/>
                  </a:lnTo>
                  <a:lnTo>
                    <a:pt x="126" y="45"/>
                  </a:lnTo>
                  <a:lnTo>
                    <a:pt x="139" y="54"/>
                  </a:lnTo>
                  <a:lnTo>
                    <a:pt x="139" y="71"/>
                  </a:lnTo>
                  <a:lnTo>
                    <a:pt x="119" y="80"/>
                  </a:lnTo>
                  <a:lnTo>
                    <a:pt x="112" y="96"/>
                  </a:lnTo>
                  <a:lnTo>
                    <a:pt x="126" y="107"/>
                  </a:lnTo>
                  <a:lnTo>
                    <a:pt x="126" y="119"/>
                  </a:lnTo>
                  <a:lnTo>
                    <a:pt x="99" y="119"/>
                  </a:lnTo>
                  <a:lnTo>
                    <a:pt x="108" y="141"/>
                  </a:lnTo>
                  <a:lnTo>
                    <a:pt x="81" y="141"/>
                  </a:lnTo>
                  <a:lnTo>
                    <a:pt x="87" y="154"/>
                  </a:lnTo>
                  <a:lnTo>
                    <a:pt x="105" y="154"/>
                  </a:lnTo>
                  <a:lnTo>
                    <a:pt x="97" y="166"/>
                  </a:lnTo>
                  <a:lnTo>
                    <a:pt x="88" y="186"/>
                  </a:lnTo>
                  <a:lnTo>
                    <a:pt x="70" y="186"/>
                  </a:lnTo>
                  <a:lnTo>
                    <a:pt x="52" y="197"/>
                  </a:lnTo>
                  <a:lnTo>
                    <a:pt x="36" y="181"/>
                  </a:lnTo>
                  <a:lnTo>
                    <a:pt x="18" y="161"/>
                  </a:lnTo>
                  <a:lnTo>
                    <a:pt x="29" y="148"/>
                  </a:lnTo>
                  <a:lnTo>
                    <a:pt x="50" y="154"/>
                  </a:lnTo>
                  <a:lnTo>
                    <a:pt x="61" y="166"/>
                  </a:lnTo>
                  <a:lnTo>
                    <a:pt x="70" y="154"/>
                  </a:lnTo>
                  <a:lnTo>
                    <a:pt x="77" y="132"/>
                  </a:lnTo>
                  <a:lnTo>
                    <a:pt x="76" y="119"/>
                  </a:lnTo>
                  <a:lnTo>
                    <a:pt x="38" y="125"/>
                  </a:lnTo>
                  <a:lnTo>
                    <a:pt x="25" y="107"/>
                  </a:lnTo>
                  <a:lnTo>
                    <a:pt x="34" y="91"/>
                  </a:lnTo>
                  <a:lnTo>
                    <a:pt x="36" y="74"/>
                  </a:lnTo>
                  <a:lnTo>
                    <a:pt x="0" y="5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65" name="Norway"/>
          <p:cNvSpPr>
            <a:spLocks/>
          </p:cNvSpPr>
          <p:nvPr/>
        </p:nvSpPr>
        <p:spPr bwMode="auto">
          <a:xfrm>
            <a:off x="8349188" y="85725"/>
            <a:ext cx="2322513" cy="2652713"/>
          </a:xfrm>
          <a:custGeom>
            <a:avLst/>
            <a:gdLst>
              <a:gd name="T0" fmla="*/ 780 w 810"/>
              <a:gd name="T1" fmla="*/ 57 h 925"/>
              <a:gd name="T2" fmla="*/ 738 w 810"/>
              <a:gd name="T3" fmla="*/ 48 h 925"/>
              <a:gd name="T4" fmla="*/ 702 w 810"/>
              <a:gd name="T5" fmla="*/ 47 h 925"/>
              <a:gd name="T6" fmla="*/ 682 w 810"/>
              <a:gd name="T7" fmla="*/ 0 h 925"/>
              <a:gd name="T8" fmla="*/ 649 w 810"/>
              <a:gd name="T9" fmla="*/ 6 h 925"/>
              <a:gd name="T10" fmla="*/ 643 w 810"/>
              <a:gd name="T11" fmla="*/ 6 h 925"/>
              <a:gd name="T12" fmla="*/ 616 w 810"/>
              <a:gd name="T13" fmla="*/ 13 h 925"/>
              <a:gd name="T14" fmla="*/ 593 w 810"/>
              <a:gd name="T15" fmla="*/ 14 h 925"/>
              <a:gd name="T16" fmla="*/ 570 w 810"/>
              <a:gd name="T17" fmla="*/ 74 h 925"/>
              <a:gd name="T18" fmla="*/ 584 w 810"/>
              <a:gd name="T19" fmla="*/ 0 h 925"/>
              <a:gd name="T20" fmla="*/ 550 w 810"/>
              <a:gd name="T21" fmla="*/ 43 h 925"/>
              <a:gd name="T22" fmla="*/ 515 w 810"/>
              <a:gd name="T23" fmla="*/ 57 h 925"/>
              <a:gd name="T24" fmla="*/ 518 w 810"/>
              <a:gd name="T25" fmla="*/ 86 h 925"/>
              <a:gd name="T26" fmla="*/ 480 w 810"/>
              <a:gd name="T27" fmla="*/ 90 h 925"/>
              <a:gd name="T28" fmla="*/ 439 w 810"/>
              <a:gd name="T29" fmla="*/ 99 h 925"/>
              <a:gd name="T30" fmla="*/ 402 w 810"/>
              <a:gd name="T31" fmla="*/ 132 h 925"/>
              <a:gd name="T32" fmla="*/ 396 w 810"/>
              <a:gd name="T33" fmla="*/ 177 h 925"/>
              <a:gd name="T34" fmla="*/ 337 w 810"/>
              <a:gd name="T35" fmla="*/ 189 h 925"/>
              <a:gd name="T36" fmla="*/ 339 w 810"/>
              <a:gd name="T37" fmla="*/ 214 h 925"/>
              <a:gd name="T38" fmla="*/ 334 w 810"/>
              <a:gd name="T39" fmla="*/ 256 h 925"/>
              <a:gd name="T40" fmla="*/ 309 w 810"/>
              <a:gd name="T41" fmla="*/ 314 h 925"/>
              <a:gd name="T42" fmla="*/ 276 w 810"/>
              <a:gd name="T43" fmla="*/ 355 h 925"/>
              <a:gd name="T44" fmla="*/ 275 w 810"/>
              <a:gd name="T45" fmla="*/ 447 h 925"/>
              <a:gd name="T46" fmla="*/ 217 w 810"/>
              <a:gd name="T47" fmla="*/ 478 h 925"/>
              <a:gd name="T48" fmla="*/ 139 w 810"/>
              <a:gd name="T49" fmla="*/ 562 h 925"/>
              <a:gd name="T50" fmla="*/ 88 w 810"/>
              <a:gd name="T51" fmla="*/ 582 h 925"/>
              <a:gd name="T52" fmla="*/ 61 w 810"/>
              <a:gd name="T53" fmla="*/ 613 h 925"/>
              <a:gd name="T54" fmla="*/ 19 w 810"/>
              <a:gd name="T55" fmla="*/ 637 h 925"/>
              <a:gd name="T56" fmla="*/ 8 w 810"/>
              <a:gd name="T57" fmla="*/ 709 h 925"/>
              <a:gd name="T58" fmla="*/ 7 w 810"/>
              <a:gd name="T59" fmla="*/ 756 h 925"/>
              <a:gd name="T60" fmla="*/ 34 w 810"/>
              <a:gd name="T61" fmla="*/ 769 h 925"/>
              <a:gd name="T62" fmla="*/ 29 w 810"/>
              <a:gd name="T63" fmla="*/ 802 h 925"/>
              <a:gd name="T64" fmla="*/ 18 w 810"/>
              <a:gd name="T65" fmla="*/ 834 h 925"/>
              <a:gd name="T66" fmla="*/ 44 w 810"/>
              <a:gd name="T67" fmla="*/ 834 h 925"/>
              <a:gd name="T68" fmla="*/ 16 w 810"/>
              <a:gd name="T69" fmla="*/ 884 h 925"/>
              <a:gd name="T70" fmla="*/ 74 w 810"/>
              <a:gd name="T71" fmla="*/ 925 h 925"/>
              <a:gd name="T72" fmla="*/ 142 w 810"/>
              <a:gd name="T73" fmla="*/ 878 h 925"/>
              <a:gd name="T74" fmla="*/ 183 w 810"/>
              <a:gd name="T75" fmla="*/ 864 h 925"/>
              <a:gd name="T76" fmla="*/ 210 w 810"/>
              <a:gd name="T77" fmla="*/ 797 h 925"/>
              <a:gd name="T78" fmla="*/ 240 w 810"/>
              <a:gd name="T79" fmla="*/ 850 h 925"/>
              <a:gd name="T80" fmla="*/ 259 w 810"/>
              <a:gd name="T81" fmla="*/ 795 h 925"/>
              <a:gd name="T82" fmla="*/ 279 w 810"/>
              <a:gd name="T83" fmla="*/ 720 h 925"/>
              <a:gd name="T84" fmla="*/ 253 w 810"/>
              <a:gd name="T85" fmla="*/ 614 h 925"/>
              <a:gd name="T86" fmla="*/ 275 w 810"/>
              <a:gd name="T87" fmla="*/ 522 h 925"/>
              <a:gd name="T88" fmla="*/ 307 w 810"/>
              <a:gd name="T89" fmla="*/ 480 h 925"/>
              <a:gd name="T90" fmla="*/ 354 w 810"/>
              <a:gd name="T91" fmla="*/ 355 h 925"/>
              <a:gd name="T92" fmla="*/ 373 w 810"/>
              <a:gd name="T93" fmla="*/ 281 h 925"/>
              <a:gd name="T94" fmla="*/ 447 w 810"/>
              <a:gd name="T95" fmla="*/ 209 h 925"/>
              <a:gd name="T96" fmla="*/ 472 w 810"/>
              <a:gd name="T97" fmla="*/ 175 h 925"/>
              <a:gd name="T98" fmla="*/ 513 w 810"/>
              <a:gd name="T99" fmla="*/ 155 h 925"/>
              <a:gd name="T100" fmla="*/ 602 w 810"/>
              <a:gd name="T101" fmla="*/ 190 h 925"/>
              <a:gd name="T102" fmla="*/ 723 w 810"/>
              <a:gd name="T103" fmla="*/ 171 h 925"/>
              <a:gd name="T104" fmla="*/ 784 w 810"/>
              <a:gd name="T105" fmla="*/ 106 h 925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72 w 10000"/>
              <a:gd name="connsiteY207" fmla="*/ 1685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8948 w 10000"/>
              <a:gd name="connsiteY207" fmla="*/ 1825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102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067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</a:cxnLst>
            <a:rect l="l" t="t" r="r" b="b"/>
            <a:pathLst>
              <a:path w="10000" h="10000">
                <a:moveTo>
                  <a:pt x="9914" y="627"/>
                </a:moveTo>
                <a:cubicBezTo>
                  <a:pt x="9914" y="573"/>
                  <a:pt x="9753" y="692"/>
                  <a:pt x="9753" y="692"/>
                </a:cubicBezTo>
                <a:cubicBezTo>
                  <a:pt x="9737" y="685"/>
                  <a:pt x="9720" y="677"/>
                  <a:pt x="9704" y="670"/>
                </a:cubicBezTo>
                <a:cubicBezTo>
                  <a:pt x="9704" y="670"/>
                  <a:pt x="9605" y="627"/>
                  <a:pt x="9630" y="616"/>
                </a:cubicBezTo>
                <a:cubicBezTo>
                  <a:pt x="9654" y="605"/>
                  <a:pt x="9543" y="562"/>
                  <a:pt x="9543" y="562"/>
                </a:cubicBezTo>
                <a:lnTo>
                  <a:pt x="9296" y="616"/>
                </a:lnTo>
                <a:lnTo>
                  <a:pt x="9173" y="703"/>
                </a:lnTo>
                <a:cubicBezTo>
                  <a:pt x="9152" y="642"/>
                  <a:pt x="9132" y="580"/>
                  <a:pt x="9111" y="519"/>
                </a:cubicBezTo>
                <a:lnTo>
                  <a:pt x="8728" y="573"/>
                </a:lnTo>
                <a:lnTo>
                  <a:pt x="8420" y="616"/>
                </a:lnTo>
                <a:lnTo>
                  <a:pt x="8235" y="541"/>
                </a:lnTo>
                <a:lnTo>
                  <a:pt x="8667" y="508"/>
                </a:lnTo>
                <a:lnTo>
                  <a:pt x="8765" y="389"/>
                </a:lnTo>
                <a:lnTo>
                  <a:pt x="8901" y="259"/>
                </a:lnTo>
                <a:lnTo>
                  <a:pt x="8704" y="184"/>
                </a:lnTo>
                <a:lnTo>
                  <a:pt x="8420" y="0"/>
                </a:lnTo>
                <a:cubicBezTo>
                  <a:pt x="8445" y="32"/>
                  <a:pt x="8469" y="65"/>
                  <a:pt x="8494" y="97"/>
                </a:cubicBezTo>
                <a:lnTo>
                  <a:pt x="8309" y="205"/>
                </a:lnTo>
                <a:lnTo>
                  <a:pt x="8210" y="43"/>
                </a:lnTo>
                <a:lnTo>
                  <a:pt x="8012" y="65"/>
                </a:lnTo>
                <a:lnTo>
                  <a:pt x="8012" y="281"/>
                </a:lnTo>
                <a:cubicBezTo>
                  <a:pt x="7987" y="306"/>
                  <a:pt x="7963" y="332"/>
                  <a:pt x="7938" y="357"/>
                </a:cubicBezTo>
                <a:cubicBezTo>
                  <a:pt x="7918" y="321"/>
                  <a:pt x="7897" y="285"/>
                  <a:pt x="7877" y="249"/>
                </a:cubicBezTo>
                <a:cubicBezTo>
                  <a:pt x="7897" y="188"/>
                  <a:pt x="7918" y="126"/>
                  <a:pt x="7938" y="65"/>
                </a:cubicBezTo>
                <a:lnTo>
                  <a:pt x="7827" y="0"/>
                </a:lnTo>
                <a:lnTo>
                  <a:pt x="7654" y="0"/>
                </a:lnTo>
                <a:lnTo>
                  <a:pt x="7556" y="86"/>
                </a:lnTo>
                <a:lnTo>
                  <a:pt x="7605" y="141"/>
                </a:lnTo>
                <a:lnTo>
                  <a:pt x="7605" y="368"/>
                </a:lnTo>
                <a:cubicBezTo>
                  <a:pt x="7589" y="411"/>
                  <a:pt x="7572" y="454"/>
                  <a:pt x="7556" y="497"/>
                </a:cubicBezTo>
                <a:cubicBezTo>
                  <a:pt x="7511" y="439"/>
                  <a:pt x="7465" y="382"/>
                  <a:pt x="7420" y="324"/>
                </a:cubicBezTo>
                <a:cubicBezTo>
                  <a:pt x="7387" y="266"/>
                  <a:pt x="7354" y="209"/>
                  <a:pt x="7321" y="151"/>
                </a:cubicBezTo>
                <a:lnTo>
                  <a:pt x="7210" y="422"/>
                </a:lnTo>
                <a:lnTo>
                  <a:pt x="7210" y="627"/>
                </a:lnTo>
                <a:lnTo>
                  <a:pt x="7210" y="703"/>
                </a:lnTo>
                <a:lnTo>
                  <a:pt x="7037" y="800"/>
                </a:lnTo>
                <a:cubicBezTo>
                  <a:pt x="7041" y="742"/>
                  <a:pt x="7045" y="685"/>
                  <a:pt x="7049" y="627"/>
                </a:cubicBezTo>
                <a:lnTo>
                  <a:pt x="7049" y="551"/>
                </a:lnTo>
                <a:lnTo>
                  <a:pt x="7160" y="205"/>
                </a:lnTo>
                <a:cubicBezTo>
                  <a:pt x="7177" y="137"/>
                  <a:pt x="7193" y="68"/>
                  <a:pt x="7210" y="0"/>
                </a:cubicBezTo>
                <a:lnTo>
                  <a:pt x="6975" y="43"/>
                </a:lnTo>
                <a:lnTo>
                  <a:pt x="6975" y="184"/>
                </a:lnTo>
                <a:lnTo>
                  <a:pt x="6790" y="292"/>
                </a:lnTo>
                <a:lnTo>
                  <a:pt x="6790" y="465"/>
                </a:lnTo>
                <a:cubicBezTo>
                  <a:pt x="6745" y="487"/>
                  <a:pt x="6699" y="508"/>
                  <a:pt x="6654" y="530"/>
                </a:cubicBezTo>
                <a:lnTo>
                  <a:pt x="6420" y="465"/>
                </a:lnTo>
                <a:lnTo>
                  <a:pt x="6160" y="573"/>
                </a:lnTo>
                <a:lnTo>
                  <a:pt x="6358" y="616"/>
                </a:lnTo>
                <a:cubicBezTo>
                  <a:pt x="6370" y="638"/>
                  <a:pt x="6383" y="659"/>
                  <a:pt x="6395" y="681"/>
                </a:cubicBezTo>
                <a:cubicBezTo>
                  <a:pt x="6428" y="731"/>
                  <a:pt x="6461" y="782"/>
                  <a:pt x="6494" y="832"/>
                </a:cubicBezTo>
                <a:lnTo>
                  <a:pt x="6494" y="973"/>
                </a:lnTo>
                <a:cubicBezTo>
                  <a:pt x="6461" y="959"/>
                  <a:pt x="6428" y="944"/>
                  <a:pt x="6395" y="930"/>
                </a:cubicBezTo>
                <a:lnTo>
                  <a:pt x="6296" y="876"/>
                </a:lnTo>
                <a:lnTo>
                  <a:pt x="6111" y="800"/>
                </a:lnTo>
                <a:lnTo>
                  <a:pt x="5926" y="800"/>
                </a:lnTo>
                <a:lnTo>
                  <a:pt x="5926" y="973"/>
                </a:lnTo>
                <a:lnTo>
                  <a:pt x="5827" y="1135"/>
                </a:lnTo>
                <a:lnTo>
                  <a:pt x="5617" y="1200"/>
                </a:lnTo>
                <a:lnTo>
                  <a:pt x="5481" y="1222"/>
                </a:lnTo>
                <a:cubicBezTo>
                  <a:pt x="5461" y="1171"/>
                  <a:pt x="5440" y="1121"/>
                  <a:pt x="5420" y="1070"/>
                </a:cubicBezTo>
                <a:lnTo>
                  <a:pt x="5235" y="1232"/>
                </a:lnTo>
                <a:cubicBezTo>
                  <a:pt x="5247" y="1286"/>
                  <a:pt x="5260" y="1341"/>
                  <a:pt x="5272" y="1395"/>
                </a:cubicBezTo>
                <a:lnTo>
                  <a:pt x="5074" y="1589"/>
                </a:lnTo>
                <a:lnTo>
                  <a:pt x="4963" y="1427"/>
                </a:lnTo>
                <a:lnTo>
                  <a:pt x="4617" y="1784"/>
                </a:lnTo>
                <a:cubicBezTo>
                  <a:pt x="4650" y="1827"/>
                  <a:pt x="4683" y="1871"/>
                  <a:pt x="4716" y="1914"/>
                </a:cubicBezTo>
                <a:cubicBezTo>
                  <a:pt x="4774" y="1860"/>
                  <a:pt x="4831" y="1805"/>
                  <a:pt x="4889" y="1751"/>
                </a:cubicBezTo>
                <a:lnTo>
                  <a:pt x="4889" y="1914"/>
                </a:lnTo>
                <a:lnTo>
                  <a:pt x="4765" y="2173"/>
                </a:lnTo>
                <a:lnTo>
                  <a:pt x="4506" y="2000"/>
                </a:lnTo>
                <a:lnTo>
                  <a:pt x="4296" y="1914"/>
                </a:lnTo>
                <a:lnTo>
                  <a:pt x="4160" y="2043"/>
                </a:lnTo>
                <a:lnTo>
                  <a:pt x="3901" y="2205"/>
                </a:lnTo>
                <a:lnTo>
                  <a:pt x="4037" y="2205"/>
                </a:lnTo>
                <a:cubicBezTo>
                  <a:pt x="4045" y="2281"/>
                  <a:pt x="4054" y="2356"/>
                  <a:pt x="4062" y="2432"/>
                </a:cubicBezTo>
                <a:lnTo>
                  <a:pt x="4185" y="2314"/>
                </a:lnTo>
                <a:lnTo>
                  <a:pt x="4469" y="2314"/>
                </a:lnTo>
                <a:cubicBezTo>
                  <a:pt x="4444" y="2379"/>
                  <a:pt x="4420" y="2443"/>
                  <a:pt x="4395" y="2508"/>
                </a:cubicBezTo>
                <a:lnTo>
                  <a:pt x="4395" y="2670"/>
                </a:lnTo>
                <a:lnTo>
                  <a:pt x="4123" y="2768"/>
                </a:lnTo>
                <a:cubicBezTo>
                  <a:pt x="4090" y="2847"/>
                  <a:pt x="4058" y="2926"/>
                  <a:pt x="4025" y="3005"/>
                </a:cubicBezTo>
                <a:lnTo>
                  <a:pt x="3926" y="3254"/>
                </a:lnTo>
                <a:cubicBezTo>
                  <a:pt x="3942" y="3301"/>
                  <a:pt x="3959" y="3348"/>
                  <a:pt x="3975" y="3395"/>
                </a:cubicBezTo>
                <a:lnTo>
                  <a:pt x="3815" y="3395"/>
                </a:lnTo>
                <a:lnTo>
                  <a:pt x="3654" y="3449"/>
                </a:lnTo>
                <a:cubicBezTo>
                  <a:pt x="3671" y="3514"/>
                  <a:pt x="3687" y="3578"/>
                  <a:pt x="3704" y="3643"/>
                </a:cubicBezTo>
                <a:lnTo>
                  <a:pt x="3543" y="3643"/>
                </a:lnTo>
                <a:cubicBezTo>
                  <a:pt x="3498" y="3708"/>
                  <a:pt x="3452" y="3773"/>
                  <a:pt x="3407" y="3838"/>
                </a:cubicBezTo>
                <a:lnTo>
                  <a:pt x="3494" y="4195"/>
                </a:lnTo>
                <a:lnTo>
                  <a:pt x="3272" y="4400"/>
                </a:lnTo>
                <a:lnTo>
                  <a:pt x="3111" y="4714"/>
                </a:lnTo>
                <a:lnTo>
                  <a:pt x="3395" y="4832"/>
                </a:lnTo>
                <a:lnTo>
                  <a:pt x="2914" y="4897"/>
                </a:lnTo>
                <a:cubicBezTo>
                  <a:pt x="2893" y="4969"/>
                  <a:pt x="2873" y="5042"/>
                  <a:pt x="2852" y="5114"/>
                </a:cubicBezTo>
                <a:cubicBezTo>
                  <a:pt x="2868" y="5190"/>
                  <a:pt x="2885" y="5265"/>
                  <a:pt x="2901" y="5341"/>
                </a:cubicBezTo>
                <a:lnTo>
                  <a:pt x="2679" y="5168"/>
                </a:lnTo>
                <a:cubicBezTo>
                  <a:pt x="2650" y="5229"/>
                  <a:pt x="2622" y="5290"/>
                  <a:pt x="2593" y="5351"/>
                </a:cubicBezTo>
                <a:lnTo>
                  <a:pt x="2185" y="5741"/>
                </a:lnTo>
                <a:lnTo>
                  <a:pt x="2012" y="6032"/>
                </a:lnTo>
                <a:lnTo>
                  <a:pt x="1716" y="6076"/>
                </a:lnTo>
                <a:cubicBezTo>
                  <a:pt x="1749" y="6126"/>
                  <a:pt x="1782" y="6177"/>
                  <a:pt x="1815" y="6227"/>
                </a:cubicBezTo>
                <a:lnTo>
                  <a:pt x="1654" y="6292"/>
                </a:lnTo>
                <a:lnTo>
                  <a:pt x="1247" y="6368"/>
                </a:lnTo>
                <a:lnTo>
                  <a:pt x="1086" y="6292"/>
                </a:lnTo>
                <a:lnTo>
                  <a:pt x="975" y="6357"/>
                </a:lnTo>
                <a:lnTo>
                  <a:pt x="1086" y="6497"/>
                </a:lnTo>
                <a:lnTo>
                  <a:pt x="901" y="6573"/>
                </a:lnTo>
                <a:lnTo>
                  <a:pt x="753" y="6627"/>
                </a:lnTo>
                <a:lnTo>
                  <a:pt x="926" y="6768"/>
                </a:lnTo>
                <a:lnTo>
                  <a:pt x="580" y="6768"/>
                </a:lnTo>
                <a:lnTo>
                  <a:pt x="420" y="6886"/>
                </a:lnTo>
                <a:lnTo>
                  <a:pt x="235" y="6886"/>
                </a:lnTo>
                <a:lnTo>
                  <a:pt x="49" y="7211"/>
                </a:lnTo>
                <a:lnTo>
                  <a:pt x="160" y="7416"/>
                </a:lnTo>
                <a:lnTo>
                  <a:pt x="0" y="7416"/>
                </a:lnTo>
                <a:lnTo>
                  <a:pt x="99" y="7665"/>
                </a:lnTo>
                <a:cubicBezTo>
                  <a:pt x="66" y="7730"/>
                  <a:pt x="33" y="7794"/>
                  <a:pt x="0" y="7859"/>
                </a:cubicBezTo>
                <a:cubicBezTo>
                  <a:pt x="16" y="7924"/>
                  <a:pt x="33" y="7989"/>
                  <a:pt x="49" y="8054"/>
                </a:cubicBezTo>
                <a:lnTo>
                  <a:pt x="333" y="8173"/>
                </a:lnTo>
                <a:lnTo>
                  <a:pt x="86" y="8173"/>
                </a:lnTo>
                <a:lnTo>
                  <a:pt x="86" y="8314"/>
                </a:lnTo>
                <a:lnTo>
                  <a:pt x="222" y="8357"/>
                </a:lnTo>
                <a:cubicBezTo>
                  <a:pt x="243" y="8382"/>
                  <a:pt x="263" y="8407"/>
                  <a:pt x="284" y="8432"/>
                </a:cubicBezTo>
                <a:lnTo>
                  <a:pt x="420" y="8314"/>
                </a:lnTo>
                <a:cubicBezTo>
                  <a:pt x="449" y="8339"/>
                  <a:pt x="477" y="8364"/>
                  <a:pt x="506" y="8389"/>
                </a:cubicBezTo>
                <a:cubicBezTo>
                  <a:pt x="490" y="8411"/>
                  <a:pt x="473" y="8432"/>
                  <a:pt x="457" y="8454"/>
                </a:cubicBezTo>
                <a:lnTo>
                  <a:pt x="272" y="8616"/>
                </a:lnTo>
                <a:lnTo>
                  <a:pt x="358" y="8670"/>
                </a:lnTo>
                <a:lnTo>
                  <a:pt x="173" y="8735"/>
                </a:lnTo>
                <a:lnTo>
                  <a:pt x="49" y="8822"/>
                </a:lnTo>
                <a:lnTo>
                  <a:pt x="136" y="8930"/>
                </a:lnTo>
                <a:lnTo>
                  <a:pt x="222" y="9016"/>
                </a:lnTo>
                <a:lnTo>
                  <a:pt x="333" y="8832"/>
                </a:lnTo>
                <a:lnTo>
                  <a:pt x="444" y="8854"/>
                </a:lnTo>
                <a:cubicBezTo>
                  <a:pt x="428" y="8886"/>
                  <a:pt x="411" y="8919"/>
                  <a:pt x="395" y="8951"/>
                </a:cubicBezTo>
                <a:lnTo>
                  <a:pt x="543" y="9016"/>
                </a:lnTo>
                <a:lnTo>
                  <a:pt x="469" y="9016"/>
                </a:lnTo>
                <a:lnTo>
                  <a:pt x="272" y="9189"/>
                </a:lnTo>
                <a:lnTo>
                  <a:pt x="86" y="9308"/>
                </a:lnTo>
                <a:cubicBezTo>
                  <a:pt x="123" y="9391"/>
                  <a:pt x="161" y="9474"/>
                  <a:pt x="198" y="9557"/>
                </a:cubicBezTo>
                <a:lnTo>
                  <a:pt x="519" y="9805"/>
                </a:lnTo>
                <a:lnTo>
                  <a:pt x="753" y="9751"/>
                </a:lnTo>
                <a:lnTo>
                  <a:pt x="630" y="9892"/>
                </a:lnTo>
                <a:lnTo>
                  <a:pt x="914" y="10000"/>
                </a:lnTo>
                <a:lnTo>
                  <a:pt x="1383" y="9924"/>
                </a:lnTo>
                <a:cubicBezTo>
                  <a:pt x="1403" y="9884"/>
                  <a:pt x="1424" y="9845"/>
                  <a:pt x="1444" y="9805"/>
                </a:cubicBezTo>
                <a:lnTo>
                  <a:pt x="1568" y="9859"/>
                </a:lnTo>
                <a:cubicBezTo>
                  <a:pt x="1630" y="9737"/>
                  <a:pt x="1691" y="9614"/>
                  <a:pt x="1753" y="9492"/>
                </a:cubicBezTo>
                <a:lnTo>
                  <a:pt x="1889" y="9535"/>
                </a:lnTo>
                <a:lnTo>
                  <a:pt x="2049" y="9276"/>
                </a:lnTo>
                <a:cubicBezTo>
                  <a:pt x="2066" y="9247"/>
                  <a:pt x="2082" y="9218"/>
                  <a:pt x="2099" y="9189"/>
                </a:cubicBezTo>
                <a:cubicBezTo>
                  <a:pt x="2152" y="9240"/>
                  <a:pt x="2206" y="9290"/>
                  <a:pt x="2259" y="9341"/>
                </a:cubicBezTo>
                <a:lnTo>
                  <a:pt x="2444" y="9189"/>
                </a:lnTo>
                <a:cubicBezTo>
                  <a:pt x="2465" y="9110"/>
                  <a:pt x="2485" y="9030"/>
                  <a:pt x="2506" y="8951"/>
                </a:cubicBezTo>
                <a:cubicBezTo>
                  <a:pt x="2485" y="8879"/>
                  <a:pt x="2465" y="8807"/>
                  <a:pt x="2444" y="8735"/>
                </a:cubicBezTo>
                <a:lnTo>
                  <a:pt x="2593" y="8616"/>
                </a:lnTo>
                <a:lnTo>
                  <a:pt x="2593" y="8897"/>
                </a:lnTo>
                <a:lnTo>
                  <a:pt x="2716" y="9092"/>
                </a:lnTo>
                <a:lnTo>
                  <a:pt x="2852" y="9092"/>
                </a:lnTo>
                <a:lnTo>
                  <a:pt x="2963" y="9189"/>
                </a:lnTo>
                <a:lnTo>
                  <a:pt x="2852" y="9276"/>
                </a:lnTo>
                <a:lnTo>
                  <a:pt x="3099" y="9276"/>
                </a:lnTo>
                <a:lnTo>
                  <a:pt x="3099" y="8800"/>
                </a:lnTo>
                <a:cubicBezTo>
                  <a:pt x="3132" y="8732"/>
                  <a:pt x="3165" y="8663"/>
                  <a:pt x="3198" y="8595"/>
                </a:cubicBezTo>
                <a:lnTo>
                  <a:pt x="3506" y="8465"/>
                </a:lnTo>
                <a:cubicBezTo>
                  <a:pt x="3485" y="8324"/>
                  <a:pt x="3465" y="8184"/>
                  <a:pt x="3444" y="8043"/>
                </a:cubicBezTo>
                <a:lnTo>
                  <a:pt x="3284" y="7784"/>
                </a:lnTo>
                <a:lnTo>
                  <a:pt x="3444" y="7784"/>
                </a:lnTo>
                <a:cubicBezTo>
                  <a:pt x="3489" y="7672"/>
                  <a:pt x="3535" y="7561"/>
                  <a:pt x="3580" y="7449"/>
                </a:cubicBezTo>
                <a:lnTo>
                  <a:pt x="3272" y="7297"/>
                </a:lnTo>
                <a:cubicBezTo>
                  <a:pt x="3288" y="7146"/>
                  <a:pt x="3305" y="6994"/>
                  <a:pt x="3321" y="6843"/>
                </a:cubicBezTo>
                <a:lnTo>
                  <a:pt x="3123" y="6638"/>
                </a:lnTo>
                <a:cubicBezTo>
                  <a:pt x="3173" y="6541"/>
                  <a:pt x="3222" y="6443"/>
                  <a:pt x="3272" y="6346"/>
                </a:cubicBezTo>
                <a:cubicBezTo>
                  <a:pt x="3218" y="6296"/>
                  <a:pt x="3165" y="6245"/>
                  <a:pt x="3111" y="6195"/>
                </a:cubicBezTo>
                <a:cubicBezTo>
                  <a:pt x="3127" y="6108"/>
                  <a:pt x="3144" y="6022"/>
                  <a:pt x="3160" y="5935"/>
                </a:cubicBezTo>
                <a:lnTo>
                  <a:pt x="3395" y="5643"/>
                </a:lnTo>
                <a:lnTo>
                  <a:pt x="3568" y="5568"/>
                </a:lnTo>
                <a:lnTo>
                  <a:pt x="3852" y="5557"/>
                </a:lnTo>
                <a:cubicBezTo>
                  <a:pt x="3901" y="5481"/>
                  <a:pt x="3951" y="5406"/>
                  <a:pt x="4000" y="5330"/>
                </a:cubicBezTo>
                <a:lnTo>
                  <a:pt x="3790" y="5189"/>
                </a:lnTo>
                <a:lnTo>
                  <a:pt x="4000" y="4638"/>
                </a:lnTo>
                <a:lnTo>
                  <a:pt x="4000" y="4000"/>
                </a:lnTo>
                <a:lnTo>
                  <a:pt x="4296" y="4000"/>
                </a:lnTo>
                <a:cubicBezTo>
                  <a:pt x="4321" y="3946"/>
                  <a:pt x="4345" y="3892"/>
                  <a:pt x="4370" y="3838"/>
                </a:cubicBezTo>
                <a:lnTo>
                  <a:pt x="4247" y="3773"/>
                </a:lnTo>
                <a:lnTo>
                  <a:pt x="4704" y="3276"/>
                </a:lnTo>
                <a:lnTo>
                  <a:pt x="4444" y="3038"/>
                </a:lnTo>
                <a:lnTo>
                  <a:pt x="4605" y="3038"/>
                </a:lnTo>
                <a:cubicBezTo>
                  <a:pt x="4638" y="2908"/>
                  <a:pt x="4671" y="2779"/>
                  <a:pt x="4704" y="2649"/>
                </a:cubicBezTo>
                <a:lnTo>
                  <a:pt x="5037" y="2649"/>
                </a:lnTo>
                <a:lnTo>
                  <a:pt x="5037" y="2259"/>
                </a:lnTo>
                <a:lnTo>
                  <a:pt x="5519" y="2259"/>
                </a:lnTo>
                <a:cubicBezTo>
                  <a:pt x="5548" y="2277"/>
                  <a:pt x="5576" y="2296"/>
                  <a:pt x="5605" y="2314"/>
                </a:cubicBezTo>
                <a:lnTo>
                  <a:pt x="5753" y="2259"/>
                </a:lnTo>
                <a:lnTo>
                  <a:pt x="5753" y="2108"/>
                </a:lnTo>
                <a:cubicBezTo>
                  <a:pt x="5778" y="2036"/>
                  <a:pt x="5802" y="1964"/>
                  <a:pt x="5827" y="1892"/>
                </a:cubicBezTo>
                <a:lnTo>
                  <a:pt x="5605" y="1751"/>
                </a:lnTo>
                <a:lnTo>
                  <a:pt x="6037" y="1838"/>
                </a:lnTo>
                <a:lnTo>
                  <a:pt x="6185" y="1654"/>
                </a:lnTo>
                <a:lnTo>
                  <a:pt x="6333" y="1676"/>
                </a:lnTo>
                <a:lnTo>
                  <a:pt x="6333" y="1676"/>
                </a:lnTo>
                <a:lnTo>
                  <a:pt x="6333" y="1676"/>
                </a:lnTo>
                <a:lnTo>
                  <a:pt x="7148" y="2119"/>
                </a:lnTo>
                <a:lnTo>
                  <a:pt x="7432" y="2054"/>
                </a:lnTo>
                <a:lnTo>
                  <a:pt x="7889" y="2065"/>
                </a:lnTo>
                <a:cubicBezTo>
                  <a:pt x="8201" y="2079"/>
                  <a:pt x="9108" y="2154"/>
                  <a:pt x="9304" y="2139"/>
                </a:cubicBezTo>
                <a:cubicBezTo>
                  <a:pt x="9500" y="2124"/>
                  <a:pt x="9087" y="2038"/>
                  <a:pt x="9067" y="1975"/>
                </a:cubicBezTo>
                <a:cubicBezTo>
                  <a:pt x="9047" y="1912"/>
                  <a:pt x="9108" y="1804"/>
                  <a:pt x="9182" y="1764"/>
                </a:cubicBezTo>
                <a:cubicBezTo>
                  <a:pt x="9256" y="1724"/>
                  <a:pt x="9128" y="1730"/>
                  <a:pt x="9172" y="1685"/>
                </a:cubicBezTo>
                <a:cubicBezTo>
                  <a:pt x="9216" y="1640"/>
                  <a:pt x="9425" y="1546"/>
                  <a:pt x="9444" y="1492"/>
                </a:cubicBezTo>
                <a:cubicBezTo>
                  <a:pt x="9463" y="1438"/>
                  <a:pt x="9284" y="1362"/>
                  <a:pt x="9284" y="1362"/>
                </a:cubicBezTo>
                <a:cubicBezTo>
                  <a:pt x="9305" y="1358"/>
                  <a:pt x="9325" y="1355"/>
                  <a:pt x="9346" y="1351"/>
                </a:cubicBezTo>
                <a:lnTo>
                  <a:pt x="9679" y="1146"/>
                </a:lnTo>
                <a:lnTo>
                  <a:pt x="9938" y="1178"/>
                </a:lnTo>
                <a:cubicBezTo>
                  <a:pt x="9959" y="1074"/>
                  <a:pt x="9979" y="969"/>
                  <a:pt x="10000" y="865"/>
                </a:cubicBezTo>
                <a:cubicBezTo>
                  <a:pt x="10000" y="865"/>
                  <a:pt x="9914" y="692"/>
                  <a:pt x="9914" y="627"/>
                </a:cubicBez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6" name="Finland"/>
          <p:cNvSpPr>
            <a:spLocks/>
          </p:cNvSpPr>
          <p:nvPr/>
        </p:nvSpPr>
        <p:spPr bwMode="auto">
          <a:xfrm>
            <a:off x="9746188" y="273050"/>
            <a:ext cx="1227138" cy="1990725"/>
          </a:xfrm>
          <a:custGeom>
            <a:avLst/>
            <a:gdLst>
              <a:gd name="T0" fmla="*/ 181 w 428"/>
              <a:gd name="T1" fmla="*/ 0 h 694"/>
              <a:gd name="T2" fmla="*/ 158 w 428"/>
              <a:gd name="T3" fmla="*/ 16 h 694"/>
              <a:gd name="T4" fmla="*/ 148 w 428"/>
              <a:gd name="T5" fmla="*/ 102 h 694"/>
              <a:gd name="T6" fmla="*/ 91 w 428"/>
              <a:gd name="T7" fmla="*/ 102 h 694"/>
              <a:gd name="T8" fmla="*/ 26 w 428"/>
              <a:gd name="T9" fmla="*/ 90 h 694"/>
              <a:gd name="T10" fmla="*/ 14 w 428"/>
              <a:gd name="T11" fmla="*/ 88 h 694"/>
              <a:gd name="T12" fmla="*/ 26 w 428"/>
              <a:gd name="T13" fmla="*/ 126 h 694"/>
              <a:gd name="T14" fmla="*/ 65 w 428"/>
              <a:gd name="T15" fmla="*/ 137 h 694"/>
              <a:gd name="T16" fmla="*/ 84 w 428"/>
              <a:gd name="T17" fmla="*/ 159 h 694"/>
              <a:gd name="T18" fmla="*/ 102 w 428"/>
              <a:gd name="T19" fmla="*/ 191 h 694"/>
              <a:gd name="T20" fmla="*/ 116 w 428"/>
              <a:gd name="T21" fmla="*/ 231 h 694"/>
              <a:gd name="T22" fmla="*/ 137 w 428"/>
              <a:gd name="T23" fmla="*/ 290 h 694"/>
              <a:gd name="T24" fmla="*/ 180 w 428"/>
              <a:gd name="T25" fmla="*/ 316 h 694"/>
              <a:gd name="T26" fmla="*/ 201 w 428"/>
              <a:gd name="T27" fmla="*/ 341 h 694"/>
              <a:gd name="T28" fmla="*/ 171 w 428"/>
              <a:gd name="T29" fmla="*/ 361 h 694"/>
              <a:gd name="T30" fmla="*/ 151 w 428"/>
              <a:gd name="T31" fmla="*/ 419 h 694"/>
              <a:gd name="T32" fmla="*/ 131 w 428"/>
              <a:gd name="T33" fmla="*/ 440 h 694"/>
              <a:gd name="T34" fmla="*/ 116 w 428"/>
              <a:gd name="T35" fmla="*/ 479 h 694"/>
              <a:gd name="T36" fmla="*/ 95 w 428"/>
              <a:gd name="T37" fmla="*/ 494 h 694"/>
              <a:gd name="T38" fmla="*/ 99 w 428"/>
              <a:gd name="T39" fmla="*/ 542 h 694"/>
              <a:gd name="T40" fmla="*/ 119 w 428"/>
              <a:gd name="T41" fmla="*/ 590 h 694"/>
              <a:gd name="T42" fmla="*/ 122 w 428"/>
              <a:gd name="T43" fmla="*/ 618 h 694"/>
              <a:gd name="T44" fmla="*/ 124 w 428"/>
              <a:gd name="T45" fmla="*/ 644 h 694"/>
              <a:gd name="T46" fmla="*/ 136 w 428"/>
              <a:gd name="T47" fmla="*/ 660 h 694"/>
              <a:gd name="T48" fmla="*/ 171 w 428"/>
              <a:gd name="T49" fmla="*/ 673 h 694"/>
              <a:gd name="T50" fmla="*/ 190 w 428"/>
              <a:gd name="T51" fmla="*/ 686 h 694"/>
              <a:gd name="T52" fmla="*/ 218 w 428"/>
              <a:gd name="T53" fmla="*/ 694 h 694"/>
              <a:gd name="T54" fmla="*/ 262 w 428"/>
              <a:gd name="T55" fmla="*/ 666 h 694"/>
              <a:gd name="T56" fmla="*/ 293 w 428"/>
              <a:gd name="T57" fmla="*/ 635 h 694"/>
              <a:gd name="T58" fmla="*/ 335 w 428"/>
              <a:gd name="T59" fmla="*/ 623 h 694"/>
              <a:gd name="T60" fmla="*/ 397 w 428"/>
              <a:gd name="T61" fmla="*/ 551 h 694"/>
              <a:gd name="T62" fmla="*/ 428 w 428"/>
              <a:gd name="T63" fmla="*/ 448 h 694"/>
              <a:gd name="T64" fmla="*/ 367 w 428"/>
              <a:gd name="T65" fmla="*/ 391 h 694"/>
              <a:gd name="T66" fmla="*/ 367 w 428"/>
              <a:gd name="T67" fmla="*/ 344 h 694"/>
              <a:gd name="T68" fmla="*/ 345 w 428"/>
              <a:gd name="T69" fmla="*/ 338 h 694"/>
              <a:gd name="T70" fmla="*/ 332 w 428"/>
              <a:gd name="T71" fmla="*/ 323 h 694"/>
              <a:gd name="T72" fmla="*/ 327 w 428"/>
              <a:gd name="T73" fmla="*/ 301 h 694"/>
              <a:gd name="T74" fmla="*/ 311 w 428"/>
              <a:gd name="T75" fmla="*/ 272 h 694"/>
              <a:gd name="T76" fmla="*/ 275 w 428"/>
              <a:gd name="T77" fmla="*/ 207 h 694"/>
              <a:gd name="T78" fmla="*/ 275 w 428"/>
              <a:gd name="T79" fmla="*/ 147 h 694"/>
              <a:gd name="T80" fmla="*/ 252 w 428"/>
              <a:gd name="T81" fmla="*/ 126 h 694"/>
              <a:gd name="T82" fmla="*/ 223 w 428"/>
              <a:gd name="T83" fmla="*/ 114 h 694"/>
              <a:gd name="T84" fmla="*/ 218 w 428"/>
              <a:gd name="T85" fmla="*/ 75 h 694"/>
              <a:gd name="T86" fmla="*/ 201 w 428"/>
              <a:gd name="T87" fmla="*/ 67 h 694"/>
              <a:gd name="T88" fmla="*/ 215 w 428"/>
              <a:gd name="T89" fmla="*/ 36 h 694"/>
              <a:gd name="T90" fmla="*/ 199 w 428"/>
              <a:gd name="T91" fmla="*/ 12 h 694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023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4860 w 10000"/>
              <a:gd name="connsiteY85" fmla="*/ 1081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680 w 10000"/>
              <a:gd name="connsiteY83" fmla="*/ 1617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44 w 10000"/>
              <a:gd name="connsiteY83" fmla="*/ 1551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507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</a:cxnLst>
            <a:rect l="l" t="t" r="r" b="b"/>
            <a:pathLst>
              <a:path w="10000" h="10000">
                <a:moveTo>
                  <a:pt x="4650" y="173"/>
                </a:moveTo>
                <a:lnTo>
                  <a:pt x="4229" y="0"/>
                </a:lnTo>
                <a:cubicBezTo>
                  <a:pt x="4167" y="58"/>
                  <a:pt x="4104" y="115"/>
                  <a:pt x="4042" y="173"/>
                </a:cubicBezTo>
                <a:lnTo>
                  <a:pt x="3692" y="231"/>
                </a:lnTo>
                <a:lnTo>
                  <a:pt x="3435" y="720"/>
                </a:lnTo>
                <a:cubicBezTo>
                  <a:pt x="3443" y="970"/>
                  <a:pt x="3450" y="1220"/>
                  <a:pt x="3458" y="1470"/>
                </a:cubicBezTo>
                <a:lnTo>
                  <a:pt x="2687" y="1801"/>
                </a:lnTo>
                <a:lnTo>
                  <a:pt x="2126" y="1470"/>
                </a:lnTo>
                <a:lnTo>
                  <a:pt x="1636" y="1657"/>
                </a:lnTo>
                <a:lnTo>
                  <a:pt x="607" y="1297"/>
                </a:lnTo>
                <a:lnTo>
                  <a:pt x="607" y="1297"/>
                </a:lnTo>
                <a:lnTo>
                  <a:pt x="327" y="1268"/>
                </a:lnTo>
                <a:lnTo>
                  <a:pt x="0" y="1542"/>
                </a:lnTo>
                <a:lnTo>
                  <a:pt x="607" y="1816"/>
                </a:lnTo>
                <a:lnTo>
                  <a:pt x="724" y="1830"/>
                </a:lnTo>
                <a:lnTo>
                  <a:pt x="1519" y="1974"/>
                </a:lnTo>
                <a:lnTo>
                  <a:pt x="1636" y="2046"/>
                </a:lnTo>
                <a:lnTo>
                  <a:pt x="1963" y="2291"/>
                </a:lnTo>
                <a:cubicBezTo>
                  <a:pt x="2017" y="2445"/>
                  <a:pt x="2072" y="2598"/>
                  <a:pt x="2126" y="2752"/>
                </a:cubicBezTo>
                <a:lnTo>
                  <a:pt x="2383" y="2752"/>
                </a:lnTo>
                <a:lnTo>
                  <a:pt x="2383" y="3012"/>
                </a:lnTo>
                <a:lnTo>
                  <a:pt x="2710" y="3329"/>
                </a:lnTo>
                <a:lnTo>
                  <a:pt x="2617" y="3689"/>
                </a:lnTo>
                <a:lnTo>
                  <a:pt x="3201" y="4179"/>
                </a:lnTo>
                <a:lnTo>
                  <a:pt x="3645" y="4395"/>
                </a:lnTo>
                <a:lnTo>
                  <a:pt x="4206" y="4553"/>
                </a:lnTo>
                <a:cubicBezTo>
                  <a:pt x="4253" y="4649"/>
                  <a:pt x="4299" y="4745"/>
                  <a:pt x="4346" y="4841"/>
                </a:cubicBezTo>
                <a:lnTo>
                  <a:pt x="4696" y="4914"/>
                </a:lnTo>
                <a:lnTo>
                  <a:pt x="4346" y="5029"/>
                </a:lnTo>
                <a:lnTo>
                  <a:pt x="3995" y="5202"/>
                </a:lnTo>
                <a:lnTo>
                  <a:pt x="3645" y="5692"/>
                </a:lnTo>
                <a:lnTo>
                  <a:pt x="3528" y="6037"/>
                </a:lnTo>
                <a:lnTo>
                  <a:pt x="3178" y="6182"/>
                </a:lnTo>
                <a:lnTo>
                  <a:pt x="3061" y="6340"/>
                </a:lnTo>
                <a:lnTo>
                  <a:pt x="2687" y="6427"/>
                </a:lnTo>
                <a:cubicBezTo>
                  <a:pt x="2695" y="6585"/>
                  <a:pt x="2702" y="6744"/>
                  <a:pt x="2710" y="6902"/>
                </a:cubicBezTo>
                <a:lnTo>
                  <a:pt x="2173" y="6902"/>
                </a:lnTo>
                <a:cubicBezTo>
                  <a:pt x="2189" y="6974"/>
                  <a:pt x="2204" y="7046"/>
                  <a:pt x="2220" y="7118"/>
                </a:cubicBezTo>
                <a:lnTo>
                  <a:pt x="1963" y="7507"/>
                </a:lnTo>
                <a:lnTo>
                  <a:pt x="2313" y="7810"/>
                </a:lnTo>
                <a:lnTo>
                  <a:pt x="2313" y="8141"/>
                </a:lnTo>
                <a:lnTo>
                  <a:pt x="2780" y="8501"/>
                </a:lnTo>
                <a:lnTo>
                  <a:pt x="2570" y="8602"/>
                </a:lnTo>
                <a:lnTo>
                  <a:pt x="2850" y="8905"/>
                </a:lnTo>
                <a:lnTo>
                  <a:pt x="2570" y="9063"/>
                </a:lnTo>
                <a:lnTo>
                  <a:pt x="2897" y="9280"/>
                </a:lnTo>
                <a:lnTo>
                  <a:pt x="2897" y="9582"/>
                </a:lnTo>
                <a:lnTo>
                  <a:pt x="3178" y="9510"/>
                </a:lnTo>
                <a:lnTo>
                  <a:pt x="3645" y="9553"/>
                </a:lnTo>
                <a:lnTo>
                  <a:pt x="3995" y="9697"/>
                </a:lnTo>
                <a:lnTo>
                  <a:pt x="4346" y="9669"/>
                </a:lnTo>
                <a:lnTo>
                  <a:pt x="4439" y="9885"/>
                </a:lnTo>
                <a:lnTo>
                  <a:pt x="4720" y="9914"/>
                </a:lnTo>
                <a:lnTo>
                  <a:pt x="5093" y="10000"/>
                </a:lnTo>
                <a:lnTo>
                  <a:pt x="5444" y="9755"/>
                </a:lnTo>
                <a:lnTo>
                  <a:pt x="6121" y="9597"/>
                </a:lnTo>
                <a:lnTo>
                  <a:pt x="6846" y="9337"/>
                </a:lnTo>
                <a:lnTo>
                  <a:pt x="6846" y="9150"/>
                </a:lnTo>
                <a:lnTo>
                  <a:pt x="7407" y="9207"/>
                </a:lnTo>
                <a:lnTo>
                  <a:pt x="7827" y="8977"/>
                </a:lnTo>
                <a:lnTo>
                  <a:pt x="8248" y="8977"/>
                </a:lnTo>
                <a:lnTo>
                  <a:pt x="9276" y="7939"/>
                </a:lnTo>
                <a:lnTo>
                  <a:pt x="10000" y="6787"/>
                </a:lnTo>
                <a:lnTo>
                  <a:pt x="10000" y="6455"/>
                </a:lnTo>
                <a:lnTo>
                  <a:pt x="10000" y="6066"/>
                </a:lnTo>
                <a:lnTo>
                  <a:pt x="8575" y="5634"/>
                </a:lnTo>
                <a:lnTo>
                  <a:pt x="8785" y="5216"/>
                </a:lnTo>
                <a:lnTo>
                  <a:pt x="8575" y="4957"/>
                </a:lnTo>
                <a:lnTo>
                  <a:pt x="8271" y="5029"/>
                </a:lnTo>
                <a:lnTo>
                  <a:pt x="8061" y="4870"/>
                </a:lnTo>
                <a:cubicBezTo>
                  <a:pt x="8053" y="4784"/>
                  <a:pt x="8045" y="4697"/>
                  <a:pt x="8037" y="4611"/>
                </a:cubicBezTo>
                <a:lnTo>
                  <a:pt x="7757" y="4654"/>
                </a:lnTo>
                <a:lnTo>
                  <a:pt x="7523" y="4539"/>
                </a:lnTo>
                <a:lnTo>
                  <a:pt x="7640" y="4337"/>
                </a:lnTo>
                <a:lnTo>
                  <a:pt x="7266" y="4251"/>
                </a:lnTo>
                <a:lnTo>
                  <a:pt x="7266" y="3919"/>
                </a:lnTo>
                <a:lnTo>
                  <a:pt x="7593" y="3732"/>
                </a:lnTo>
                <a:lnTo>
                  <a:pt x="6425" y="2983"/>
                </a:lnTo>
                <a:lnTo>
                  <a:pt x="6145" y="2839"/>
                </a:lnTo>
                <a:lnTo>
                  <a:pt x="6425" y="2118"/>
                </a:lnTo>
                <a:lnTo>
                  <a:pt x="6285" y="1873"/>
                </a:lnTo>
                <a:cubicBezTo>
                  <a:pt x="6153" y="1854"/>
                  <a:pt x="6035" y="1845"/>
                  <a:pt x="5888" y="1816"/>
                </a:cubicBezTo>
                <a:cubicBezTo>
                  <a:pt x="5741" y="1787"/>
                  <a:pt x="5438" y="1750"/>
                  <a:pt x="5400" y="1697"/>
                </a:cubicBezTo>
                <a:cubicBezTo>
                  <a:pt x="5362" y="1644"/>
                  <a:pt x="5614" y="1566"/>
                  <a:pt x="5659" y="1498"/>
                </a:cubicBezTo>
                <a:cubicBezTo>
                  <a:pt x="5704" y="1430"/>
                  <a:pt x="5689" y="1340"/>
                  <a:pt x="5673" y="1290"/>
                </a:cubicBezTo>
                <a:cubicBezTo>
                  <a:pt x="5657" y="1240"/>
                  <a:pt x="5592" y="1278"/>
                  <a:pt x="5564" y="1200"/>
                </a:cubicBezTo>
                <a:cubicBezTo>
                  <a:pt x="5536" y="1122"/>
                  <a:pt x="5537" y="896"/>
                  <a:pt x="5507" y="820"/>
                </a:cubicBezTo>
                <a:cubicBezTo>
                  <a:pt x="5477" y="744"/>
                  <a:pt x="5420" y="795"/>
                  <a:pt x="5386" y="745"/>
                </a:cubicBezTo>
                <a:cubicBezTo>
                  <a:pt x="5352" y="695"/>
                  <a:pt x="5300" y="519"/>
                  <a:pt x="5300" y="519"/>
                </a:cubicBezTo>
                <a:cubicBezTo>
                  <a:pt x="5293" y="453"/>
                  <a:pt x="5200" y="413"/>
                  <a:pt x="5193" y="347"/>
                </a:cubicBezTo>
                <a:lnTo>
                  <a:pt x="4650" y="17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67" name="Sweden"/>
          <p:cNvGrpSpPr/>
          <p:nvPr/>
        </p:nvGrpSpPr>
        <p:grpSpPr>
          <a:xfrm>
            <a:off x="9011176" y="550863"/>
            <a:ext cx="1127125" cy="2687638"/>
            <a:chOff x="9032196" y="550863"/>
            <a:chExt cx="1127125" cy="2687638"/>
          </a:xfrm>
          <a:solidFill>
            <a:schemeClr val="accent3"/>
          </a:solidFill>
        </p:grpSpPr>
        <p:sp>
          <p:nvSpPr>
            <p:cNvPr id="68" name="Sweden"/>
            <p:cNvSpPr>
              <a:spLocks/>
            </p:cNvSpPr>
            <p:nvPr/>
          </p:nvSpPr>
          <p:spPr bwMode="auto">
            <a:xfrm>
              <a:off x="9032196" y="550863"/>
              <a:ext cx="1127125" cy="2687638"/>
            </a:xfrm>
            <a:custGeom>
              <a:avLst/>
              <a:gdLst>
                <a:gd name="T0" fmla="*/ 36 w 710"/>
                <a:gd name="T1" fmla="*/ 1178 h 1693"/>
                <a:gd name="T2" fmla="*/ 87 w 710"/>
                <a:gd name="T3" fmla="*/ 1051 h 1693"/>
                <a:gd name="T4" fmla="*/ 107 w 710"/>
                <a:gd name="T5" fmla="*/ 952 h 1693"/>
                <a:gd name="T6" fmla="*/ 40 w 710"/>
                <a:gd name="T7" fmla="*/ 817 h 1693"/>
                <a:gd name="T8" fmla="*/ 45 w 710"/>
                <a:gd name="T9" fmla="*/ 699 h 1693"/>
                <a:gd name="T10" fmla="*/ 147 w 710"/>
                <a:gd name="T11" fmla="*/ 636 h 1693"/>
                <a:gd name="T12" fmla="*/ 168 w 710"/>
                <a:gd name="T13" fmla="*/ 482 h 1693"/>
                <a:gd name="T14" fmla="*/ 222 w 710"/>
                <a:gd name="T15" fmla="*/ 349 h 1693"/>
                <a:gd name="T16" fmla="*/ 233 w 710"/>
                <a:gd name="T17" fmla="*/ 215 h 1693"/>
                <a:gd name="T18" fmla="*/ 289 w 710"/>
                <a:gd name="T19" fmla="*/ 150 h 1693"/>
                <a:gd name="T20" fmla="*/ 390 w 710"/>
                <a:gd name="T21" fmla="*/ 85 h 1693"/>
                <a:gd name="T22" fmla="*/ 425 w 710"/>
                <a:gd name="T23" fmla="*/ 60 h 1693"/>
                <a:gd name="T24" fmla="*/ 466 w 710"/>
                <a:gd name="T25" fmla="*/ 14 h 1693"/>
                <a:gd name="T26" fmla="*/ 614 w 710"/>
                <a:gd name="T27" fmla="*/ 107 h 1693"/>
                <a:gd name="T28" fmla="*/ 647 w 710"/>
                <a:gd name="T29" fmla="*/ 197 h 1693"/>
                <a:gd name="T30" fmla="*/ 710 w 710"/>
                <a:gd name="T31" fmla="*/ 343 h 1693"/>
                <a:gd name="T32" fmla="*/ 652 w 710"/>
                <a:gd name="T33" fmla="*/ 388 h 1693"/>
                <a:gd name="T34" fmla="*/ 562 w 710"/>
                <a:gd name="T35" fmla="*/ 443 h 1693"/>
                <a:gd name="T36" fmla="*/ 604 w 710"/>
                <a:gd name="T37" fmla="*/ 537 h 1693"/>
                <a:gd name="T38" fmla="*/ 490 w 710"/>
                <a:gd name="T39" fmla="*/ 683 h 1693"/>
                <a:gd name="T40" fmla="*/ 441 w 710"/>
                <a:gd name="T41" fmla="*/ 744 h 1693"/>
                <a:gd name="T42" fmla="*/ 385 w 710"/>
                <a:gd name="T43" fmla="*/ 817 h 1693"/>
                <a:gd name="T44" fmla="*/ 376 w 710"/>
                <a:gd name="T45" fmla="*/ 903 h 1693"/>
                <a:gd name="T46" fmla="*/ 407 w 710"/>
                <a:gd name="T47" fmla="*/ 1012 h 1693"/>
                <a:gd name="T48" fmla="*/ 490 w 710"/>
                <a:gd name="T49" fmla="*/ 1060 h 1693"/>
                <a:gd name="T50" fmla="*/ 539 w 710"/>
                <a:gd name="T51" fmla="*/ 1107 h 1693"/>
                <a:gd name="T52" fmla="*/ 454 w 710"/>
                <a:gd name="T53" fmla="*/ 1156 h 1693"/>
                <a:gd name="T54" fmla="*/ 439 w 710"/>
                <a:gd name="T55" fmla="*/ 1169 h 1693"/>
                <a:gd name="T56" fmla="*/ 347 w 710"/>
                <a:gd name="T57" fmla="*/ 1187 h 1693"/>
                <a:gd name="T58" fmla="*/ 446 w 710"/>
                <a:gd name="T59" fmla="*/ 1241 h 1693"/>
                <a:gd name="T60" fmla="*/ 409 w 710"/>
                <a:gd name="T61" fmla="*/ 1312 h 1693"/>
                <a:gd name="T62" fmla="*/ 407 w 710"/>
                <a:gd name="T63" fmla="*/ 1398 h 1693"/>
                <a:gd name="T64" fmla="*/ 383 w 710"/>
                <a:gd name="T65" fmla="*/ 1523 h 1693"/>
                <a:gd name="T66" fmla="*/ 282 w 710"/>
                <a:gd name="T67" fmla="*/ 1583 h 1693"/>
                <a:gd name="T68" fmla="*/ 244 w 710"/>
                <a:gd name="T69" fmla="*/ 1626 h 1693"/>
                <a:gd name="T70" fmla="*/ 213 w 710"/>
                <a:gd name="T71" fmla="*/ 1680 h 1693"/>
                <a:gd name="T72" fmla="*/ 147 w 710"/>
                <a:gd name="T73" fmla="*/ 1659 h 1693"/>
                <a:gd name="T74" fmla="*/ 109 w 710"/>
                <a:gd name="T75" fmla="*/ 1588 h 1693"/>
                <a:gd name="T76" fmla="*/ 141 w 710"/>
                <a:gd name="T77" fmla="*/ 1537 h 1693"/>
                <a:gd name="T78" fmla="*/ 54 w 710"/>
                <a:gd name="T79" fmla="*/ 1456 h 1693"/>
                <a:gd name="T80" fmla="*/ 51 w 710"/>
                <a:gd name="T81" fmla="*/ 1348 h 1693"/>
                <a:gd name="T82" fmla="*/ 0 w 710"/>
                <a:gd name="T83" fmla="*/ 1330 h 16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10" h="1693">
                  <a:moveTo>
                    <a:pt x="0" y="1257"/>
                  </a:moveTo>
                  <a:lnTo>
                    <a:pt x="36" y="1257"/>
                  </a:lnTo>
                  <a:lnTo>
                    <a:pt x="36" y="1178"/>
                  </a:lnTo>
                  <a:lnTo>
                    <a:pt x="51" y="1144"/>
                  </a:lnTo>
                  <a:lnTo>
                    <a:pt x="96" y="1122"/>
                  </a:lnTo>
                  <a:lnTo>
                    <a:pt x="87" y="1051"/>
                  </a:lnTo>
                  <a:lnTo>
                    <a:pt x="63" y="1008"/>
                  </a:lnTo>
                  <a:lnTo>
                    <a:pt x="87" y="1008"/>
                  </a:lnTo>
                  <a:lnTo>
                    <a:pt x="107" y="952"/>
                  </a:lnTo>
                  <a:lnTo>
                    <a:pt x="62" y="927"/>
                  </a:lnTo>
                  <a:lnTo>
                    <a:pt x="69" y="851"/>
                  </a:lnTo>
                  <a:lnTo>
                    <a:pt x="40" y="817"/>
                  </a:lnTo>
                  <a:lnTo>
                    <a:pt x="62" y="768"/>
                  </a:lnTo>
                  <a:lnTo>
                    <a:pt x="38" y="743"/>
                  </a:lnTo>
                  <a:lnTo>
                    <a:pt x="45" y="699"/>
                  </a:lnTo>
                  <a:lnTo>
                    <a:pt x="74" y="654"/>
                  </a:lnTo>
                  <a:lnTo>
                    <a:pt x="107" y="636"/>
                  </a:lnTo>
                  <a:lnTo>
                    <a:pt x="147" y="636"/>
                  </a:lnTo>
                  <a:lnTo>
                    <a:pt x="168" y="598"/>
                  </a:lnTo>
                  <a:lnTo>
                    <a:pt x="138" y="574"/>
                  </a:lnTo>
                  <a:lnTo>
                    <a:pt x="168" y="482"/>
                  </a:lnTo>
                  <a:lnTo>
                    <a:pt x="168" y="376"/>
                  </a:lnTo>
                  <a:lnTo>
                    <a:pt x="212" y="376"/>
                  </a:lnTo>
                  <a:lnTo>
                    <a:pt x="222" y="349"/>
                  </a:lnTo>
                  <a:lnTo>
                    <a:pt x="204" y="338"/>
                  </a:lnTo>
                  <a:lnTo>
                    <a:pt x="271" y="255"/>
                  </a:lnTo>
                  <a:lnTo>
                    <a:pt x="233" y="215"/>
                  </a:lnTo>
                  <a:lnTo>
                    <a:pt x="257" y="215"/>
                  </a:lnTo>
                  <a:lnTo>
                    <a:pt x="271" y="150"/>
                  </a:lnTo>
                  <a:lnTo>
                    <a:pt x="289" y="150"/>
                  </a:lnTo>
                  <a:lnTo>
                    <a:pt x="320" y="150"/>
                  </a:lnTo>
                  <a:lnTo>
                    <a:pt x="320" y="85"/>
                  </a:lnTo>
                  <a:lnTo>
                    <a:pt x="390" y="85"/>
                  </a:lnTo>
                  <a:lnTo>
                    <a:pt x="403" y="94"/>
                  </a:lnTo>
                  <a:lnTo>
                    <a:pt x="425" y="85"/>
                  </a:lnTo>
                  <a:lnTo>
                    <a:pt x="425" y="60"/>
                  </a:lnTo>
                  <a:lnTo>
                    <a:pt x="436" y="23"/>
                  </a:lnTo>
                  <a:lnTo>
                    <a:pt x="403" y="0"/>
                  </a:lnTo>
                  <a:lnTo>
                    <a:pt x="466" y="14"/>
                  </a:lnTo>
                  <a:lnTo>
                    <a:pt x="510" y="47"/>
                  </a:lnTo>
                  <a:lnTo>
                    <a:pt x="580" y="67"/>
                  </a:lnTo>
                  <a:lnTo>
                    <a:pt x="614" y="107"/>
                  </a:lnTo>
                  <a:lnTo>
                    <a:pt x="627" y="164"/>
                  </a:lnTo>
                  <a:lnTo>
                    <a:pt x="647" y="164"/>
                  </a:lnTo>
                  <a:lnTo>
                    <a:pt x="647" y="197"/>
                  </a:lnTo>
                  <a:lnTo>
                    <a:pt x="674" y="237"/>
                  </a:lnTo>
                  <a:lnTo>
                    <a:pt x="667" y="285"/>
                  </a:lnTo>
                  <a:lnTo>
                    <a:pt x="710" y="343"/>
                  </a:lnTo>
                  <a:lnTo>
                    <a:pt x="710" y="363"/>
                  </a:lnTo>
                  <a:lnTo>
                    <a:pt x="656" y="370"/>
                  </a:lnTo>
                  <a:lnTo>
                    <a:pt x="652" y="388"/>
                  </a:lnTo>
                  <a:lnTo>
                    <a:pt x="620" y="372"/>
                  </a:lnTo>
                  <a:lnTo>
                    <a:pt x="589" y="426"/>
                  </a:lnTo>
                  <a:lnTo>
                    <a:pt x="562" y="443"/>
                  </a:lnTo>
                  <a:lnTo>
                    <a:pt x="580" y="462"/>
                  </a:lnTo>
                  <a:lnTo>
                    <a:pt x="564" y="508"/>
                  </a:lnTo>
                  <a:lnTo>
                    <a:pt x="604" y="537"/>
                  </a:lnTo>
                  <a:lnTo>
                    <a:pt x="564" y="602"/>
                  </a:lnTo>
                  <a:lnTo>
                    <a:pt x="562" y="638"/>
                  </a:lnTo>
                  <a:lnTo>
                    <a:pt x="490" y="683"/>
                  </a:lnTo>
                  <a:lnTo>
                    <a:pt x="477" y="712"/>
                  </a:lnTo>
                  <a:lnTo>
                    <a:pt x="454" y="714"/>
                  </a:lnTo>
                  <a:lnTo>
                    <a:pt x="441" y="744"/>
                  </a:lnTo>
                  <a:lnTo>
                    <a:pt x="414" y="773"/>
                  </a:lnTo>
                  <a:lnTo>
                    <a:pt x="416" y="791"/>
                  </a:lnTo>
                  <a:lnTo>
                    <a:pt x="385" y="817"/>
                  </a:lnTo>
                  <a:lnTo>
                    <a:pt x="400" y="851"/>
                  </a:lnTo>
                  <a:lnTo>
                    <a:pt x="412" y="902"/>
                  </a:lnTo>
                  <a:lnTo>
                    <a:pt x="376" y="903"/>
                  </a:lnTo>
                  <a:lnTo>
                    <a:pt x="387" y="932"/>
                  </a:lnTo>
                  <a:lnTo>
                    <a:pt x="381" y="970"/>
                  </a:lnTo>
                  <a:lnTo>
                    <a:pt x="407" y="1012"/>
                  </a:lnTo>
                  <a:lnTo>
                    <a:pt x="405" y="1032"/>
                  </a:lnTo>
                  <a:lnTo>
                    <a:pt x="450" y="1032"/>
                  </a:lnTo>
                  <a:lnTo>
                    <a:pt x="490" y="1060"/>
                  </a:lnTo>
                  <a:lnTo>
                    <a:pt x="497" y="1088"/>
                  </a:lnTo>
                  <a:lnTo>
                    <a:pt x="517" y="1082"/>
                  </a:lnTo>
                  <a:lnTo>
                    <a:pt x="539" y="1107"/>
                  </a:lnTo>
                  <a:lnTo>
                    <a:pt x="517" y="1135"/>
                  </a:lnTo>
                  <a:lnTo>
                    <a:pt x="484" y="1169"/>
                  </a:lnTo>
                  <a:lnTo>
                    <a:pt x="454" y="1156"/>
                  </a:lnTo>
                  <a:lnTo>
                    <a:pt x="456" y="1133"/>
                  </a:lnTo>
                  <a:lnTo>
                    <a:pt x="430" y="1129"/>
                  </a:lnTo>
                  <a:lnTo>
                    <a:pt x="439" y="1169"/>
                  </a:lnTo>
                  <a:lnTo>
                    <a:pt x="409" y="1162"/>
                  </a:lnTo>
                  <a:lnTo>
                    <a:pt x="356" y="1162"/>
                  </a:lnTo>
                  <a:lnTo>
                    <a:pt x="347" y="1187"/>
                  </a:lnTo>
                  <a:lnTo>
                    <a:pt x="418" y="1192"/>
                  </a:lnTo>
                  <a:lnTo>
                    <a:pt x="456" y="1192"/>
                  </a:lnTo>
                  <a:lnTo>
                    <a:pt x="446" y="1241"/>
                  </a:lnTo>
                  <a:lnTo>
                    <a:pt x="421" y="1263"/>
                  </a:lnTo>
                  <a:lnTo>
                    <a:pt x="394" y="1275"/>
                  </a:lnTo>
                  <a:lnTo>
                    <a:pt x="409" y="1312"/>
                  </a:lnTo>
                  <a:lnTo>
                    <a:pt x="409" y="1346"/>
                  </a:lnTo>
                  <a:lnTo>
                    <a:pt x="394" y="1368"/>
                  </a:lnTo>
                  <a:lnTo>
                    <a:pt x="407" y="1398"/>
                  </a:lnTo>
                  <a:lnTo>
                    <a:pt x="394" y="1434"/>
                  </a:lnTo>
                  <a:lnTo>
                    <a:pt x="400" y="1480"/>
                  </a:lnTo>
                  <a:lnTo>
                    <a:pt x="383" y="1523"/>
                  </a:lnTo>
                  <a:lnTo>
                    <a:pt x="372" y="1574"/>
                  </a:lnTo>
                  <a:lnTo>
                    <a:pt x="336" y="1574"/>
                  </a:lnTo>
                  <a:lnTo>
                    <a:pt x="282" y="1583"/>
                  </a:lnTo>
                  <a:lnTo>
                    <a:pt x="273" y="1603"/>
                  </a:lnTo>
                  <a:lnTo>
                    <a:pt x="242" y="1603"/>
                  </a:lnTo>
                  <a:lnTo>
                    <a:pt x="244" y="1626"/>
                  </a:lnTo>
                  <a:lnTo>
                    <a:pt x="257" y="1662"/>
                  </a:lnTo>
                  <a:lnTo>
                    <a:pt x="257" y="1680"/>
                  </a:lnTo>
                  <a:lnTo>
                    <a:pt x="213" y="1680"/>
                  </a:lnTo>
                  <a:lnTo>
                    <a:pt x="179" y="1693"/>
                  </a:lnTo>
                  <a:lnTo>
                    <a:pt x="147" y="1680"/>
                  </a:lnTo>
                  <a:lnTo>
                    <a:pt x="147" y="1659"/>
                  </a:lnTo>
                  <a:lnTo>
                    <a:pt x="148" y="1646"/>
                  </a:lnTo>
                  <a:lnTo>
                    <a:pt x="121" y="1612"/>
                  </a:lnTo>
                  <a:lnTo>
                    <a:pt x="109" y="1588"/>
                  </a:lnTo>
                  <a:lnTo>
                    <a:pt x="121" y="1574"/>
                  </a:lnTo>
                  <a:lnTo>
                    <a:pt x="119" y="1559"/>
                  </a:lnTo>
                  <a:lnTo>
                    <a:pt x="141" y="1537"/>
                  </a:lnTo>
                  <a:lnTo>
                    <a:pt x="94" y="1512"/>
                  </a:lnTo>
                  <a:lnTo>
                    <a:pt x="87" y="1481"/>
                  </a:lnTo>
                  <a:lnTo>
                    <a:pt x="54" y="1456"/>
                  </a:lnTo>
                  <a:lnTo>
                    <a:pt x="62" y="1409"/>
                  </a:lnTo>
                  <a:lnTo>
                    <a:pt x="44" y="1398"/>
                  </a:lnTo>
                  <a:lnTo>
                    <a:pt x="51" y="1348"/>
                  </a:lnTo>
                  <a:lnTo>
                    <a:pt x="42" y="1322"/>
                  </a:lnTo>
                  <a:lnTo>
                    <a:pt x="29" y="1351"/>
                  </a:lnTo>
                  <a:lnTo>
                    <a:pt x="0" y="1330"/>
                  </a:lnTo>
                  <a:lnTo>
                    <a:pt x="0" y="1299"/>
                  </a:lnTo>
                  <a:lnTo>
                    <a:pt x="0" y="12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9" name="Sweden"/>
            <p:cNvSpPr>
              <a:spLocks/>
            </p:cNvSpPr>
            <p:nvPr/>
          </p:nvSpPr>
          <p:spPr bwMode="auto">
            <a:xfrm>
              <a:off x="9864046" y="2687638"/>
              <a:ext cx="103188" cy="188913"/>
            </a:xfrm>
            <a:custGeom>
              <a:avLst/>
              <a:gdLst>
                <a:gd name="T0" fmla="*/ 0 w 65"/>
                <a:gd name="T1" fmla="*/ 43 h 119"/>
                <a:gd name="T2" fmla="*/ 38 w 65"/>
                <a:gd name="T3" fmla="*/ 0 h 119"/>
                <a:gd name="T4" fmla="*/ 65 w 65"/>
                <a:gd name="T5" fmla="*/ 7 h 119"/>
                <a:gd name="T6" fmla="*/ 49 w 65"/>
                <a:gd name="T7" fmla="*/ 49 h 119"/>
                <a:gd name="T8" fmla="*/ 62 w 65"/>
                <a:gd name="T9" fmla="*/ 58 h 119"/>
                <a:gd name="T10" fmla="*/ 20 w 65"/>
                <a:gd name="T11" fmla="*/ 119 h 119"/>
                <a:gd name="T12" fmla="*/ 7 w 65"/>
                <a:gd name="T13" fmla="*/ 116 h 119"/>
                <a:gd name="T14" fmla="*/ 0 w 65"/>
                <a:gd name="T15" fmla="*/ 72 h 119"/>
                <a:gd name="T16" fmla="*/ 0 w 65"/>
                <a:gd name="T17" fmla="*/ 43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5" h="119">
                  <a:moveTo>
                    <a:pt x="0" y="43"/>
                  </a:moveTo>
                  <a:lnTo>
                    <a:pt x="38" y="0"/>
                  </a:lnTo>
                  <a:lnTo>
                    <a:pt x="65" y="7"/>
                  </a:lnTo>
                  <a:lnTo>
                    <a:pt x="49" y="49"/>
                  </a:lnTo>
                  <a:lnTo>
                    <a:pt x="62" y="58"/>
                  </a:lnTo>
                  <a:lnTo>
                    <a:pt x="20" y="119"/>
                  </a:lnTo>
                  <a:lnTo>
                    <a:pt x="7" y="116"/>
                  </a:lnTo>
                  <a:lnTo>
                    <a:pt x="0" y="72"/>
                  </a:lnTo>
                  <a:lnTo>
                    <a:pt x="0" y="4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0" name="Sweden"/>
            <p:cNvSpPr>
              <a:spLocks/>
            </p:cNvSpPr>
            <p:nvPr/>
          </p:nvSpPr>
          <p:spPr bwMode="auto">
            <a:xfrm>
              <a:off x="9721171" y="2808288"/>
              <a:ext cx="28575" cy="74613"/>
            </a:xfrm>
            <a:custGeom>
              <a:avLst/>
              <a:gdLst>
                <a:gd name="T0" fmla="*/ 2 w 18"/>
                <a:gd name="T1" fmla="*/ 41 h 47"/>
                <a:gd name="T2" fmla="*/ 0 w 18"/>
                <a:gd name="T3" fmla="*/ 11 h 47"/>
                <a:gd name="T4" fmla="*/ 12 w 18"/>
                <a:gd name="T5" fmla="*/ 0 h 47"/>
                <a:gd name="T6" fmla="*/ 18 w 18"/>
                <a:gd name="T7" fmla="*/ 16 h 47"/>
                <a:gd name="T8" fmla="*/ 11 w 18"/>
                <a:gd name="T9" fmla="*/ 47 h 47"/>
                <a:gd name="T10" fmla="*/ 2 w 18"/>
                <a:gd name="T11" fmla="*/ 41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8" h="47">
                  <a:moveTo>
                    <a:pt x="2" y="41"/>
                  </a:moveTo>
                  <a:lnTo>
                    <a:pt x="0" y="11"/>
                  </a:lnTo>
                  <a:lnTo>
                    <a:pt x="12" y="0"/>
                  </a:lnTo>
                  <a:lnTo>
                    <a:pt x="18" y="16"/>
                  </a:lnTo>
                  <a:lnTo>
                    <a:pt x="11" y="47"/>
                  </a:lnTo>
                  <a:lnTo>
                    <a:pt x="2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1" name="Sweden"/>
            <p:cNvSpPr>
              <a:spLocks/>
            </p:cNvSpPr>
            <p:nvPr/>
          </p:nvSpPr>
          <p:spPr bwMode="auto">
            <a:xfrm>
              <a:off x="9675133" y="2882900"/>
              <a:ext cx="49213" cy="163513"/>
            </a:xfrm>
            <a:custGeom>
              <a:avLst/>
              <a:gdLst>
                <a:gd name="T0" fmla="*/ 22 w 31"/>
                <a:gd name="T1" fmla="*/ 9 h 103"/>
                <a:gd name="T2" fmla="*/ 22 w 31"/>
                <a:gd name="T3" fmla="*/ 0 h 103"/>
                <a:gd name="T4" fmla="*/ 31 w 31"/>
                <a:gd name="T5" fmla="*/ 11 h 103"/>
                <a:gd name="T6" fmla="*/ 22 w 31"/>
                <a:gd name="T7" fmla="*/ 32 h 103"/>
                <a:gd name="T8" fmla="*/ 20 w 31"/>
                <a:gd name="T9" fmla="*/ 47 h 103"/>
                <a:gd name="T10" fmla="*/ 22 w 31"/>
                <a:gd name="T11" fmla="*/ 83 h 103"/>
                <a:gd name="T12" fmla="*/ 9 w 31"/>
                <a:gd name="T13" fmla="*/ 103 h 103"/>
                <a:gd name="T14" fmla="*/ 0 w 31"/>
                <a:gd name="T15" fmla="*/ 81 h 103"/>
                <a:gd name="T16" fmla="*/ 0 w 31"/>
                <a:gd name="T17" fmla="*/ 50 h 103"/>
                <a:gd name="T18" fmla="*/ 7 w 31"/>
                <a:gd name="T19" fmla="*/ 29 h 103"/>
                <a:gd name="T20" fmla="*/ 22 w 31"/>
                <a:gd name="T21" fmla="*/ 9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31" h="103">
                  <a:moveTo>
                    <a:pt x="22" y="9"/>
                  </a:moveTo>
                  <a:lnTo>
                    <a:pt x="22" y="0"/>
                  </a:lnTo>
                  <a:lnTo>
                    <a:pt x="31" y="11"/>
                  </a:lnTo>
                  <a:lnTo>
                    <a:pt x="22" y="32"/>
                  </a:lnTo>
                  <a:lnTo>
                    <a:pt x="20" y="47"/>
                  </a:lnTo>
                  <a:lnTo>
                    <a:pt x="22" y="83"/>
                  </a:lnTo>
                  <a:lnTo>
                    <a:pt x="9" y="103"/>
                  </a:lnTo>
                  <a:lnTo>
                    <a:pt x="0" y="81"/>
                  </a:lnTo>
                  <a:lnTo>
                    <a:pt x="0" y="50"/>
                  </a:lnTo>
                  <a:lnTo>
                    <a:pt x="7" y="29"/>
                  </a:lnTo>
                  <a:lnTo>
                    <a:pt x="22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2" name="Sweden"/>
            <p:cNvSpPr>
              <a:spLocks/>
            </p:cNvSpPr>
            <p:nvPr/>
          </p:nvSpPr>
          <p:spPr bwMode="auto">
            <a:xfrm>
              <a:off x="9770383" y="2446338"/>
              <a:ext cx="57150" cy="84138"/>
            </a:xfrm>
            <a:custGeom>
              <a:avLst/>
              <a:gdLst>
                <a:gd name="T0" fmla="*/ 7 w 20"/>
                <a:gd name="T1" fmla="*/ 2 h 29"/>
                <a:gd name="T2" fmla="*/ 15 w 20"/>
                <a:gd name="T3" fmla="*/ 0 h 29"/>
                <a:gd name="T4" fmla="*/ 20 w 20"/>
                <a:gd name="T5" fmla="*/ 7 h 29"/>
                <a:gd name="T6" fmla="*/ 14 w 20"/>
                <a:gd name="T7" fmla="*/ 14 h 29"/>
                <a:gd name="T8" fmla="*/ 10 w 20"/>
                <a:gd name="T9" fmla="*/ 17 h 29"/>
                <a:gd name="T10" fmla="*/ 10 w 20"/>
                <a:gd name="T11" fmla="*/ 29 h 29"/>
                <a:gd name="T12" fmla="*/ 3 w 20"/>
                <a:gd name="T13" fmla="*/ 19 h 29"/>
                <a:gd name="T14" fmla="*/ 0 w 20"/>
                <a:gd name="T15" fmla="*/ 11 h 29"/>
                <a:gd name="T16" fmla="*/ 4 w 20"/>
                <a:gd name="T17" fmla="*/ 2 h 29"/>
                <a:gd name="T18" fmla="*/ 7 w 20"/>
                <a:gd name="T19" fmla="*/ 2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29">
                  <a:moveTo>
                    <a:pt x="7" y="2"/>
                  </a:moveTo>
                  <a:cubicBezTo>
                    <a:pt x="7" y="2"/>
                    <a:pt x="14" y="0"/>
                    <a:pt x="15" y="0"/>
                  </a:cubicBezTo>
                  <a:cubicBezTo>
                    <a:pt x="15" y="1"/>
                    <a:pt x="20" y="7"/>
                    <a:pt x="20" y="7"/>
                  </a:cubicBezTo>
                  <a:cubicBezTo>
                    <a:pt x="14" y="14"/>
                    <a:pt x="14" y="14"/>
                    <a:pt x="14" y="14"/>
                  </a:cubicBezTo>
                  <a:cubicBezTo>
                    <a:pt x="14" y="14"/>
                    <a:pt x="11" y="17"/>
                    <a:pt x="10" y="17"/>
                  </a:cubicBezTo>
                  <a:cubicBezTo>
                    <a:pt x="10" y="18"/>
                    <a:pt x="10" y="29"/>
                    <a:pt x="10" y="29"/>
                  </a:cubicBezTo>
                  <a:cubicBezTo>
                    <a:pt x="3" y="19"/>
                    <a:pt x="3" y="19"/>
                    <a:pt x="3" y="19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4" y="2"/>
                    <a:pt x="4" y="2"/>
                    <a:pt x="4" y="2"/>
                  </a:cubicBezTo>
                  <a:lnTo>
                    <a:pt x="7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3" name="Sweden"/>
            <p:cNvSpPr>
              <a:spLocks/>
            </p:cNvSpPr>
            <p:nvPr/>
          </p:nvSpPr>
          <p:spPr bwMode="auto">
            <a:xfrm>
              <a:off x="9818008" y="2424113"/>
              <a:ext cx="23813" cy="31750"/>
            </a:xfrm>
            <a:custGeom>
              <a:avLst/>
              <a:gdLst>
                <a:gd name="T0" fmla="*/ 0 w 8"/>
                <a:gd name="T1" fmla="*/ 4 h 11"/>
                <a:gd name="T2" fmla="*/ 8 w 8"/>
                <a:gd name="T3" fmla="*/ 11 h 11"/>
                <a:gd name="T4" fmla="*/ 8 w 8"/>
                <a:gd name="T5" fmla="*/ 3 h 11"/>
                <a:gd name="T6" fmla="*/ 0 w 8"/>
                <a:gd name="T7" fmla="*/ 0 h 11"/>
                <a:gd name="T8" fmla="*/ 0 w 8"/>
                <a:gd name="T9" fmla="*/ 4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1">
                  <a:moveTo>
                    <a:pt x="0" y="4"/>
                  </a:moveTo>
                  <a:cubicBezTo>
                    <a:pt x="0" y="5"/>
                    <a:pt x="8" y="11"/>
                    <a:pt x="8" y="11"/>
                  </a:cubicBezTo>
                  <a:cubicBezTo>
                    <a:pt x="8" y="3"/>
                    <a:pt x="8" y="3"/>
                    <a:pt x="8" y="3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74" name="Text"/>
          <p:cNvGrpSpPr/>
          <p:nvPr/>
        </p:nvGrpSpPr>
        <p:grpSpPr>
          <a:xfrm>
            <a:off x="5628283" y="1603376"/>
            <a:ext cx="6390770" cy="4647174"/>
            <a:chOff x="5649303" y="1603376"/>
            <a:chExt cx="6390770" cy="4647174"/>
          </a:xfrm>
        </p:grpSpPr>
        <p:sp>
          <p:nvSpPr>
            <p:cNvPr id="75" name="Turkey Text"/>
            <p:cNvSpPr txBox="1"/>
            <p:nvPr/>
          </p:nvSpPr>
          <p:spPr>
            <a:xfrm>
              <a:off x="11788401" y="5884075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Turkey</a:t>
              </a:r>
            </a:p>
          </p:txBody>
        </p:sp>
        <p:sp>
          <p:nvSpPr>
            <p:cNvPr id="76" name="Bulgaria Text"/>
            <p:cNvSpPr txBox="1"/>
            <p:nvPr/>
          </p:nvSpPr>
          <p:spPr>
            <a:xfrm>
              <a:off x="11175320" y="5448201"/>
              <a:ext cx="29976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Bulgaria</a:t>
              </a:r>
            </a:p>
          </p:txBody>
        </p:sp>
        <p:sp>
          <p:nvSpPr>
            <p:cNvPr id="77" name="Romania Text"/>
            <p:cNvSpPr txBox="1"/>
            <p:nvPr/>
          </p:nvSpPr>
          <p:spPr>
            <a:xfrm>
              <a:off x="10945205" y="4841670"/>
              <a:ext cx="32380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Romania</a:t>
              </a:r>
            </a:p>
          </p:txBody>
        </p:sp>
        <p:sp>
          <p:nvSpPr>
            <p:cNvPr id="78" name="Moldova Text"/>
            <p:cNvSpPr txBox="1"/>
            <p:nvPr/>
          </p:nvSpPr>
          <p:spPr>
            <a:xfrm>
              <a:off x="11502482" y="4447743"/>
              <a:ext cx="314189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Moldova</a:t>
              </a:r>
            </a:p>
          </p:txBody>
        </p:sp>
        <p:sp>
          <p:nvSpPr>
            <p:cNvPr id="79" name="Ukraine Text"/>
            <p:cNvSpPr txBox="1"/>
            <p:nvPr/>
          </p:nvSpPr>
          <p:spPr>
            <a:xfrm>
              <a:off x="11358314" y="3914529"/>
              <a:ext cx="2837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Ukraine</a:t>
              </a:r>
            </a:p>
          </p:txBody>
        </p:sp>
        <p:sp>
          <p:nvSpPr>
            <p:cNvPr id="80" name="Belarus Text"/>
            <p:cNvSpPr txBox="1"/>
            <p:nvPr/>
          </p:nvSpPr>
          <p:spPr>
            <a:xfrm>
              <a:off x="11128766" y="3253935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Belarus</a:t>
              </a:r>
            </a:p>
          </p:txBody>
        </p:sp>
        <p:sp>
          <p:nvSpPr>
            <p:cNvPr id="81" name="Lithuania Text"/>
            <p:cNvSpPr txBox="1"/>
            <p:nvPr/>
          </p:nvSpPr>
          <p:spPr>
            <a:xfrm>
              <a:off x="10446517" y="3045434"/>
              <a:ext cx="34304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Lithuania</a:t>
              </a:r>
            </a:p>
          </p:txBody>
        </p:sp>
        <p:sp>
          <p:nvSpPr>
            <p:cNvPr id="82" name="Latvia Text"/>
            <p:cNvSpPr txBox="1"/>
            <p:nvPr/>
          </p:nvSpPr>
          <p:spPr>
            <a:xfrm>
              <a:off x="10625856" y="2723156"/>
              <a:ext cx="22602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Latvia</a:t>
              </a:r>
            </a:p>
          </p:txBody>
        </p:sp>
        <p:sp>
          <p:nvSpPr>
            <p:cNvPr id="83" name="Estonia Text"/>
            <p:cNvSpPr txBox="1"/>
            <p:nvPr/>
          </p:nvSpPr>
          <p:spPr>
            <a:xfrm>
              <a:off x="10520330" y="2368611"/>
              <a:ext cx="272510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Estonia</a:t>
              </a:r>
            </a:p>
          </p:txBody>
        </p:sp>
        <p:sp>
          <p:nvSpPr>
            <p:cNvPr id="84" name="Russia Text"/>
            <p:cNvSpPr txBox="1"/>
            <p:nvPr/>
          </p:nvSpPr>
          <p:spPr>
            <a:xfrm>
              <a:off x="11333686" y="1740823"/>
              <a:ext cx="23243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Russia</a:t>
              </a:r>
            </a:p>
          </p:txBody>
        </p:sp>
        <p:sp>
          <p:nvSpPr>
            <p:cNvPr id="85" name="Greece Text"/>
            <p:cNvSpPr txBox="1"/>
            <p:nvPr/>
          </p:nvSpPr>
          <p:spPr>
            <a:xfrm>
              <a:off x="10750982" y="6160525"/>
              <a:ext cx="25167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Greece</a:t>
              </a:r>
            </a:p>
          </p:txBody>
        </p:sp>
        <p:sp>
          <p:nvSpPr>
            <p:cNvPr id="86" name="Albania Text"/>
            <p:cNvSpPr txBox="1"/>
            <p:nvPr/>
          </p:nvSpPr>
          <p:spPr>
            <a:xfrm>
              <a:off x="10488488" y="5896499"/>
              <a:ext cx="27571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Albania</a:t>
              </a:r>
            </a:p>
          </p:txBody>
        </p:sp>
        <p:sp>
          <p:nvSpPr>
            <p:cNvPr id="87" name="Makedonia Text"/>
            <p:cNvSpPr txBox="1"/>
            <p:nvPr/>
          </p:nvSpPr>
          <p:spPr>
            <a:xfrm>
              <a:off x="10600786" y="5673747"/>
              <a:ext cx="39594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Macedonia</a:t>
              </a:r>
            </a:p>
          </p:txBody>
        </p:sp>
        <p:sp>
          <p:nvSpPr>
            <p:cNvPr id="88" name="Kosovo Text"/>
            <p:cNvSpPr txBox="1"/>
            <p:nvPr/>
          </p:nvSpPr>
          <p:spPr>
            <a:xfrm>
              <a:off x="10680608" y="5486132"/>
              <a:ext cx="269304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Kosovo</a:t>
              </a:r>
            </a:p>
          </p:txBody>
        </p:sp>
        <p:sp>
          <p:nvSpPr>
            <p:cNvPr id="89" name="Montenegro Text"/>
            <p:cNvSpPr txBox="1"/>
            <p:nvPr/>
          </p:nvSpPr>
          <p:spPr>
            <a:xfrm>
              <a:off x="10271548" y="5481130"/>
              <a:ext cx="264496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Monte-</a:t>
              </a:r>
              <a:br>
                <a:rPr lang="en-GB" sz="650" b="1" noProof="1">
                  <a:solidFill>
                    <a:srgbClr val="006EB6"/>
                  </a:solidFill>
                </a:rPr>
              </a:br>
              <a:r>
                <a:rPr lang="en-GB" sz="650" b="1" noProof="1">
                  <a:solidFill>
                    <a:srgbClr val="006EB6"/>
                  </a:solidFill>
                </a:rPr>
                <a:t>negro</a:t>
              </a:r>
            </a:p>
          </p:txBody>
        </p:sp>
        <p:sp>
          <p:nvSpPr>
            <p:cNvPr id="90" name="Serbia Text"/>
            <p:cNvSpPr txBox="1"/>
            <p:nvPr/>
          </p:nvSpPr>
          <p:spPr>
            <a:xfrm>
              <a:off x="10421442" y="5199562"/>
              <a:ext cx="2308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Serbia</a:t>
              </a:r>
            </a:p>
          </p:txBody>
        </p:sp>
        <p:sp>
          <p:nvSpPr>
            <p:cNvPr id="91" name="Bosnia &amp; Herzegovina Text"/>
            <p:cNvSpPr txBox="1"/>
            <p:nvPr/>
          </p:nvSpPr>
          <p:spPr>
            <a:xfrm>
              <a:off x="9856795" y="5205454"/>
              <a:ext cx="472206" cy="1800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Bosnia &amp; </a:t>
              </a:r>
              <a:br>
                <a:rPr lang="en-GB" sz="650" b="1" noProof="1">
                  <a:solidFill>
                    <a:srgbClr val="006EB6"/>
                  </a:solidFill>
                </a:rPr>
              </a:br>
              <a:r>
                <a:rPr lang="en-GB" sz="650" b="1" noProof="1">
                  <a:solidFill>
                    <a:srgbClr val="006EB6"/>
                  </a:solidFill>
                </a:rPr>
                <a:t>Herzegovina</a:t>
              </a:r>
            </a:p>
          </p:txBody>
        </p:sp>
        <p:sp>
          <p:nvSpPr>
            <p:cNvPr id="92" name="Croatia Text"/>
            <p:cNvSpPr txBox="1"/>
            <p:nvPr/>
          </p:nvSpPr>
          <p:spPr>
            <a:xfrm>
              <a:off x="9589725" y="5090075"/>
              <a:ext cx="26289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Croatia</a:t>
              </a:r>
            </a:p>
          </p:txBody>
        </p:sp>
        <p:sp>
          <p:nvSpPr>
            <p:cNvPr id="93" name="Slovenia Text"/>
            <p:cNvSpPr txBox="1"/>
            <p:nvPr/>
          </p:nvSpPr>
          <p:spPr>
            <a:xfrm>
              <a:off x="9465688" y="4946695"/>
              <a:ext cx="310983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Slovenia</a:t>
              </a:r>
            </a:p>
          </p:txBody>
        </p:sp>
        <p:sp>
          <p:nvSpPr>
            <p:cNvPr id="94" name="Hungary Text"/>
            <p:cNvSpPr txBox="1"/>
            <p:nvPr/>
          </p:nvSpPr>
          <p:spPr>
            <a:xfrm>
              <a:off x="10110459" y="4708613"/>
              <a:ext cx="31098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Hungary</a:t>
              </a:r>
            </a:p>
          </p:txBody>
        </p:sp>
        <p:sp>
          <p:nvSpPr>
            <p:cNvPr id="95" name="Italy Text"/>
            <p:cNvSpPr txBox="1"/>
            <p:nvPr/>
          </p:nvSpPr>
          <p:spPr>
            <a:xfrm>
              <a:off x="9235159" y="5623720"/>
              <a:ext cx="16190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Italy</a:t>
              </a:r>
            </a:p>
          </p:txBody>
        </p:sp>
        <p:sp>
          <p:nvSpPr>
            <p:cNvPr id="96" name="Austria Text"/>
            <p:cNvSpPr txBox="1"/>
            <p:nvPr/>
          </p:nvSpPr>
          <p:spPr>
            <a:xfrm>
              <a:off x="9453547" y="4650986"/>
              <a:ext cx="2596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Austria</a:t>
              </a:r>
            </a:p>
          </p:txBody>
        </p:sp>
        <p:sp>
          <p:nvSpPr>
            <p:cNvPr id="97" name="Switzerland Text"/>
            <p:cNvSpPr txBox="1"/>
            <p:nvPr/>
          </p:nvSpPr>
          <p:spPr>
            <a:xfrm>
              <a:off x="8437475" y="4841670"/>
              <a:ext cx="43120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Switzerland</a:t>
              </a:r>
            </a:p>
          </p:txBody>
        </p:sp>
        <p:sp>
          <p:nvSpPr>
            <p:cNvPr id="98" name="Portugal Text"/>
            <p:cNvSpPr txBox="1"/>
            <p:nvPr/>
          </p:nvSpPr>
          <p:spPr>
            <a:xfrm>
              <a:off x="5649303" y="5994326"/>
              <a:ext cx="3125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Portugal</a:t>
              </a:r>
            </a:p>
          </p:txBody>
        </p:sp>
        <p:sp>
          <p:nvSpPr>
            <p:cNvPr id="99" name="Spain Text"/>
            <p:cNvSpPr txBox="1"/>
            <p:nvPr/>
          </p:nvSpPr>
          <p:spPr>
            <a:xfrm>
              <a:off x="6556415" y="5930886"/>
              <a:ext cx="20518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Spain</a:t>
              </a:r>
            </a:p>
          </p:txBody>
        </p:sp>
        <p:sp>
          <p:nvSpPr>
            <p:cNvPr id="100" name="Andorra Text"/>
            <p:cNvSpPr txBox="1"/>
            <p:nvPr/>
          </p:nvSpPr>
          <p:spPr>
            <a:xfrm>
              <a:off x="7509710" y="5481130"/>
              <a:ext cx="29495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Andorra</a:t>
              </a:r>
            </a:p>
          </p:txBody>
        </p:sp>
        <p:sp>
          <p:nvSpPr>
            <p:cNvPr id="101" name="France Text"/>
            <p:cNvSpPr txBox="1"/>
            <p:nvPr/>
          </p:nvSpPr>
          <p:spPr>
            <a:xfrm>
              <a:off x="7671332" y="4791656"/>
              <a:ext cx="24205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France</a:t>
              </a:r>
            </a:p>
          </p:txBody>
        </p:sp>
        <p:sp>
          <p:nvSpPr>
            <p:cNvPr id="102" name="Slovakia Text"/>
            <p:cNvSpPr txBox="1"/>
            <p:nvPr/>
          </p:nvSpPr>
          <p:spPr>
            <a:xfrm>
              <a:off x="10072207" y="4420326"/>
              <a:ext cx="307777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Slovakia</a:t>
              </a:r>
            </a:p>
          </p:txBody>
        </p:sp>
        <p:sp>
          <p:nvSpPr>
            <p:cNvPr id="103" name="Czech Republic Text"/>
            <p:cNvSpPr txBox="1"/>
            <p:nvPr/>
          </p:nvSpPr>
          <p:spPr>
            <a:xfrm>
              <a:off x="9402630" y="4256088"/>
              <a:ext cx="54341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Czech Republic</a:t>
              </a:r>
            </a:p>
          </p:txBody>
        </p:sp>
        <p:sp>
          <p:nvSpPr>
            <p:cNvPr id="104" name="Luxembourg Text"/>
            <p:cNvSpPr txBox="1"/>
            <p:nvPr/>
          </p:nvSpPr>
          <p:spPr>
            <a:xfrm>
              <a:off x="8400256" y="4250198"/>
              <a:ext cx="46006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Luxembourg</a:t>
              </a:r>
            </a:p>
          </p:txBody>
        </p:sp>
        <p:sp>
          <p:nvSpPr>
            <p:cNvPr id="105" name="Belgium Text"/>
            <p:cNvSpPr txBox="1"/>
            <p:nvPr/>
          </p:nvSpPr>
          <p:spPr>
            <a:xfrm>
              <a:off x="7998085" y="4038430"/>
              <a:ext cx="298159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Belgium</a:t>
              </a:r>
            </a:p>
          </p:txBody>
        </p:sp>
        <p:sp>
          <p:nvSpPr>
            <p:cNvPr id="106" name="Ireland Text"/>
            <p:cNvSpPr txBox="1"/>
            <p:nvPr/>
          </p:nvSpPr>
          <p:spPr>
            <a:xfrm>
              <a:off x="6461451" y="3411767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Ireland</a:t>
              </a:r>
            </a:p>
          </p:txBody>
        </p:sp>
        <p:sp>
          <p:nvSpPr>
            <p:cNvPr id="107" name="UK Text"/>
            <p:cNvSpPr txBox="1"/>
            <p:nvPr/>
          </p:nvSpPr>
          <p:spPr>
            <a:xfrm>
              <a:off x="7279376" y="3565018"/>
              <a:ext cx="123432" cy="10002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UK</a:t>
              </a:r>
            </a:p>
          </p:txBody>
        </p:sp>
        <p:sp>
          <p:nvSpPr>
            <p:cNvPr id="108" name="Netherlands Text"/>
            <p:cNvSpPr txBox="1"/>
            <p:nvPr/>
          </p:nvSpPr>
          <p:spPr>
            <a:xfrm>
              <a:off x="8172704" y="3773074"/>
              <a:ext cx="282129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Nether-</a:t>
              </a:r>
              <a:br>
                <a:rPr lang="en-GB" sz="650" b="1" noProof="1">
                  <a:solidFill>
                    <a:srgbClr val="006EB6"/>
                  </a:solidFill>
                </a:rPr>
              </a:br>
              <a:r>
                <a:rPr lang="en-GB" sz="650" b="1" noProof="1">
                  <a:solidFill>
                    <a:srgbClr val="006EB6"/>
                  </a:solidFill>
                </a:rPr>
                <a:t>lands</a:t>
              </a:r>
            </a:p>
          </p:txBody>
        </p:sp>
        <p:sp>
          <p:nvSpPr>
            <p:cNvPr id="109" name="Poland Text"/>
            <p:cNvSpPr txBox="1"/>
            <p:nvPr/>
          </p:nvSpPr>
          <p:spPr>
            <a:xfrm>
              <a:off x="10071860" y="3731412"/>
              <a:ext cx="25327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Poland</a:t>
              </a:r>
            </a:p>
          </p:txBody>
        </p:sp>
        <p:sp>
          <p:nvSpPr>
            <p:cNvPr id="110" name="Germany Text"/>
            <p:cNvSpPr txBox="1"/>
            <p:nvPr/>
          </p:nvSpPr>
          <p:spPr>
            <a:xfrm>
              <a:off x="8698771" y="3931659"/>
              <a:ext cx="33182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Germany</a:t>
              </a:r>
            </a:p>
          </p:txBody>
        </p:sp>
        <p:sp>
          <p:nvSpPr>
            <p:cNvPr id="111" name="Denmark Text"/>
            <p:cNvSpPr txBox="1"/>
            <p:nvPr/>
          </p:nvSpPr>
          <p:spPr>
            <a:xfrm>
              <a:off x="8385174" y="2999574"/>
              <a:ext cx="33342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Denmark</a:t>
              </a:r>
            </a:p>
          </p:txBody>
        </p:sp>
        <p:sp>
          <p:nvSpPr>
            <p:cNvPr id="112" name="Finland Text"/>
            <p:cNvSpPr txBox="1"/>
            <p:nvPr/>
          </p:nvSpPr>
          <p:spPr>
            <a:xfrm>
              <a:off x="10402193" y="1603376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Finland</a:t>
              </a:r>
            </a:p>
          </p:txBody>
        </p:sp>
        <p:sp>
          <p:nvSpPr>
            <p:cNvPr id="113" name="Sweden Text"/>
            <p:cNvSpPr txBox="1"/>
            <p:nvPr/>
          </p:nvSpPr>
          <p:spPr>
            <a:xfrm>
              <a:off x="9326093" y="1818976"/>
              <a:ext cx="29014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Sweden</a:t>
              </a:r>
            </a:p>
          </p:txBody>
        </p:sp>
        <p:sp>
          <p:nvSpPr>
            <p:cNvPr id="114" name="Norway Text"/>
            <p:cNvSpPr txBox="1"/>
            <p:nvPr/>
          </p:nvSpPr>
          <p:spPr>
            <a:xfrm>
              <a:off x="8623671" y="2089135"/>
              <a:ext cx="28533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Norway</a:t>
              </a:r>
            </a:p>
          </p:txBody>
        </p:sp>
      </p:grpSp>
      <p:grpSp>
        <p:nvGrpSpPr>
          <p:cNvPr id="115" name="Russia"/>
          <p:cNvGrpSpPr/>
          <p:nvPr/>
        </p:nvGrpSpPr>
        <p:grpSpPr>
          <a:xfrm>
            <a:off x="10116076" y="-3175"/>
            <a:ext cx="2084387" cy="3536950"/>
            <a:chOff x="10137096" y="-3175"/>
            <a:chExt cx="2084387" cy="3536950"/>
          </a:xfrm>
          <a:solidFill>
            <a:schemeClr val="accent3"/>
          </a:solidFill>
        </p:grpSpPr>
        <p:sp>
          <p:nvSpPr>
            <p:cNvPr id="116" name="Russia"/>
            <p:cNvSpPr>
              <a:spLocks/>
            </p:cNvSpPr>
            <p:nvPr/>
          </p:nvSpPr>
          <p:spPr bwMode="auto">
            <a:xfrm>
              <a:off x="10137096" y="3149600"/>
              <a:ext cx="374650" cy="182563"/>
            </a:xfrm>
            <a:custGeom>
              <a:avLst/>
              <a:gdLst>
                <a:gd name="T0" fmla="*/ 88 w 236"/>
                <a:gd name="T1" fmla="*/ 0 h 115"/>
                <a:gd name="T2" fmla="*/ 173 w 236"/>
                <a:gd name="T3" fmla="*/ 25 h 115"/>
                <a:gd name="T4" fmla="*/ 202 w 236"/>
                <a:gd name="T5" fmla="*/ 16 h 115"/>
                <a:gd name="T6" fmla="*/ 235 w 236"/>
                <a:gd name="T7" fmla="*/ 32 h 115"/>
                <a:gd name="T8" fmla="*/ 227 w 236"/>
                <a:gd name="T9" fmla="*/ 54 h 115"/>
                <a:gd name="T10" fmla="*/ 236 w 236"/>
                <a:gd name="T11" fmla="*/ 88 h 115"/>
                <a:gd name="T12" fmla="*/ 202 w 236"/>
                <a:gd name="T13" fmla="*/ 110 h 115"/>
                <a:gd name="T14" fmla="*/ 103 w 236"/>
                <a:gd name="T15" fmla="*/ 115 h 115"/>
                <a:gd name="T16" fmla="*/ 0 w 236"/>
                <a:gd name="T17" fmla="*/ 110 h 115"/>
                <a:gd name="T18" fmla="*/ 12 w 236"/>
                <a:gd name="T19" fmla="*/ 96 h 115"/>
                <a:gd name="T20" fmla="*/ 3 w 236"/>
                <a:gd name="T21" fmla="*/ 68 h 115"/>
                <a:gd name="T22" fmla="*/ 65 w 236"/>
                <a:gd name="T23" fmla="*/ 49 h 115"/>
                <a:gd name="T24" fmla="*/ 88 w 236"/>
                <a:gd name="T25" fmla="*/ 0 h 1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6" h="115">
                  <a:moveTo>
                    <a:pt x="88" y="0"/>
                  </a:moveTo>
                  <a:lnTo>
                    <a:pt x="173" y="25"/>
                  </a:lnTo>
                  <a:lnTo>
                    <a:pt x="202" y="16"/>
                  </a:lnTo>
                  <a:lnTo>
                    <a:pt x="235" y="32"/>
                  </a:lnTo>
                  <a:lnTo>
                    <a:pt x="227" y="54"/>
                  </a:lnTo>
                  <a:lnTo>
                    <a:pt x="236" y="88"/>
                  </a:lnTo>
                  <a:lnTo>
                    <a:pt x="202" y="110"/>
                  </a:lnTo>
                  <a:lnTo>
                    <a:pt x="103" y="115"/>
                  </a:lnTo>
                  <a:lnTo>
                    <a:pt x="0" y="110"/>
                  </a:lnTo>
                  <a:lnTo>
                    <a:pt x="12" y="96"/>
                  </a:lnTo>
                  <a:lnTo>
                    <a:pt x="3" y="68"/>
                  </a:lnTo>
                  <a:lnTo>
                    <a:pt x="65" y="49"/>
                  </a:lnTo>
                  <a:lnTo>
                    <a:pt x="88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7" name="Russia"/>
            <p:cNvSpPr>
              <a:spLocks/>
            </p:cNvSpPr>
            <p:nvPr/>
          </p:nvSpPr>
          <p:spPr bwMode="auto">
            <a:xfrm>
              <a:off x="10461263" y="-3175"/>
              <a:ext cx="1760220" cy="3536950"/>
            </a:xfrm>
            <a:custGeom>
              <a:avLst/>
              <a:gdLst>
                <a:gd name="T0" fmla="*/ 517 w 638"/>
                <a:gd name="T1" fmla="*/ 44 h 1233"/>
                <a:gd name="T2" fmla="*/ 493 w 638"/>
                <a:gd name="T3" fmla="*/ 99 h 1233"/>
                <a:gd name="T4" fmla="*/ 478 w 638"/>
                <a:gd name="T5" fmla="*/ 49 h 1233"/>
                <a:gd name="T6" fmla="*/ 419 w 638"/>
                <a:gd name="T7" fmla="*/ 23 h 1233"/>
                <a:gd name="T8" fmla="*/ 406 w 638"/>
                <a:gd name="T9" fmla="*/ 59 h 1233"/>
                <a:gd name="T10" fmla="*/ 436 w 638"/>
                <a:gd name="T11" fmla="*/ 121 h 1233"/>
                <a:gd name="T12" fmla="*/ 477 w 638"/>
                <a:gd name="T13" fmla="*/ 143 h 1233"/>
                <a:gd name="T14" fmla="*/ 458 w 638"/>
                <a:gd name="T15" fmla="*/ 178 h 1233"/>
                <a:gd name="T16" fmla="*/ 406 w 638"/>
                <a:gd name="T17" fmla="*/ 225 h 1233"/>
                <a:gd name="T18" fmla="*/ 419 w 638"/>
                <a:gd name="T19" fmla="*/ 296 h 1233"/>
                <a:gd name="T20" fmla="*/ 405 w 638"/>
                <a:gd name="T21" fmla="*/ 333 h 1233"/>
                <a:gd name="T22" fmla="*/ 328 w 638"/>
                <a:gd name="T23" fmla="*/ 320 h 1233"/>
                <a:gd name="T24" fmla="*/ 318 w 638"/>
                <a:gd name="T25" fmla="*/ 348 h 1233"/>
                <a:gd name="T26" fmla="*/ 390 w 638"/>
                <a:gd name="T27" fmla="*/ 384 h 1233"/>
                <a:gd name="T28" fmla="*/ 322 w 638"/>
                <a:gd name="T29" fmla="*/ 403 h 1233"/>
                <a:gd name="T30" fmla="*/ 289 w 638"/>
                <a:gd name="T31" fmla="*/ 403 h 1233"/>
                <a:gd name="T32" fmla="*/ 247 w 638"/>
                <a:gd name="T33" fmla="*/ 353 h 1233"/>
                <a:gd name="T34" fmla="*/ 242 w 638"/>
                <a:gd name="T35" fmla="*/ 325 h 1233"/>
                <a:gd name="T36" fmla="*/ 187 w 638"/>
                <a:gd name="T37" fmla="*/ 288 h 1233"/>
                <a:gd name="T38" fmla="*/ 134 w 638"/>
                <a:gd name="T39" fmla="*/ 261 h 1233"/>
                <a:gd name="T40" fmla="*/ 148 w 638"/>
                <a:gd name="T41" fmla="*/ 247 h 1233"/>
                <a:gd name="T42" fmla="*/ 205 w 638"/>
                <a:gd name="T43" fmla="*/ 261 h 1233"/>
                <a:gd name="T44" fmla="*/ 276 w 638"/>
                <a:gd name="T45" fmla="*/ 261 h 1233"/>
                <a:gd name="T46" fmla="*/ 377 w 638"/>
                <a:gd name="T47" fmla="*/ 171 h 1233"/>
                <a:gd name="T48" fmla="*/ 300 w 638"/>
                <a:gd name="T49" fmla="*/ 121 h 1233"/>
                <a:gd name="T50" fmla="*/ 217 w 638"/>
                <a:gd name="T51" fmla="*/ 99 h 1233"/>
                <a:gd name="T52" fmla="*/ 111 w 638"/>
                <a:gd name="T53" fmla="*/ 97 h 1233"/>
                <a:gd name="T54" fmla="*/ 100 w 638"/>
                <a:gd name="T55" fmla="*/ 112 h 1233"/>
                <a:gd name="T56" fmla="*/ 89 w 638"/>
                <a:gd name="T57" fmla="*/ 135 h 1233"/>
                <a:gd name="T58" fmla="*/ 19 w 638"/>
                <a:gd name="T59" fmla="*/ 156 h 1233"/>
                <a:gd name="T60" fmla="*/ 0 w 638"/>
                <a:gd name="T61" fmla="*/ 207 h 1233"/>
                <a:gd name="T62" fmla="*/ 24 w 638"/>
                <a:gd name="T63" fmla="*/ 213 h 1233"/>
                <a:gd name="T64" fmla="*/ 57 w 638"/>
                <a:gd name="T65" fmla="*/ 243 h 1233"/>
                <a:gd name="T66" fmla="*/ 107 w 638"/>
                <a:gd name="T67" fmla="*/ 355 h 1233"/>
                <a:gd name="T68" fmla="*/ 107 w 638"/>
                <a:gd name="T69" fmla="*/ 397 h 1233"/>
                <a:gd name="T70" fmla="*/ 125 w 638"/>
                <a:gd name="T71" fmla="*/ 415 h 1233"/>
                <a:gd name="T72" fmla="*/ 148 w 638"/>
                <a:gd name="T73" fmla="*/ 441 h 1233"/>
                <a:gd name="T74" fmla="*/ 209 w 638"/>
                <a:gd name="T75" fmla="*/ 517 h 1233"/>
                <a:gd name="T76" fmla="*/ 146 w 638"/>
                <a:gd name="T77" fmla="*/ 700 h 1233"/>
                <a:gd name="T78" fmla="*/ 187 w 638"/>
                <a:gd name="T79" fmla="*/ 720 h 1233"/>
                <a:gd name="T80" fmla="*/ 242 w 638"/>
                <a:gd name="T81" fmla="*/ 739 h 1233"/>
                <a:gd name="T82" fmla="*/ 163 w 638"/>
                <a:gd name="T83" fmla="*/ 761 h 1233"/>
                <a:gd name="T84" fmla="*/ 162 w 638"/>
                <a:gd name="T85" fmla="*/ 791 h 1233"/>
                <a:gd name="T86" fmla="*/ 159 w 638"/>
                <a:gd name="T87" fmla="*/ 837 h 1233"/>
                <a:gd name="T88" fmla="*/ 180 w 638"/>
                <a:gd name="T89" fmla="*/ 865 h 1233"/>
                <a:gd name="T90" fmla="*/ 180 w 638"/>
                <a:gd name="T91" fmla="*/ 900 h 1233"/>
                <a:gd name="T92" fmla="*/ 202 w 638"/>
                <a:gd name="T93" fmla="*/ 934 h 1233"/>
                <a:gd name="T94" fmla="*/ 224 w 638"/>
                <a:gd name="T95" fmla="*/ 963 h 1233"/>
                <a:gd name="T96" fmla="*/ 260 w 638"/>
                <a:gd name="T97" fmla="*/ 983 h 1233"/>
                <a:gd name="T98" fmla="*/ 328 w 638"/>
                <a:gd name="T99" fmla="*/ 983 h 1233"/>
                <a:gd name="T100" fmla="*/ 373 w 638"/>
                <a:gd name="T101" fmla="*/ 1044 h 1233"/>
                <a:gd name="T102" fmla="*/ 417 w 638"/>
                <a:gd name="T103" fmla="*/ 1074 h 1233"/>
                <a:gd name="T104" fmla="*/ 470 w 638"/>
                <a:gd name="T105" fmla="*/ 1092 h 1233"/>
                <a:gd name="T106" fmla="*/ 441 w 638"/>
                <a:gd name="T107" fmla="*/ 1139 h 1233"/>
                <a:gd name="T108" fmla="*/ 458 w 638"/>
                <a:gd name="T109" fmla="*/ 1183 h 1233"/>
                <a:gd name="T110" fmla="*/ 501 w 638"/>
                <a:gd name="T111" fmla="*/ 1191 h 1233"/>
                <a:gd name="T112" fmla="*/ 609 w 638"/>
                <a:gd name="T113" fmla="*/ 1191 h 1233"/>
                <a:gd name="T114" fmla="*/ 638 w 638"/>
                <a:gd name="T115" fmla="*/ 1227 h 1233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395 w 10000"/>
                <a:gd name="connsiteY86" fmla="*/ 109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24 w 10000"/>
                <a:gd name="connsiteY84" fmla="*/ 709 h 10000"/>
                <a:gd name="connsiteX85" fmla="*/ 1295 w 10000"/>
                <a:gd name="connsiteY85" fmla="*/ 865 h 10000"/>
                <a:gd name="connsiteX86" fmla="*/ 940 w 10000"/>
                <a:gd name="connsiteY86" fmla="*/ 1054 h 10000"/>
                <a:gd name="connsiteX87" fmla="*/ 737 w 10000"/>
                <a:gd name="connsiteY87" fmla="*/ 1273 h 10000"/>
                <a:gd name="connsiteX88" fmla="*/ 298 w 10000"/>
                <a:gd name="connsiteY88" fmla="*/ 1265 h 10000"/>
                <a:gd name="connsiteX89" fmla="*/ 361 w 10000"/>
                <a:gd name="connsiteY89" fmla="*/ 1419 h 10000"/>
                <a:gd name="connsiteX90" fmla="*/ 219 w 10000"/>
                <a:gd name="connsiteY90" fmla="*/ 1525 h 10000"/>
                <a:gd name="connsiteX91" fmla="*/ 0 w 10000"/>
                <a:gd name="connsiteY91" fmla="*/ 1679 h 10000"/>
                <a:gd name="connsiteX92" fmla="*/ 31 w 10000"/>
                <a:gd name="connsiteY92" fmla="*/ 1687 h 10000"/>
                <a:gd name="connsiteX93" fmla="*/ 31 w 10000"/>
                <a:gd name="connsiteY93" fmla="*/ 1695 h 10000"/>
                <a:gd name="connsiteX94" fmla="*/ 376 w 10000"/>
                <a:gd name="connsiteY94" fmla="*/ 1727 h 10000"/>
                <a:gd name="connsiteX95" fmla="*/ 517 w 10000"/>
                <a:gd name="connsiteY95" fmla="*/ 1800 h 10000"/>
                <a:gd name="connsiteX96" fmla="*/ 799 w 10000"/>
                <a:gd name="connsiteY96" fmla="*/ 1833 h 10000"/>
                <a:gd name="connsiteX97" fmla="*/ 893 w 10000"/>
                <a:gd name="connsiteY97" fmla="*/ 1971 h 10000"/>
                <a:gd name="connsiteX98" fmla="*/ 690 w 10000"/>
                <a:gd name="connsiteY98" fmla="*/ 2376 h 10000"/>
                <a:gd name="connsiteX99" fmla="*/ 893 w 10000"/>
                <a:gd name="connsiteY99" fmla="*/ 2457 h 10000"/>
                <a:gd name="connsiteX100" fmla="*/ 1677 w 10000"/>
                <a:gd name="connsiteY100" fmla="*/ 2879 h 10000"/>
                <a:gd name="connsiteX101" fmla="*/ 1458 w 10000"/>
                <a:gd name="connsiteY101" fmla="*/ 2976 h 10000"/>
                <a:gd name="connsiteX102" fmla="*/ 1458 w 10000"/>
                <a:gd name="connsiteY102" fmla="*/ 3179 h 10000"/>
                <a:gd name="connsiteX103" fmla="*/ 1677 w 10000"/>
                <a:gd name="connsiteY103" fmla="*/ 3220 h 10000"/>
                <a:gd name="connsiteX104" fmla="*/ 1614 w 10000"/>
                <a:gd name="connsiteY104" fmla="*/ 3333 h 10000"/>
                <a:gd name="connsiteX105" fmla="*/ 1787 w 10000"/>
                <a:gd name="connsiteY105" fmla="*/ 3398 h 10000"/>
                <a:gd name="connsiteX106" fmla="*/ 1959 w 10000"/>
                <a:gd name="connsiteY106" fmla="*/ 3366 h 10000"/>
                <a:gd name="connsiteX107" fmla="*/ 1991 w 10000"/>
                <a:gd name="connsiteY107" fmla="*/ 3528 h 10000"/>
                <a:gd name="connsiteX108" fmla="*/ 2132 w 10000"/>
                <a:gd name="connsiteY108" fmla="*/ 3609 h 10000"/>
                <a:gd name="connsiteX109" fmla="*/ 2320 w 10000"/>
                <a:gd name="connsiteY109" fmla="*/ 3577 h 10000"/>
                <a:gd name="connsiteX110" fmla="*/ 2461 w 10000"/>
                <a:gd name="connsiteY110" fmla="*/ 3715 h 10000"/>
                <a:gd name="connsiteX111" fmla="*/ 2335 w 10000"/>
                <a:gd name="connsiteY111" fmla="*/ 3950 h 10000"/>
                <a:gd name="connsiteX112" fmla="*/ 3276 w 10000"/>
                <a:gd name="connsiteY112" fmla="*/ 4193 h 10000"/>
                <a:gd name="connsiteX113" fmla="*/ 3292 w 10000"/>
                <a:gd name="connsiteY113" fmla="*/ 4599 h 10000"/>
                <a:gd name="connsiteX114" fmla="*/ 2806 w 10000"/>
                <a:gd name="connsiteY114" fmla="*/ 5239 h 10000"/>
                <a:gd name="connsiteX115" fmla="*/ 2288 w 10000"/>
                <a:gd name="connsiteY115" fmla="*/ 5677 h 10000"/>
                <a:gd name="connsiteX116" fmla="*/ 2555 w 10000"/>
                <a:gd name="connsiteY116" fmla="*/ 5612 h 10000"/>
                <a:gd name="connsiteX117" fmla="*/ 2618 w 10000"/>
                <a:gd name="connsiteY117" fmla="*/ 5766 h 10000"/>
                <a:gd name="connsiteX118" fmla="*/ 2931 w 10000"/>
                <a:gd name="connsiteY118" fmla="*/ 5839 h 10000"/>
                <a:gd name="connsiteX119" fmla="*/ 3370 w 10000"/>
                <a:gd name="connsiteY119" fmla="*/ 5775 h 10000"/>
                <a:gd name="connsiteX120" fmla="*/ 3793 w 10000"/>
                <a:gd name="connsiteY120" fmla="*/ 5864 h 10000"/>
                <a:gd name="connsiteX121" fmla="*/ 3793 w 10000"/>
                <a:gd name="connsiteY121" fmla="*/ 5994 h 10000"/>
                <a:gd name="connsiteX122" fmla="*/ 3056 w 10000"/>
                <a:gd name="connsiteY122" fmla="*/ 5969 h 10000"/>
                <a:gd name="connsiteX123" fmla="*/ 2931 w 10000"/>
                <a:gd name="connsiteY123" fmla="*/ 6091 h 10000"/>
                <a:gd name="connsiteX124" fmla="*/ 2555 w 10000"/>
                <a:gd name="connsiteY124" fmla="*/ 6172 h 10000"/>
                <a:gd name="connsiteX125" fmla="*/ 2633 w 10000"/>
                <a:gd name="connsiteY125" fmla="*/ 6269 h 10000"/>
                <a:gd name="connsiteX126" fmla="*/ 2712 w 10000"/>
                <a:gd name="connsiteY126" fmla="*/ 6326 h 10000"/>
                <a:gd name="connsiteX127" fmla="*/ 2539 w 10000"/>
                <a:gd name="connsiteY127" fmla="*/ 6415 h 10000"/>
                <a:gd name="connsiteX128" fmla="*/ 2586 w 10000"/>
                <a:gd name="connsiteY128" fmla="*/ 6537 h 10000"/>
                <a:gd name="connsiteX129" fmla="*/ 2398 w 10000"/>
                <a:gd name="connsiteY129" fmla="*/ 6642 h 10000"/>
                <a:gd name="connsiteX130" fmla="*/ 2492 w 10000"/>
                <a:gd name="connsiteY130" fmla="*/ 6788 h 10000"/>
                <a:gd name="connsiteX131" fmla="*/ 2680 w 10000"/>
                <a:gd name="connsiteY131" fmla="*/ 6821 h 10000"/>
                <a:gd name="connsiteX132" fmla="*/ 2602 w 10000"/>
                <a:gd name="connsiteY132" fmla="*/ 6983 h 10000"/>
                <a:gd name="connsiteX133" fmla="*/ 2821 w 10000"/>
                <a:gd name="connsiteY133" fmla="*/ 7015 h 10000"/>
                <a:gd name="connsiteX134" fmla="*/ 2931 w 10000"/>
                <a:gd name="connsiteY134" fmla="*/ 7145 h 10000"/>
                <a:gd name="connsiteX135" fmla="*/ 2806 w 10000"/>
                <a:gd name="connsiteY135" fmla="*/ 7202 h 10000"/>
                <a:gd name="connsiteX136" fmla="*/ 2821 w 10000"/>
                <a:gd name="connsiteY136" fmla="*/ 7299 h 10000"/>
                <a:gd name="connsiteX137" fmla="*/ 2931 w 10000"/>
                <a:gd name="connsiteY137" fmla="*/ 7388 h 10000"/>
                <a:gd name="connsiteX138" fmla="*/ 3292 w 10000"/>
                <a:gd name="connsiteY138" fmla="*/ 7486 h 10000"/>
                <a:gd name="connsiteX139" fmla="*/ 3166 w 10000"/>
                <a:gd name="connsiteY139" fmla="*/ 7575 h 10000"/>
                <a:gd name="connsiteX140" fmla="*/ 3292 w 10000"/>
                <a:gd name="connsiteY140" fmla="*/ 7737 h 10000"/>
                <a:gd name="connsiteX141" fmla="*/ 3417 w 10000"/>
                <a:gd name="connsiteY141" fmla="*/ 7737 h 10000"/>
                <a:gd name="connsiteX142" fmla="*/ 3511 w 10000"/>
                <a:gd name="connsiteY142" fmla="*/ 7810 h 10000"/>
                <a:gd name="connsiteX143" fmla="*/ 3793 w 10000"/>
                <a:gd name="connsiteY143" fmla="*/ 7908 h 10000"/>
                <a:gd name="connsiteX144" fmla="*/ 3793 w 10000"/>
                <a:gd name="connsiteY144" fmla="*/ 7997 h 10000"/>
                <a:gd name="connsiteX145" fmla="*/ 4075 w 10000"/>
                <a:gd name="connsiteY145" fmla="*/ 7972 h 10000"/>
                <a:gd name="connsiteX146" fmla="*/ 4577 w 10000"/>
                <a:gd name="connsiteY146" fmla="*/ 7972 h 10000"/>
                <a:gd name="connsiteX147" fmla="*/ 4718 w 10000"/>
                <a:gd name="connsiteY147" fmla="*/ 8167 h 10000"/>
                <a:gd name="connsiteX148" fmla="*/ 5141 w 10000"/>
                <a:gd name="connsiteY148" fmla="*/ 7972 h 10000"/>
                <a:gd name="connsiteX149" fmla="*/ 5721 w 10000"/>
                <a:gd name="connsiteY149" fmla="*/ 8078 h 10000"/>
                <a:gd name="connsiteX150" fmla="*/ 5846 w 10000"/>
                <a:gd name="connsiteY150" fmla="*/ 8289 h 10000"/>
                <a:gd name="connsiteX151" fmla="*/ 5846 w 10000"/>
                <a:gd name="connsiteY151" fmla="*/ 8467 h 10000"/>
                <a:gd name="connsiteX152" fmla="*/ 6113 w 10000"/>
                <a:gd name="connsiteY152" fmla="*/ 8483 h 10000"/>
                <a:gd name="connsiteX153" fmla="*/ 6223 w 10000"/>
                <a:gd name="connsiteY153" fmla="*/ 8581 h 10000"/>
                <a:gd name="connsiteX154" fmla="*/ 6536 w 10000"/>
                <a:gd name="connsiteY154" fmla="*/ 8710 h 10000"/>
                <a:gd name="connsiteX155" fmla="*/ 6912 w 10000"/>
                <a:gd name="connsiteY155" fmla="*/ 8759 h 10000"/>
                <a:gd name="connsiteX156" fmla="*/ 6928 w 10000"/>
                <a:gd name="connsiteY156" fmla="*/ 8889 h 10000"/>
                <a:gd name="connsiteX157" fmla="*/ 7367 w 10000"/>
                <a:gd name="connsiteY157" fmla="*/ 8856 h 10000"/>
                <a:gd name="connsiteX158" fmla="*/ 7696 w 10000"/>
                <a:gd name="connsiteY158" fmla="*/ 9027 h 10000"/>
                <a:gd name="connsiteX159" fmla="*/ 7586 w 10000"/>
                <a:gd name="connsiteY159" fmla="*/ 9238 h 10000"/>
                <a:gd name="connsiteX160" fmla="*/ 6912 w 10000"/>
                <a:gd name="connsiteY160" fmla="*/ 9238 h 10000"/>
                <a:gd name="connsiteX161" fmla="*/ 6803 w 10000"/>
                <a:gd name="connsiteY161" fmla="*/ 9343 h 10000"/>
                <a:gd name="connsiteX162" fmla="*/ 7132 w 10000"/>
                <a:gd name="connsiteY162" fmla="*/ 9424 h 10000"/>
                <a:gd name="connsiteX163" fmla="*/ 7179 w 10000"/>
                <a:gd name="connsiteY163" fmla="*/ 9594 h 10000"/>
                <a:gd name="connsiteX164" fmla="*/ 7461 w 10000"/>
                <a:gd name="connsiteY164" fmla="*/ 9805 h 10000"/>
                <a:gd name="connsiteX165" fmla="*/ 7837 w 10000"/>
                <a:gd name="connsiteY165" fmla="*/ 9813 h 10000"/>
                <a:gd name="connsiteX166" fmla="*/ 7853 w 10000"/>
                <a:gd name="connsiteY166" fmla="*/ 9659 h 10000"/>
                <a:gd name="connsiteX167" fmla="*/ 8464 w 10000"/>
                <a:gd name="connsiteY167" fmla="*/ 9521 h 10000"/>
                <a:gd name="connsiteX168" fmla="*/ 9060 w 10000"/>
                <a:gd name="connsiteY168" fmla="*/ 9521 h 10000"/>
                <a:gd name="connsiteX169" fmla="*/ 9545 w 10000"/>
                <a:gd name="connsiteY169" fmla="*/ 9659 h 10000"/>
                <a:gd name="connsiteX170" fmla="*/ 9279 w 10000"/>
                <a:gd name="connsiteY170" fmla="*/ 9789 h 10000"/>
                <a:gd name="connsiteX171" fmla="*/ 9624 w 10000"/>
                <a:gd name="connsiteY171" fmla="*/ 10000 h 10000"/>
                <a:gd name="connsiteX172" fmla="*/ 10000 w 10000"/>
                <a:gd name="connsiteY172" fmla="*/ 9951 h 10000"/>
                <a:gd name="connsiteX173" fmla="*/ 10000 w 10000"/>
                <a:gd name="connsiteY173" fmla="*/ 0 h 10000"/>
                <a:gd name="connsiteX174" fmla="*/ 8433 w 10000"/>
                <a:gd name="connsiteY174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24 w 10000"/>
                <a:gd name="connsiteY83" fmla="*/ 709 h 10000"/>
                <a:gd name="connsiteX84" fmla="*/ 1295 w 10000"/>
                <a:gd name="connsiteY84" fmla="*/ 865 h 10000"/>
                <a:gd name="connsiteX85" fmla="*/ 940 w 10000"/>
                <a:gd name="connsiteY85" fmla="*/ 1054 h 10000"/>
                <a:gd name="connsiteX86" fmla="*/ 737 w 10000"/>
                <a:gd name="connsiteY86" fmla="*/ 1273 h 10000"/>
                <a:gd name="connsiteX87" fmla="*/ 298 w 10000"/>
                <a:gd name="connsiteY87" fmla="*/ 1265 h 10000"/>
                <a:gd name="connsiteX88" fmla="*/ 361 w 10000"/>
                <a:gd name="connsiteY88" fmla="*/ 1419 h 10000"/>
                <a:gd name="connsiteX89" fmla="*/ 219 w 10000"/>
                <a:gd name="connsiteY89" fmla="*/ 1525 h 10000"/>
                <a:gd name="connsiteX90" fmla="*/ 0 w 10000"/>
                <a:gd name="connsiteY90" fmla="*/ 1679 h 10000"/>
                <a:gd name="connsiteX91" fmla="*/ 31 w 10000"/>
                <a:gd name="connsiteY91" fmla="*/ 1687 h 10000"/>
                <a:gd name="connsiteX92" fmla="*/ 31 w 10000"/>
                <a:gd name="connsiteY92" fmla="*/ 1695 h 10000"/>
                <a:gd name="connsiteX93" fmla="*/ 376 w 10000"/>
                <a:gd name="connsiteY93" fmla="*/ 1727 h 10000"/>
                <a:gd name="connsiteX94" fmla="*/ 517 w 10000"/>
                <a:gd name="connsiteY94" fmla="*/ 1800 h 10000"/>
                <a:gd name="connsiteX95" fmla="*/ 799 w 10000"/>
                <a:gd name="connsiteY95" fmla="*/ 1833 h 10000"/>
                <a:gd name="connsiteX96" fmla="*/ 893 w 10000"/>
                <a:gd name="connsiteY96" fmla="*/ 1971 h 10000"/>
                <a:gd name="connsiteX97" fmla="*/ 690 w 10000"/>
                <a:gd name="connsiteY97" fmla="*/ 2376 h 10000"/>
                <a:gd name="connsiteX98" fmla="*/ 893 w 10000"/>
                <a:gd name="connsiteY98" fmla="*/ 2457 h 10000"/>
                <a:gd name="connsiteX99" fmla="*/ 1677 w 10000"/>
                <a:gd name="connsiteY99" fmla="*/ 2879 h 10000"/>
                <a:gd name="connsiteX100" fmla="*/ 1458 w 10000"/>
                <a:gd name="connsiteY100" fmla="*/ 2976 h 10000"/>
                <a:gd name="connsiteX101" fmla="*/ 1458 w 10000"/>
                <a:gd name="connsiteY101" fmla="*/ 3179 h 10000"/>
                <a:gd name="connsiteX102" fmla="*/ 1677 w 10000"/>
                <a:gd name="connsiteY102" fmla="*/ 3220 h 10000"/>
                <a:gd name="connsiteX103" fmla="*/ 1614 w 10000"/>
                <a:gd name="connsiteY103" fmla="*/ 3333 h 10000"/>
                <a:gd name="connsiteX104" fmla="*/ 1787 w 10000"/>
                <a:gd name="connsiteY104" fmla="*/ 3398 h 10000"/>
                <a:gd name="connsiteX105" fmla="*/ 1959 w 10000"/>
                <a:gd name="connsiteY105" fmla="*/ 3366 h 10000"/>
                <a:gd name="connsiteX106" fmla="*/ 1991 w 10000"/>
                <a:gd name="connsiteY106" fmla="*/ 3528 h 10000"/>
                <a:gd name="connsiteX107" fmla="*/ 2132 w 10000"/>
                <a:gd name="connsiteY107" fmla="*/ 3609 h 10000"/>
                <a:gd name="connsiteX108" fmla="*/ 2320 w 10000"/>
                <a:gd name="connsiteY108" fmla="*/ 3577 h 10000"/>
                <a:gd name="connsiteX109" fmla="*/ 2461 w 10000"/>
                <a:gd name="connsiteY109" fmla="*/ 3715 h 10000"/>
                <a:gd name="connsiteX110" fmla="*/ 2335 w 10000"/>
                <a:gd name="connsiteY110" fmla="*/ 3950 h 10000"/>
                <a:gd name="connsiteX111" fmla="*/ 3276 w 10000"/>
                <a:gd name="connsiteY111" fmla="*/ 4193 h 10000"/>
                <a:gd name="connsiteX112" fmla="*/ 3292 w 10000"/>
                <a:gd name="connsiteY112" fmla="*/ 4599 h 10000"/>
                <a:gd name="connsiteX113" fmla="*/ 2806 w 10000"/>
                <a:gd name="connsiteY113" fmla="*/ 5239 h 10000"/>
                <a:gd name="connsiteX114" fmla="*/ 2288 w 10000"/>
                <a:gd name="connsiteY114" fmla="*/ 5677 h 10000"/>
                <a:gd name="connsiteX115" fmla="*/ 2555 w 10000"/>
                <a:gd name="connsiteY115" fmla="*/ 5612 h 10000"/>
                <a:gd name="connsiteX116" fmla="*/ 2618 w 10000"/>
                <a:gd name="connsiteY116" fmla="*/ 5766 h 10000"/>
                <a:gd name="connsiteX117" fmla="*/ 2931 w 10000"/>
                <a:gd name="connsiteY117" fmla="*/ 5839 h 10000"/>
                <a:gd name="connsiteX118" fmla="*/ 3370 w 10000"/>
                <a:gd name="connsiteY118" fmla="*/ 5775 h 10000"/>
                <a:gd name="connsiteX119" fmla="*/ 3793 w 10000"/>
                <a:gd name="connsiteY119" fmla="*/ 5864 h 10000"/>
                <a:gd name="connsiteX120" fmla="*/ 3793 w 10000"/>
                <a:gd name="connsiteY120" fmla="*/ 5994 h 10000"/>
                <a:gd name="connsiteX121" fmla="*/ 3056 w 10000"/>
                <a:gd name="connsiteY121" fmla="*/ 5969 h 10000"/>
                <a:gd name="connsiteX122" fmla="*/ 2931 w 10000"/>
                <a:gd name="connsiteY122" fmla="*/ 6091 h 10000"/>
                <a:gd name="connsiteX123" fmla="*/ 2555 w 10000"/>
                <a:gd name="connsiteY123" fmla="*/ 6172 h 10000"/>
                <a:gd name="connsiteX124" fmla="*/ 2633 w 10000"/>
                <a:gd name="connsiteY124" fmla="*/ 6269 h 10000"/>
                <a:gd name="connsiteX125" fmla="*/ 2712 w 10000"/>
                <a:gd name="connsiteY125" fmla="*/ 6326 h 10000"/>
                <a:gd name="connsiteX126" fmla="*/ 2539 w 10000"/>
                <a:gd name="connsiteY126" fmla="*/ 6415 h 10000"/>
                <a:gd name="connsiteX127" fmla="*/ 2586 w 10000"/>
                <a:gd name="connsiteY127" fmla="*/ 6537 h 10000"/>
                <a:gd name="connsiteX128" fmla="*/ 2398 w 10000"/>
                <a:gd name="connsiteY128" fmla="*/ 6642 h 10000"/>
                <a:gd name="connsiteX129" fmla="*/ 2492 w 10000"/>
                <a:gd name="connsiteY129" fmla="*/ 6788 h 10000"/>
                <a:gd name="connsiteX130" fmla="*/ 2680 w 10000"/>
                <a:gd name="connsiteY130" fmla="*/ 6821 h 10000"/>
                <a:gd name="connsiteX131" fmla="*/ 2602 w 10000"/>
                <a:gd name="connsiteY131" fmla="*/ 6983 h 10000"/>
                <a:gd name="connsiteX132" fmla="*/ 2821 w 10000"/>
                <a:gd name="connsiteY132" fmla="*/ 7015 h 10000"/>
                <a:gd name="connsiteX133" fmla="*/ 2931 w 10000"/>
                <a:gd name="connsiteY133" fmla="*/ 7145 h 10000"/>
                <a:gd name="connsiteX134" fmla="*/ 2806 w 10000"/>
                <a:gd name="connsiteY134" fmla="*/ 7202 h 10000"/>
                <a:gd name="connsiteX135" fmla="*/ 2821 w 10000"/>
                <a:gd name="connsiteY135" fmla="*/ 7299 h 10000"/>
                <a:gd name="connsiteX136" fmla="*/ 2931 w 10000"/>
                <a:gd name="connsiteY136" fmla="*/ 7388 h 10000"/>
                <a:gd name="connsiteX137" fmla="*/ 3292 w 10000"/>
                <a:gd name="connsiteY137" fmla="*/ 7486 h 10000"/>
                <a:gd name="connsiteX138" fmla="*/ 3166 w 10000"/>
                <a:gd name="connsiteY138" fmla="*/ 7575 h 10000"/>
                <a:gd name="connsiteX139" fmla="*/ 3292 w 10000"/>
                <a:gd name="connsiteY139" fmla="*/ 7737 h 10000"/>
                <a:gd name="connsiteX140" fmla="*/ 3417 w 10000"/>
                <a:gd name="connsiteY140" fmla="*/ 7737 h 10000"/>
                <a:gd name="connsiteX141" fmla="*/ 3511 w 10000"/>
                <a:gd name="connsiteY141" fmla="*/ 7810 h 10000"/>
                <a:gd name="connsiteX142" fmla="*/ 3793 w 10000"/>
                <a:gd name="connsiteY142" fmla="*/ 7908 h 10000"/>
                <a:gd name="connsiteX143" fmla="*/ 3793 w 10000"/>
                <a:gd name="connsiteY143" fmla="*/ 7997 h 10000"/>
                <a:gd name="connsiteX144" fmla="*/ 4075 w 10000"/>
                <a:gd name="connsiteY144" fmla="*/ 7972 h 10000"/>
                <a:gd name="connsiteX145" fmla="*/ 4577 w 10000"/>
                <a:gd name="connsiteY145" fmla="*/ 7972 h 10000"/>
                <a:gd name="connsiteX146" fmla="*/ 4718 w 10000"/>
                <a:gd name="connsiteY146" fmla="*/ 8167 h 10000"/>
                <a:gd name="connsiteX147" fmla="*/ 5141 w 10000"/>
                <a:gd name="connsiteY147" fmla="*/ 7972 h 10000"/>
                <a:gd name="connsiteX148" fmla="*/ 5721 w 10000"/>
                <a:gd name="connsiteY148" fmla="*/ 8078 h 10000"/>
                <a:gd name="connsiteX149" fmla="*/ 5846 w 10000"/>
                <a:gd name="connsiteY149" fmla="*/ 8289 h 10000"/>
                <a:gd name="connsiteX150" fmla="*/ 5846 w 10000"/>
                <a:gd name="connsiteY150" fmla="*/ 8467 h 10000"/>
                <a:gd name="connsiteX151" fmla="*/ 6113 w 10000"/>
                <a:gd name="connsiteY151" fmla="*/ 8483 h 10000"/>
                <a:gd name="connsiteX152" fmla="*/ 6223 w 10000"/>
                <a:gd name="connsiteY152" fmla="*/ 8581 h 10000"/>
                <a:gd name="connsiteX153" fmla="*/ 6536 w 10000"/>
                <a:gd name="connsiteY153" fmla="*/ 8710 h 10000"/>
                <a:gd name="connsiteX154" fmla="*/ 6912 w 10000"/>
                <a:gd name="connsiteY154" fmla="*/ 8759 h 10000"/>
                <a:gd name="connsiteX155" fmla="*/ 6928 w 10000"/>
                <a:gd name="connsiteY155" fmla="*/ 8889 h 10000"/>
                <a:gd name="connsiteX156" fmla="*/ 7367 w 10000"/>
                <a:gd name="connsiteY156" fmla="*/ 8856 h 10000"/>
                <a:gd name="connsiteX157" fmla="*/ 7696 w 10000"/>
                <a:gd name="connsiteY157" fmla="*/ 9027 h 10000"/>
                <a:gd name="connsiteX158" fmla="*/ 7586 w 10000"/>
                <a:gd name="connsiteY158" fmla="*/ 9238 h 10000"/>
                <a:gd name="connsiteX159" fmla="*/ 6912 w 10000"/>
                <a:gd name="connsiteY159" fmla="*/ 9238 h 10000"/>
                <a:gd name="connsiteX160" fmla="*/ 6803 w 10000"/>
                <a:gd name="connsiteY160" fmla="*/ 9343 h 10000"/>
                <a:gd name="connsiteX161" fmla="*/ 7132 w 10000"/>
                <a:gd name="connsiteY161" fmla="*/ 9424 h 10000"/>
                <a:gd name="connsiteX162" fmla="*/ 7179 w 10000"/>
                <a:gd name="connsiteY162" fmla="*/ 9594 h 10000"/>
                <a:gd name="connsiteX163" fmla="*/ 7461 w 10000"/>
                <a:gd name="connsiteY163" fmla="*/ 9805 h 10000"/>
                <a:gd name="connsiteX164" fmla="*/ 7837 w 10000"/>
                <a:gd name="connsiteY164" fmla="*/ 9813 h 10000"/>
                <a:gd name="connsiteX165" fmla="*/ 7853 w 10000"/>
                <a:gd name="connsiteY165" fmla="*/ 9659 h 10000"/>
                <a:gd name="connsiteX166" fmla="*/ 8464 w 10000"/>
                <a:gd name="connsiteY166" fmla="*/ 9521 h 10000"/>
                <a:gd name="connsiteX167" fmla="*/ 9060 w 10000"/>
                <a:gd name="connsiteY167" fmla="*/ 9521 h 10000"/>
                <a:gd name="connsiteX168" fmla="*/ 9545 w 10000"/>
                <a:gd name="connsiteY168" fmla="*/ 9659 h 10000"/>
                <a:gd name="connsiteX169" fmla="*/ 9279 w 10000"/>
                <a:gd name="connsiteY169" fmla="*/ 9789 h 10000"/>
                <a:gd name="connsiteX170" fmla="*/ 9624 w 10000"/>
                <a:gd name="connsiteY170" fmla="*/ 10000 h 10000"/>
                <a:gd name="connsiteX171" fmla="*/ 10000 w 10000"/>
                <a:gd name="connsiteY171" fmla="*/ 9951 h 10000"/>
                <a:gd name="connsiteX172" fmla="*/ 10000 w 10000"/>
                <a:gd name="connsiteY172" fmla="*/ 0 h 10000"/>
                <a:gd name="connsiteX173" fmla="*/ 8433 w 10000"/>
                <a:gd name="connsiteY173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865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680 w 10000"/>
                <a:gd name="connsiteY85" fmla="*/ 10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85 w 10000"/>
                <a:gd name="connsiteY86" fmla="*/ 1169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519 w 10000"/>
                <a:gd name="connsiteY87" fmla="*/ 138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67 w 10034"/>
                <a:gd name="connsiteY0" fmla="*/ 0 h 10000"/>
                <a:gd name="connsiteX1" fmla="*/ 8467 w 10034"/>
                <a:gd name="connsiteY1" fmla="*/ 97 h 10000"/>
                <a:gd name="connsiteX2" fmla="*/ 8137 w 10034"/>
                <a:gd name="connsiteY2" fmla="*/ 357 h 10000"/>
                <a:gd name="connsiteX3" fmla="*/ 8467 w 10034"/>
                <a:gd name="connsiteY3" fmla="*/ 697 h 10000"/>
                <a:gd name="connsiteX4" fmla="*/ 7855 w 10034"/>
                <a:gd name="connsiteY4" fmla="*/ 981 h 10000"/>
                <a:gd name="connsiteX5" fmla="*/ 7761 w 10034"/>
                <a:gd name="connsiteY5" fmla="*/ 803 h 10000"/>
                <a:gd name="connsiteX6" fmla="*/ 7228 w 10034"/>
                <a:gd name="connsiteY6" fmla="*/ 803 h 10000"/>
                <a:gd name="connsiteX7" fmla="*/ 7072 w 10034"/>
                <a:gd name="connsiteY7" fmla="*/ 584 h 10000"/>
                <a:gd name="connsiteX8" fmla="*/ 7526 w 10034"/>
                <a:gd name="connsiteY8" fmla="*/ 397 h 10000"/>
                <a:gd name="connsiteX9" fmla="*/ 7087 w 10034"/>
                <a:gd name="connsiteY9" fmla="*/ 276 h 10000"/>
                <a:gd name="connsiteX10" fmla="*/ 6915 w 10034"/>
                <a:gd name="connsiteY10" fmla="*/ 187 h 10000"/>
                <a:gd name="connsiteX11" fmla="*/ 6601 w 10034"/>
                <a:gd name="connsiteY11" fmla="*/ 187 h 10000"/>
                <a:gd name="connsiteX12" fmla="*/ 6304 w 10034"/>
                <a:gd name="connsiteY12" fmla="*/ 341 h 10000"/>
                <a:gd name="connsiteX13" fmla="*/ 5833 w 10034"/>
                <a:gd name="connsiteY13" fmla="*/ 397 h 10000"/>
                <a:gd name="connsiteX14" fmla="*/ 6398 w 10034"/>
                <a:gd name="connsiteY14" fmla="*/ 479 h 10000"/>
                <a:gd name="connsiteX15" fmla="*/ 6617 w 10034"/>
                <a:gd name="connsiteY15" fmla="*/ 738 h 10000"/>
                <a:gd name="connsiteX16" fmla="*/ 6711 w 10034"/>
                <a:gd name="connsiteY16" fmla="*/ 981 h 10000"/>
                <a:gd name="connsiteX17" fmla="*/ 6868 w 10034"/>
                <a:gd name="connsiteY17" fmla="*/ 981 h 10000"/>
                <a:gd name="connsiteX18" fmla="*/ 7275 w 10034"/>
                <a:gd name="connsiteY18" fmla="*/ 981 h 10000"/>
                <a:gd name="connsiteX19" fmla="*/ 7307 w 10034"/>
                <a:gd name="connsiteY19" fmla="*/ 1103 h 10000"/>
                <a:gd name="connsiteX20" fmla="*/ 7510 w 10034"/>
                <a:gd name="connsiteY20" fmla="*/ 1160 h 10000"/>
                <a:gd name="connsiteX21" fmla="*/ 7526 w 10034"/>
                <a:gd name="connsiteY21" fmla="*/ 1371 h 10000"/>
                <a:gd name="connsiteX22" fmla="*/ 7683 w 10034"/>
                <a:gd name="connsiteY22" fmla="*/ 1590 h 10000"/>
                <a:gd name="connsiteX23" fmla="*/ 7213 w 10034"/>
                <a:gd name="connsiteY23" fmla="*/ 1444 h 10000"/>
                <a:gd name="connsiteX24" fmla="*/ 6884 w 10034"/>
                <a:gd name="connsiteY24" fmla="*/ 1484 h 10000"/>
                <a:gd name="connsiteX25" fmla="*/ 6601 w 10034"/>
                <a:gd name="connsiteY25" fmla="*/ 1484 h 10000"/>
                <a:gd name="connsiteX26" fmla="*/ 6398 w 10034"/>
                <a:gd name="connsiteY26" fmla="*/ 1825 h 10000"/>
                <a:gd name="connsiteX27" fmla="*/ 6272 w 10034"/>
                <a:gd name="connsiteY27" fmla="*/ 2028 h 10000"/>
                <a:gd name="connsiteX28" fmla="*/ 6210 w 10034"/>
                <a:gd name="connsiteY28" fmla="*/ 2271 h 10000"/>
                <a:gd name="connsiteX29" fmla="*/ 6601 w 10034"/>
                <a:gd name="connsiteY29" fmla="*/ 2401 h 10000"/>
                <a:gd name="connsiteX30" fmla="*/ 6978 w 10034"/>
                <a:gd name="connsiteY30" fmla="*/ 2595 h 10000"/>
                <a:gd name="connsiteX31" fmla="*/ 6570 w 10034"/>
                <a:gd name="connsiteY31" fmla="*/ 2798 h 10000"/>
                <a:gd name="connsiteX32" fmla="*/ 6382 w 10034"/>
                <a:gd name="connsiteY32" fmla="*/ 2701 h 10000"/>
                <a:gd name="connsiteX33" fmla="*/ 6147 w 10034"/>
                <a:gd name="connsiteY33" fmla="*/ 2660 h 10000"/>
                <a:gd name="connsiteX34" fmla="*/ 5661 w 10034"/>
                <a:gd name="connsiteY34" fmla="*/ 2749 h 10000"/>
                <a:gd name="connsiteX35" fmla="*/ 5175 w 10034"/>
                <a:gd name="connsiteY35" fmla="*/ 2595 h 10000"/>
                <a:gd name="connsiteX36" fmla="*/ 4924 w 10034"/>
                <a:gd name="connsiteY36" fmla="*/ 2603 h 10000"/>
                <a:gd name="connsiteX37" fmla="*/ 5065 w 10034"/>
                <a:gd name="connsiteY37" fmla="*/ 2733 h 10000"/>
                <a:gd name="connsiteX38" fmla="*/ 5018 w 10034"/>
                <a:gd name="connsiteY38" fmla="*/ 2822 h 10000"/>
                <a:gd name="connsiteX39" fmla="*/ 5520 w 10034"/>
                <a:gd name="connsiteY39" fmla="*/ 3025 h 10000"/>
                <a:gd name="connsiteX40" fmla="*/ 5786 w 10034"/>
                <a:gd name="connsiteY40" fmla="*/ 2928 h 10000"/>
                <a:gd name="connsiteX41" fmla="*/ 6147 w 10034"/>
                <a:gd name="connsiteY41" fmla="*/ 3114 h 10000"/>
                <a:gd name="connsiteX42" fmla="*/ 5943 w 10034"/>
                <a:gd name="connsiteY42" fmla="*/ 3317 h 10000"/>
                <a:gd name="connsiteX43" fmla="*/ 5645 w 10034"/>
                <a:gd name="connsiteY43" fmla="*/ 3317 h 10000"/>
                <a:gd name="connsiteX44" fmla="*/ 5081 w 10034"/>
                <a:gd name="connsiteY44" fmla="*/ 3268 h 10000"/>
                <a:gd name="connsiteX45" fmla="*/ 5034 w 10034"/>
                <a:gd name="connsiteY45" fmla="*/ 3139 h 10000"/>
                <a:gd name="connsiteX46" fmla="*/ 4736 w 10034"/>
                <a:gd name="connsiteY46" fmla="*/ 3147 h 10000"/>
                <a:gd name="connsiteX47" fmla="*/ 4564 w 10034"/>
                <a:gd name="connsiteY47" fmla="*/ 3268 h 10000"/>
                <a:gd name="connsiteX48" fmla="*/ 4266 w 10034"/>
                <a:gd name="connsiteY48" fmla="*/ 3187 h 10000"/>
                <a:gd name="connsiteX49" fmla="*/ 4329 w 10034"/>
                <a:gd name="connsiteY49" fmla="*/ 3017 h 10000"/>
                <a:gd name="connsiteX50" fmla="*/ 3905 w 10034"/>
                <a:gd name="connsiteY50" fmla="*/ 2863 h 10000"/>
                <a:gd name="connsiteX51" fmla="*/ 3827 w 10034"/>
                <a:gd name="connsiteY51" fmla="*/ 2863 h 10000"/>
                <a:gd name="connsiteX52" fmla="*/ 3670 w 10034"/>
                <a:gd name="connsiteY52" fmla="*/ 2741 h 10000"/>
                <a:gd name="connsiteX53" fmla="*/ 3827 w 10034"/>
                <a:gd name="connsiteY53" fmla="*/ 2636 h 10000"/>
                <a:gd name="connsiteX54" fmla="*/ 3561 w 10034"/>
                <a:gd name="connsiteY54" fmla="*/ 2433 h 10000"/>
                <a:gd name="connsiteX55" fmla="*/ 3231 w 10034"/>
                <a:gd name="connsiteY55" fmla="*/ 2384 h 10000"/>
                <a:gd name="connsiteX56" fmla="*/ 2965 w 10034"/>
                <a:gd name="connsiteY56" fmla="*/ 2336 h 10000"/>
                <a:gd name="connsiteX57" fmla="*/ 2855 w 10034"/>
                <a:gd name="connsiteY57" fmla="*/ 2247 h 10000"/>
                <a:gd name="connsiteX58" fmla="*/ 2275 w 10034"/>
                <a:gd name="connsiteY58" fmla="*/ 2190 h 10000"/>
                <a:gd name="connsiteX59" fmla="*/ 2134 w 10034"/>
                <a:gd name="connsiteY59" fmla="*/ 2117 h 10000"/>
                <a:gd name="connsiteX60" fmla="*/ 1884 w 10034"/>
                <a:gd name="connsiteY60" fmla="*/ 2060 h 10000"/>
                <a:gd name="connsiteX61" fmla="*/ 2040 w 10034"/>
                <a:gd name="connsiteY61" fmla="*/ 1979 h 10000"/>
                <a:gd name="connsiteX62" fmla="*/ 2354 w 10034"/>
                <a:gd name="connsiteY62" fmla="*/ 2003 h 10000"/>
                <a:gd name="connsiteX63" fmla="*/ 2510 w 10034"/>
                <a:gd name="connsiteY63" fmla="*/ 2117 h 10000"/>
                <a:gd name="connsiteX64" fmla="*/ 2777 w 10034"/>
                <a:gd name="connsiteY64" fmla="*/ 2117 h 10000"/>
                <a:gd name="connsiteX65" fmla="*/ 3247 w 10034"/>
                <a:gd name="connsiteY65" fmla="*/ 2117 h 10000"/>
                <a:gd name="connsiteX66" fmla="*/ 3420 w 10034"/>
                <a:gd name="connsiteY66" fmla="*/ 2068 h 10000"/>
                <a:gd name="connsiteX67" fmla="*/ 3827 w 10034"/>
                <a:gd name="connsiteY67" fmla="*/ 2117 h 10000"/>
                <a:gd name="connsiteX68" fmla="*/ 4360 w 10034"/>
                <a:gd name="connsiteY68" fmla="*/ 2117 h 10000"/>
                <a:gd name="connsiteX69" fmla="*/ 5144 w 10034"/>
                <a:gd name="connsiteY69" fmla="*/ 2084 h 10000"/>
                <a:gd name="connsiteX70" fmla="*/ 5943 w 10034"/>
                <a:gd name="connsiteY70" fmla="*/ 1784 h 10000"/>
                <a:gd name="connsiteX71" fmla="*/ 5943 w 10034"/>
                <a:gd name="connsiteY71" fmla="*/ 1387 h 10000"/>
                <a:gd name="connsiteX72" fmla="*/ 5630 w 10034"/>
                <a:gd name="connsiteY72" fmla="*/ 1176 h 10000"/>
                <a:gd name="connsiteX73" fmla="*/ 5285 w 10034"/>
                <a:gd name="connsiteY73" fmla="*/ 1030 h 10000"/>
                <a:gd name="connsiteX74" fmla="*/ 4736 w 10034"/>
                <a:gd name="connsiteY74" fmla="*/ 981 h 10000"/>
                <a:gd name="connsiteX75" fmla="*/ 4344 w 10034"/>
                <a:gd name="connsiteY75" fmla="*/ 981 h 10000"/>
                <a:gd name="connsiteX76" fmla="*/ 3952 w 10034"/>
                <a:gd name="connsiteY76" fmla="*/ 981 h 10000"/>
                <a:gd name="connsiteX77" fmla="*/ 3435 w 10034"/>
                <a:gd name="connsiteY77" fmla="*/ 803 h 10000"/>
                <a:gd name="connsiteX78" fmla="*/ 2777 w 10034"/>
                <a:gd name="connsiteY78" fmla="*/ 738 h 10000"/>
                <a:gd name="connsiteX79" fmla="*/ 2338 w 10034"/>
                <a:gd name="connsiteY79" fmla="*/ 762 h 10000"/>
                <a:gd name="connsiteX80" fmla="*/ 1774 w 10034"/>
                <a:gd name="connsiteY80" fmla="*/ 787 h 10000"/>
                <a:gd name="connsiteX81" fmla="*/ 1664 w 10034"/>
                <a:gd name="connsiteY81" fmla="*/ 860 h 10000"/>
                <a:gd name="connsiteX82" fmla="*/ 1558 w 10034"/>
                <a:gd name="connsiteY82" fmla="*/ 709 h 10000"/>
                <a:gd name="connsiteX83" fmla="*/ 1329 w 10034"/>
                <a:gd name="connsiteY83" fmla="*/ 784 h 10000"/>
                <a:gd name="connsiteX84" fmla="*/ 1089 w 10034"/>
                <a:gd name="connsiteY84" fmla="*/ 706 h 10000"/>
                <a:gd name="connsiteX85" fmla="*/ 972 w 10034"/>
                <a:gd name="connsiteY85" fmla="*/ 910 h 10000"/>
                <a:gd name="connsiteX86" fmla="*/ 605 w 10034"/>
                <a:gd name="connsiteY86" fmla="*/ 1154 h 10000"/>
                <a:gd name="connsiteX87" fmla="*/ 553 w 10034"/>
                <a:gd name="connsiteY87" fmla="*/ 1389 h 10000"/>
                <a:gd name="connsiteX88" fmla="*/ 597 w 10034"/>
                <a:gd name="connsiteY88" fmla="*/ 1540 h 10000"/>
                <a:gd name="connsiteX89" fmla="*/ 34 w 10034"/>
                <a:gd name="connsiteY89" fmla="*/ 1679 h 10000"/>
                <a:gd name="connsiteX90" fmla="*/ 65 w 10034"/>
                <a:gd name="connsiteY90" fmla="*/ 1687 h 10000"/>
                <a:gd name="connsiteX91" fmla="*/ 65 w 10034"/>
                <a:gd name="connsiteY91" fmla="*/ 1695 h 10000"/>
                <a:gd name="connsiteX92" fmla="*/ 410 w 10034"/>
                <a:gd name="connsiteY92" fmla="*/ 1727 h 10000"/>
                <a:gd name="connsiteX93" fmla="*/ 551 w 10034"/>
                <a:gd name="connsiteY93" fmla="*/ 1800 h 10000"/>
                <a:gd name="connsiteX94" fmla="*/ 833 w 10034"/>
                <a:gd name="connsiteY94" fmla="*/ 1833 h 10000"/>
                <a:gd name="connsiteX95" fmla="*/ 927 w 10034"/>
                <a:gd name="connsiteY95" fmla="*/ 1971 h 10000"/>
                <a:gd name="connsiteX96" fmla="*/ 724 w 10034"/>
                <a:gd name="connsiteY96" fmla="*/ 2376 h 10000"/>
                <a:gd name="connsiteX97" fmla="*/ 927 w 10034"/>
                <a:gd name="connsiteY97" fmla="*/ 2457 h 10000"/>
                <a:gd name="connsiteX98" fmla="*/ 1711 w 10034"/>
                <a:gd name="connsiteY98" fmla="*/ 2879 h 10000"/>
                <a:gd name="connsiteX99" fmla="*/ 1492 w 10034"/>
                <a:gd name="connsiteY99" fmla="*/ 2976 h 10000"/>
                <a:gd name="connsiteX100" fmla="*/ 1492 w 10034"/>
                <a:gd name="connsiteY100" fmla="*/ 3179 h 10000"/>
                <a:gd name="connsiteX101" fmla="*/ 1711 w 10034"/>
                <a:gd name="connsiteY101" fmla="*/ 3220 h 10000"/>
                <a:gd name="connsiteX102" fmla="*/ 1648 w 10034"/>
                <a:gd name="connsiteY102" fmla="*/ 3333 h 10000"/>
                <a:gd name="connsiteX103" fmla="*/ 1821 w 10034"/>
                <a:gd name="connsiteY103" fmla="*/ 3398 h 10000"/>
                <a:gd name="connsiteX104" fmla="*/ 1993 w 10034"/>
                <a:gd name="connsiteY104" fmla="*/ 3366 h 10000"/>
                <a:gd name="connsiteX105" fmla="*/ 2025 w 10034"/>
                <a:gd name="connsiteY105" fmla="*/ 3528 h 10000"/>
                <a:gd name="connsiteX106" fmla="*/ 2166 w 10034"/>
                <a:gd name="connsiteY106" fmla="*/ 3609 h 10000"/>
                <a:gd name="connsiteX107" fmla="*/ 2354 w 10034"/>
                <a:gd name="connsiteY107" fmla="*/ 3577 h 10000"/>
                <a:gd name="connsiteX108" fmla="*/ 2495 w 10034"/>
                <a:gd name="connsiteY108" fmla="*/ 3715 h 10000"/>
                <a:gd name="connsiteX109" fmla="*/ 2369 w 10034"/>
                <a:gd name="connsiteY109" fmla="*/ 3950 h 10000"/>
                <a:gd name="connsiteX110" fmla="*/ 3310 w 10034"/>
                <a:gd name="connsiteY110" fmla="*/ 4193 h 10000"/>
                <a:gd name="connsiteX111" fmla="*/ 3326 w 10034"/>
                <a:gd name="connsiteY111" fmla="*/ 4599 h 10000"/>
                <a:gd name="connsiteX112" fmla="*/ 2840 w 10034"/>
                <a:gd name="connsiteY112" fmla="*/ 5239 h 10000"/>
                <a:gd name="connsiteX113" fmla="*/ 2322 w 10034"/>
                <a:gd name="connsiteY113" fmla="*/ 5677 h 10000"/>
                <a:gd name="connsiteX114" fmla="*/ 2589 w 10034"/>
                <a:gd name="connsiteY114" fmla="*/ 5612 h 10000"/>
                <a:gd name="connsiteX115" fmla="*/ 2652 w 10034"/>
                <a:gd name="connsiteY115" fmla="*/ 5766 h 10000"/>
                <a:gd name="connsiteX116" fmla="*/ 2965 w 10034"/>
                <a:gd name="connsiteY116" fmla="*/ 5839 h 10000"/>
                <a:gd name="connsiteX117" fmla="*/ 3404 w 10034"/>
                <a:gd name="connsiteY117" fmla="*/ 5775 h 10000"/>
                <a:gd name="connsiteX118" fmla="*/ 3827 w 10034"/>
                <a:gd name="connsiteY118" fmla="*/ 5864 h 10000"/>
                <a:gd name="connsiteX119" fmla="*/ 3827 w 10034"/>
                <a:gd name="connsiteY119" fmla="*/ 5994 h 10000"/>
                <a:gd name="connsiteX120" fmla="*/ 3090 w 10034"/>
                <a:gd name="connsiteY120" fmla="*/ 5969 h 10000"/>
                <a:gd name="connsiteX121" fmla="*/ 2965 w 10034"/>
                <a:gd name="connsiteY121" fmla="*/ 6091 h 10000"/>
                <a:gd name="connsiteX122" fmla="*/ 2589 w 10034"/>
                <a:gd name="connsiteY122" fmla="*/ 6172 h 10000"/>
                <a:gd name="connsiteX123" fmla="*/ 2667 w 10034"/>
                <a:gd name="connsiteY123" fmla="*/ 6269 h 10000"/>
                <a:gd name="connsiteX124" fmla="*/ 2746 w 10034"/>
                <a:gd name="connsiteY124" fmla="*/ 6326 h 10000"/>
                <a:gd name="connsiteX125" fmla="*/ 2573 w 10034"/>
                <a:gd name="connsiteY125" fmla="*/ 6415 h 10000"/>
                <a:gd name="connsiteX126" fmla="*/ 2620 w 10034"/>
                <a:gd name="connsiteY126" fmla="*/ 6537 h 10000"/>
                <a:gd name="connsiteX127" fmla="*/ 2432 w 10034"/>
                <a:gd name="connsiteY127" fmla="*/ 6642 h 10000"/>
                <a:gd name="connsiteX128" fmla="*/ 2526 w 10034"/>
                <a:gd name="connsiteY128" fmla="*/ 6788 h 10000"/>
                <a:gd name="connsiteX129" fmla="*/ 2714 w 10034"/>
                <a:gd name="connsiteY129" fmla="*/ 6821 h 10000"/>
                <a:gd name="connsiteX130" fmla="*/ 2636 w 10034"/>
                <a:gd name="connsiteY130" fmla="*/ 6983 h 10000"/>
                <a:gd name="connsiteX131" fmla="*/ 2855 w 10034"/>
                <a:gd name="connsiteY131" fmla="*/ 7015 h 10000"/>
                <a:gd name="connsiteX132" fmla="*/ 2965 w 10034"/>
                <a:gd name="connsiteY132" fmla="*/ 7145 h 10000"/>
                <a:gd name="connsiteX133" fmla="*/ 2840 w 10034"/>
                <a:gd name="connsiteY133" fmla="*/ 7202 h 10000"/>
                <a:gd name="connsiteX134" fmla="*/ 2855 w 10034"/>
                <a:gd name="connsiteY134" fmla="*/ 7299 h 10000"/>
                <a:gd name="connsiteX135" fmla="*/ 2965 w 10034"/>
                <a:gd name="connsiteY135" fmla="*/ 7388 h 10000"/>
                <a:gd name="connsiteX136" fmla="*/ 3326 w 10034"/>
                <a:gd name="connsiteY136" fmla="*/ 7486 h 10000"/>
                <a:gd name="connsiteX137" fmla="*/ 3200 w 10034"/>
                <a:gd name="connsiteY137" fmla="*/ 7575 h 10000"/>
                <a:gd name="connsiteX138" fmla="*/ 3326 w 10034"/>
                <a:gd name="connsiteY138" fmla="*/ 7737 h 10000"/>
                <a:gd name="connsiteX139" fmla="*/ 3451 w 10034"/>
                <a:gd name="connsiteY139" fmla="*/ 7737 h 10000"/>
                <a:gd name="connsiteX140" fmla="*/ 3545 w 10034"/>
                <a:gd name="connsiteY140" fmla="*/ 7810 h 10000"/>
                <a:gd name="connsiteX141" fmla="*/ 3827 w 10034"/>
                <a:gd name="connsiteY141" fmla="*/ 7908 h 10000"/>
                <a:gd name="connsiteX142" fmla="*/ 3827 w 10034"/>
                <a:gd name="connsiteY142" fmla="*/ 7997 h 10000"/>
                <a:gd name="connsiteX143" fmla="*/ 4109 w 10034"/>
                <a:gd name="connsiteY143" fmla="*/ 7972 h 10000"/>
                <a:gd name="connsiteX144" fmla="*/ 4611 w 10034"/>
                <a:gd name="connsiteY144" fmla="*/ 7972 h 10000"/>
                <a:gd name="connsiteX145" fmla="*/ 4752 w 10034"/>
                <a:gd name="connsiteY145" fmla="*/ 8167 h 10000"/>
                <a:gd name="connsiteX146" fmla="*/ 5175 w 10034"/>
                <a:gd name="connsiteY146" fmla="*/ 7972 h 10000"/>
                <a:gd name="connsiteX147" fmla="*/ 5755 w 10034"/>
                <a:gd name="connsiteY147" fmla="*/ 8078 h 10000"/>
                <a:gd name="connsiteX148" fmla="*/ 5880 w 10034"/>
                <a:gd name="connsiteY148" fmla="*/ 8289 h 10000"/>
                <a:gd name="connsiteX149" fmla="*/ 5880 w 10034"/>
                <a:gd name="connsiteY149" fmla="*/ 8467 h 10000"/>
                <a:gd name="connsiteX150" fmla="*/ 6147 w 10034"/>
                <a:gd name="connsiteY150" fmla="*/ 8483 h 10000"/>
                <a:gd name="connsiteX151" fmla="*/ 6257 w 10034"/>
                <a:gd name="connsiteY151" fmla="*/ 8581 h 10000"/>
                <a:gd name="connsiteX152" fmla="*/ 6570 w 10034"/>
                <a:gd name="connsiteY152" fmla="*/ 8710 h 10000"/>
                <a:gd name="connsiteX153" fmla="*/ 6946 w 10034"/>
                <a:gd name="connsiteY153" fmla="*/ 8759 h 10000"/>
                <a:gd name="connsiteX154" fmla="*/ 6962 w 10034"/>
                <a:gd name="connsiteY154" fmla="*/ 8889 h 10000"/>
                <a:gd name="connsiteX155" fmla="*/ 7401 w 10034"/>
                <a:gd name="connsiteY155" fmla="*/ 8856 h 10000"/>
                <a:gd name="connsiteX156" fmla="*/ 7730 w 10034"/>
                <a:gd name="connsiteY156" fmla="*/ 9027 h 10000"/>
                <a:gd name="connsiteX157" fmla="*/ 7620 w 10034"/>
                <a:gd name="connsiteY157" fmla="*/ 9238 h 10000"/>
                <a:gd name="connsiteX158" fmla="*/ 6946 w 10034"/>
                <a:gd name="connsiteY158" fmla="*/ 9238 h 10000"/>
                <a:gd name="connsiteX159" fmla="*/ 6837 w 10034"/>
                <a:gd name="connsiteY159" fmla="*/ 9343 h 10000"/>
                <a:gd name="connsiteX160" fmla="*/ 7166 w 10034"/>
                <a:gd name="connsiteY160" fmla="*/ 9424 h 10000"/>
                <a:gd name="connsiteX161" fmla="*/ 7213 w 10034"/>
                <a:gd name="connsiteY161" fmla="*/ 9594 h 10000"/>
                <a:gd name="connsiteX162" fmla="*/ 7495 w 10034"/>
                <a:gd name="connsiteY162" fmla="*/ 9805 h 10000"/>
                <a:gd name="connsiteX163" fmla="*/ 7871 w 10034"/>
                <a:gd name="connsiteY163" fmla="*/ 9813 h 10000"/>
                <a:gd name="connsiteX164" fmla="*/ 7887 w 10034"/>
                <a:gd name="connsiteY164" fmla="*/ 9659 h 10000"/>
                <a:gd name="connsiteX165" fmla="*/ 8498 w 10034"/>
                <a:gd name="connsiteY165" fmla="*/ 9521 h 10000"/>
                <a:gd name="connsiteX166" fmla="*/ 9094 w 10034"/>
                <a:gd name="connsiteY166" fmla="*/ 9521 h 10000"/>
                <a:gd name="connsiteX167" fmla="*/ 9579 w 10034"/>
                <a:gd name="connsiteY167" fmla="*/ 9659 h 10000"/>
                <a:gd name="connsiteX168" fmla="*/ 9313 w 10034"/>
                <a:gd name="connsiteY168" fmla="*/ 9789 h 10000"/>
                <a:gd name="connsiteX169" fmla="*/ 9658 w 10034"/>
                <a:gd name="connsiteY169" fmla="*/ 10000 h 10000"/>
                <a:gd name="connsiteX170" fmla="*/ 10034 w 10034"/>
                <a:gd name="connsiteY170" fmla="*/ 9951 h 10000"/>
                <a:gd name="connsiteX171" fmla="*/ 10034 w 10034"/>
                <a:gd name="connsiteY171" fmla="*/ 0 h 10000"/>
                <a:gd name="connsiteX172" fmla="*/ 8467 w 10034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058 w 9625"/>
                <a:gd name="connsiteY0" fmla="*/ 0 h 10000"/>
                <a:gd name="connsiteX1" fmla="*/ 8058 w 9625"/>
                <a:gd name="connsiteY1" fmla="*/ 97 h 10000"/>
                <a:gd name="connsiteX2" fmla="*/ 7728 w 9625"/>
                <a:gd name="connsiteY2" fmla="*/ 357 h 10000"/>
                <a:gd name="connsiteX3" fmla="*/ 8058 w 9625"/>
                <a:gd name="connsiteY3" fmla="*/ 697 h 10000"/>
                <a:gd name="connsiteX4" fmla="*/ 7446 w 9625"/>
                <a:gd name="connsiteY4" fmla="*/ 981 h 10000"/>
                <a:gd name="connsiteX5" fmla="*/ 7352 w 9625"/>
                <a:gd name="connsiteY5" fmla="*/ 803 h 10000"/>
                <a:gd name="connsiteX6" fmla="*/ 6819 w 9625"/>
                <a:gd name="connsiteY6" fmla="*/ 803 h 10000"/>
                <a:gd name="connsiteX7" fmla="*/ 6663 w 9625"/>
                <a:gd name="connsiteY7" fmla="*/ 584 h 10000"/>
                <a:gd name="connsiteX8" fmla="*/ 7117 w 9625"/>
                <a:gd name="connsiteY8" fmla="*/ 397 h 10000"/>
                <a:gd name="connsiteX9" fmla="*/ 6678 w 9625"/>
                <a:gd name="connsiteY9" fmla="*/ 276 h 10000"/>
                <a:gd name="connsiteX10" fmla="*/ 6506 w 9625"/>
                <a:gd name="connsiteY10" fmla="*/ 187 h 10000"/>
                <a:gd name="connsiteX11" fmla="*/ 6192 w 9625"/>
                <a:gd name="connsiteY11" fmla="*/ 187 h 10000"/>
                <a:gd name="connsiteX12" fmla="*/ 5895 w 9625"/>
                <a:gd name="connsiteY12" fmla="*/ 341 h 10000"/>
                <a:gd name="connsiteX13" fmla="*/ 5424 w 9625"/>
                <a:gd name="connsiteY13" fmla="*/ 397 h 10000"/>
                <a:gd name="connsiteX14" fmla="*/ 5989 w 9625"/>
                <a:gd name="connsiteY14" fmla="*/ 479 h 10000"/>
                <a:gd name="connsiteX15" fmla="*/ 6208 w 9625"/>
                <a:gd name="connsiteY15" fmla="*/ 738 h 10000"/>
                <a:gd name="connsiteX16" fmla="*/ 6302 w 9625"/>
                <a:gd name="connsiteY16" fmla="*/ 981 h 10000"/>
                <a:gd name="connsiteX17" fmla="*/ 6459 w 9625"/>
                <a:gd name="connsiteY17" fmla="*/ 981 h 10000"/>
                <a:gd name="connsiteX18" fmla="*/ 6866 w 9625"/>
                <a:gd name="connsiteY18" fmla="*/ 981 h 10000"/>
                <a:gd name="connsiteX19" fmla="*/ 6898 w 9625"/>
                <a:gd name="connsiteY19" fmla="*/ 1103 h 10000"/>
                <a:gd name="connsiteX20" fmla="*/ 7101 w 9625"/>
                <a:gd name="connsiteY20" fmla="*/ 1160 h 10000"/>
                <a:gd name="connsiteX21" fmla="*/ 7117 w 9625"/>
                <a:gd name="connsiteY21" fmla="*/ 1371 h 10000"/>
                <a:gd name="connsiteX22" fmla="*/ 7274 w 9625"/>
                <a:gd name="connsiteY22" fmla="*/ 1590 h 10000"/>
                <a:gd name="connsiteX23" fmla="*/ 6804 w 9625"/>
                <a:gd name="connsiteY23" fmla="*/ 1444 h 10000"/>
                <a:gd name="connsiteX24" fmla="*/ 6475 w 9625"/>
                <a:gd name="connsiteY24" fmla="*/ 1484 h 10000"/>
                <a:gd name="connsiteX25" fmla="*/ 6192 w 9625"/>
                <a:gd name="connsiteY25" fmla="*/ 1484 h 10000"/>
                <a:gd name="connsiteX26" fmla="*/ 5989 w 9625"/>
                <a:gd name="connsiteY26" fmla="*/ 1825 h 10000"/>
                <a:gd name="connsiteX27" fmla="*/ 5863 w 9625"/>
                <a:gd name="connsiteY27" fmla="*/ 2028 h 10000"/>
                <a:gd name="connsiteX28" fmla="*/ 5801 w 9625"/>
                <a:gd name="connsiteY28" fmla="*/ 2271 h 10000"/>
                <a:gd name="connsiteX29" fmla="*/ 6192 w 9625"/>
                <a:gd name="connsiteY29" fmla="*/ 2401 h 10000"/>
                <a:gd name="connsiteX30" fmla="*/ 6569 w 9625"/>
                <a:gd name="connsiteY30" fmla="*/ 2595 h 10000"/>
                <a:gd name="connsiteX31" fmla="*/ 6161 w 9625"/>
                <a:gd name="connsiteY31" fmla="*/ 2798 h 10000"/>
                <a:gd name="connsiteX32" fmla="*/ 5973 w 9625"/>
                <a:gd name="connsiteY32" fmla="*/ 2701 h 10000"/>
                <a:gd name="connsiteX33" fmla="*/ 5738 w 9625"/>
                <a:gd name="connsiteY33" fmla="*/ 2660 h 10000"/>
                <a:gd name="connsiteX34" fmla="*/ 5252 w 9625"/>
                <a:gd name="connsiteY34" fmla="*/ 2749 h 10000"/>
                <a:gd name="connsiteX35" fmla="*/ 4766 w 9625"/>
                <a:gd name="connsiteY35" fmla="*/ 2595 h 10000"/>
                <a:gd name="connsiteX36" fmla="*/ 4515 w 9625"/>
                <a:gd name="connsiteY36" fmla="*/ 2603 h 10000"/>
                <a:gd name="connsiteX37" fmla="*/ 4656 w 9625"/>
                <a:gd name="connsiteY37" fmla="*/ 2733 h 10000"/>
                <a:gd name="connsiteX38" fmla="*/ 4609 w 9625"/>
                <a:gd name="connsiteY38" fmla="*/ 2822 h 10000"/>
                <a:gd name="connsiteX39" fmla="*/ 5111 w 9625"/>
                <a:gd name="connsiteY39" fmla="*/ 3025 h 10000"/>
                <a:gd name="connsiteX40" fmla="*/ 5377 w 9625"/>
                <a:gd name="connsiteY40" fmla="*/ 2928 h 10000"/>
                <a:gd name="connsiteX41" fmla="*/ 5738 w 9625"/>
                <a:gd name="connsiteY41" fmla="*/ 3114 h 10000"/>
                <a:gd name="connsiteX42" fmla="*/ 5534 w 9625"/>
                <a:gd name="connsiteY42" fmla="*/ 3317 h 10000"/>
                <a:gd name="connsiteX43" fmla="*/ 5236 w 9625"/>
                <a:gd name="connsiteY43" fmla="*/ 3317 h 10000"/>
                <a:gd name="connsiteX44" fmla="*/ 4672 w 9625"/>
                <a:gd name="connsiteY44" fmla="*/ 3268 h 10000"/>
                <a:gd name="connsiteX45" fmla="*/ 4625 w 9625"/>
                <a:gd name="connsiteY45" fmla="*/ 3139 h 10000"/>
                <a:gd name="connsiteX46" fmla="*/ 4327 w 9625"/>
                <a:gd name="connsiteY46" fmla="*/ 3147 h 10000"/>
                <a:gd name="connsiteX47" fmla="*/ 4155 w 9625"/>
                <a:gd name="connsiteY47" fmla="*/ 3268 h 10000"/>
                <a:gd name="connsiteX48" fmla="*/ 3857 w 9625"/>
                <a:gd name="connsiteY48" fmla="*/ 3187 h 10000"/>
                <a:gd name="connsiteX49" fmla="*/ 3920 w 9625"/>
                <a:gd name="connsiteY49" fmla="*/ 3017 h 10000"/>
                <a:gd name="connsiteX50" fmla="*/ 3496 w 9625"/>
                <a:gd name="connsiteY50" fmla="*/ 2863 h 10000"/>
                <a:gd name="connsiteX51" fmla="*/ 3418 w 9625"/>
                <a:gd name="connsiteY51" fmla="*/ 2863 h 10000"/>
                <a:gd name="connsiteX52" fmla="*/ 3261 w 9625"/>
                <a:gd name="connsiteY52" fmla="*/ 2741 h 10000"/>
                <a:gd name="connsiteX53" fmla="*/ 3418 w 9625"/>
                <a:gd name="connsiteY53" fmla="*/ 2636 h 10000"/>
                <a:gd name="connsiteX54" fmla="*/ 3152 w 9625"/>
                <a:gd name="connsiteY54" fmla="*/ 2433 h 10000"/>
                <a:gd name="connsiteX55" fmla="*/ 2822 w 9625"/>
                <a:gd name="connsiteY55" fmla="*/ 2384 h 10000"/>
                <a:gd name="connsiteX56" fmla="*/ 2556 w 9625"/>
                <a:gd name="connsiteY56" fmla="*/ 2336 h 10000"/>
                <a:gd name="connsiteX57" fmla="*/ 2446 w 9625"/>
                <a:gd name="connsiteY57" fmla="*/ 2247 h 10000"/>
                <a:gd name="connsiteX58" fmla="*/ 1866 w 9625"/>
                <a:gd name="connsiteY58" fmla="*/ 2190 h 10000"/>
                <a:gd name="connsiteX59" fmla="*/ 1725 w 9625"/>
                <a:gd name="connsiteY59" fmla="*/ 2117 h 10000"/>
                <a:gd name="connsiteX60" fmla="*/ 1475 w 9625"/>
                <a:gd name="connsiteY60" fmla="*/ 2060 h 10000"/>
                <a:gd name="connsiteX61" fmla="*/ 1631 w 9625"/>
                <a:gd name="connsiteY61" fmla="*/ 1979 h 10000"/>
                <a:gd name="connsiteX62" fmla="*/ 1945 w 9625"/>
                <a:gd name="connsiteY62" fmla="*/ 2003 h 10000"/>
                <a:gd name="connsiteX63" fmla="*/ 2101 w 9625"/>
                <a:gd name="connsiteY63" fmla="*/ 2117 h 10000"/>
                <a:gd name="connsiteX64" fmla="*/ 2368 w 9625"/>
                <a:gd name="connsiteY64" fmla="*/ 2117 h 10000"/>
                <a:gd name="connsiteX65" fmla="*/ 2838 w 9625"/>
                <a:gd name="connsiteY65" fmla="*/ 2117 h 10000"/>
                <a:gd name="connsiteX66" fmla="*/ 3011 w 9625"/>
                <a:gd name="connsiteY66" fmla="*/ 2068 h 10000"/>
                <a:gd name="connsiteX67" fmla="*/ 3418 w 9625"/>
                <a:gd name="connsiteY67" fmla="*/ 2117 h 10000"/>
                <a:gd name="connsiteX68" fmla="*/ 3951 w 9625"/>
                <a:gd name="connsiteY68" fmla="*/ 2117 h 10000"/>
                <a:gd name="connsiteX69" fmla="*/ 4735 w 9625"/>
                <a:gd name="connsiteY69" fmla="*/ 2084 h 10000"/>
                <a:gd name="connsiteX70" fmla="*/ 5534 w 9625"/>
                <a:gd name="connsiteY70" fmla="*/ 1784 h 10000"/>
                <a:gd name="connsiteX71" fmla="*/ 5534 w 9625"/>
                <a:gd name="connsiteY71" fmla="*/ 1387 h 10000"/>
                <a:gd name="connsiteX72" fmla="*/ 5221 w 9625"/>
                <a:gd name="connsiteY72" fmla="*/ 1176 h 10000"/>
                <a:gd name="connsiteX73" fmla="*/ 4876 w 9625"/>
                <a:gd name="connsiteY73" fmla="*/ 1030 h 10000"/>
                <a:gd name="connsiteX74" fmla="*/ 4327 w 9625"/>
                <a:gd name="connsiteY74" fmla="*/ 981 h 10000"/>
                <a:gd name="connsiteX75" fmla="*/ 3935 w 9625"/>
                <a:gd name="connsiteY75" fmla="*/ 981 h 10000"/>
                <a:gd name="connsiteX76" fmla="*/ 3543 w 9625"/>
                <a:gd name="connsiteY76" fmla="*/ 981 h 10000"/>
                <a:gd name="connsiteX77" fmla="*/ 3026 w 9625"/>
                <a:gd name="connsiteY77" fmla="*/ 803 h 10000"/>
                <a:gd name="connsiteX78" fmla="*/ 2368 w 9625"/>
                <a:gd name="connsiteY78" fmla="*/ 738 h 10000"/>
                <a:gd name="connsiteX79" fmla="*/ 1929 w 9625"/>
                <a:gd name="connsiteY79" fmla="*/ 762 h 10000"/>
                <a:gd name="connsiteX80" fmla="*/ 1365 w 9625"/>
                <a:gd name="connsiteY80" fmla="*/ 787 h 10000"/>
                <a:gd name="connsiteX81" fmla="*/ 1255 w 9625"/>
                <a:gd name="connsiteY81" fmla="*/ 860 h 10000"/>
                <a:gd name="connsiteX82" fmla="*/ 1149 w 9625"/>
                <a:gd name="connsiteY82" fmla="*/ 709 h 10000"/>
                <a:gd name="connsiteX83" fmla="*/ 920 w 9625"/>
                <a:gd name="connsiteY83" fmla="*/ 784 h 10000"/>
                <a:gd name="connsiteX84" fmla="*/ 680 w 9625"/>
                <a:gd name="connsiteY84" fmla="*/ 706 h 10000"/>
                <a:gd name="connsiteX85" fmla="*/ 563 w 9625"/>
                <a:gd name="connsiteY85" fmla="*/ 910 h 10000"/>
                <a:gd name="connsiteX86" fmla="*/ 196 w 9625"/>
                <a:gd name="connsiteY86" fmla="*/ 1154 h 10000"/>
                <a:gd name="connsiteX87" fmla="*/ 144 w 9625"/>
                <a:gd name="connsiteY87" fmla="*/ 1389 h 10000"/>
                <a:gd name="connsiteX88" fmla="*/ 188 w 9625"/>
                <a:gd name="connsiteY88" fmla="*/ 1540 h 10000"/>
                <a:gd name="connsiteX89" fmla="*/ 86 w 9625"/>
                <a:gd name="connsiteY89" fmla="*/ 1628 h 10000"/>
                <a:gd name="connsiteX90" fmla="*/ 1 w 9625"/>
                <a:gd name="connsiteY90" fmla="*/ 1727 h 10000"/>
                <a:gd name="connsiteX91" fmla="*/ 142 w 9625"/>
                <a:gd name="connsiteY91" fmla="*/ 1800 h 10000"/>
                <a:gd name="connsiteX92" fmla="*/ 424 w 9625"/>
                <a:gd name="connsiteY92" fmla="*/ 1833 h 10000"/>
                <a:gd name="connsiteX93" fmla="*/ 518 w 9625"/>
                <a:gd name="connsiteY93" fmla="*/ 1971 h 10000"/>
                <a:gd name="connsiteX94" fmla="*/ 315 w 9625"/>
                <a:gd name="connsiteY94" fmla="*/ 2376 h 10000"/>
                <a:gd name="connsiteX95" fmla="*/ 518 w 9625"/>
                <a:gd name="connsiteY95" fmla="*/ 2457 h 10000"/>
                <a:gd name="connsiteX96" fmla="*/ 1302 w 9625"/>
                <a:gd name="connsiteY96" fmla="*/ 2879 h 10000"/>
                <a:gd name="connsiteX97" fmla="*/ 1083 w 9625"/>
                <a:gd name="connsiteY97" fmla="*/ 2976 h 10000"/>
                <a:gd name="connsiteX98" fmla="*/ 1083 w 9625"/>
                <a:gd name="connsiteY98" fmla="*/ 3179 h 10000"/>
                <a:gd name="connsiteX99" fmla="*/ 1302 w 9625"/>
                <a:gd name="connsiteY99" fmla="*/ 3220 h 10000"/>
                <a:gd name="connsiteX100" fmla="*/ 1239 w 9625"/>
                <a:gd name="connsiteY100" fmla="*/ 3333 h 10000"/>
                <a:gd name="connsiteX101" fmla="*/ 1412 w 9625"/>
                <a:gd name="connsiteY101" fmla="*/ 3398 h 10000"/>
                <a:gd name="connsiteX102" fmla="*/ 1584 w 9625"/>
                <a:gd name="connsiteY102" fmla="*/ 3366 h 10000"/>
                <a:gd name="connsiteX103" fmla="*/ 1616 w 9625"/>
                <a:gd name="connsiteY103" fmla="*/ 3528 h 10000"/>
                <a:gd name="connsiteX104" fmla="*/ 1757 w 9625"/>
                <a:gd name="connsiteY104" fmla="*/ 3609 h 10000"/>
                <a:gd name="connsiteX105" fmla="*/ 1945 w 9625"/>
                <a:gd name="connsiteY105" fmla="*/ 3577 h 10000"/>
                <a:gd name="connsiteX106" fmla="*/ 2086 w 9625"/>
                <a:gd name="connsiteY106" fmla="*/ 3715 h 10000"/>
                <a:gd name="connsiteX107" fmla="*/ 1960 w 9625"/>
                <a:gd name="connsiteY107" fmla="*/ 3950 h 10000"/>
                <a:gd name="connsiteX108" fmla="*/ 2901 w 9625"/>
                <a:gd name="connsiteY108" fmla="*/ 4193 h 10000"/>
                <a:gd name="connsiteX109" fmla="*/ 2917 w 9625"/>
                <a:gd name="connsiteY109" fmla="*/ 4599 h 10000"/>
                <a:gd name="connsiteX110" fmla="*/ 2431 w 9625"/>
                <a:gd name="connsiteY110" fmla="*/ 5239 h 10000"/>
                <a:gd name="connsiteX111" fmla="*/ 1913 w 9625"/>
                <a:gd name="connsiteY111" fmla="*/ 5677 h 10000"/>
                <a:gd name="connsiteX112" fmla="*/ 2180 w 9625"/>
                <a:gd name="connsiteY112" fmla="*/ 5612 h 10000"/>
                <a:gd name="connsiteX113" fmla="*/ 2243 w 9625"/>
                <a:gd name="connsiteY113" fmla="*/ 5766 h 10000"/>
                <a:gd name="connsiteX114" fmla="*/ 2556 w 9625"/>
                <a:gd name="connsiteY114" fmla="*/ 5839 h 10000"/>
                <a:gd name="connsiteX115" fmla="*/ 2995 w 9625"/>
                <a:gd name="connsiteY115" fmla="*/ 5775 h 10000"/>
                <a:gd name="connsiteX116" fmla="*/ 3418 w 9625"/>
                <a:gd name="connsiteY116" fmla="*/ 5864 h 10000"/>
                <a:gd name="connsiteX117" fmla="*/ 3418 w 9625"/>
                <a:gd name="connsiteY117" fmla="*/ 5994 h 10000"/>
                <a:gd name="connsiteX118" fmla="*/ 2681 w 9625"/>
                <a:gd name="connsiteY118" fmla="*/ 5969 h 10000"/>
                <a:gd name="connsiteX119" fmla="*/ 2556 w 9625"/>
                <a:gd name="connsiteY119" fmla="*/ 6091 h 10000"/>
                <a:gd name="connsiteX120" fmla="*/ 2180 w 9625"/>
                <a:gd name="connsiteY120" fmla="*/ 6172 h 10000"/>
                <a:gd name="connsiteX121" fmla="*/ 2258 w 9625"/>
                <a:gd name="connsiteY121" fmla="*/ 6269 h 10000"/>
                <a:gd name="connsiteX122" fmla="*/ 2337 w 9625"/>
                <a:gd name="connsiteY122" fmla="*/ 6326 h 10000"/>
                <a:gd name="connsiteX123" fmla="*/ 2164 w 9625"/>
                <a:gd name="connsiteY123" fmla="*/ 6415 h 10000"/>
                <a:gd name="connsiteX124" fmla="*/ 2211 w 9625"/>
                <a:gd name="connsiteY124" fmla="*/ 6537 h 10000"/>
                <a:gd name="connsiteX125" fmla="*/ 2023 w 9625"/>
                <a:gd name="connsiteY125" fmla="*/ 6642 h 10000"/>
                <a:gd name="connsiteX126" fmla="*/ 2117 w 9625"/>
                <a:gd name="connsiteY126" fmla="*/ 6788 h 10000"/>
                <a:gd name="connsiteX127" fmla="*/ 2305 w 9625"/>
                <a:gd name="connsiteY127" fmla="*/ 6821 h 10000"/>
                <a:gd name="connsiteX128" fmla="*/ 2227 w 9625"/>
                <a:gd name="connsiteY128" fmla="*/ 6983 h 10000"/>
                <a:gd name="connsiteX129" fmla="*/ 2446 w 9625"/>
                <a:gd name="connsiteY129" fmla="*/ 7015 h 10000"/>
                <a:gd name="connsiteX130" fmla="*/ 2556 w 9625"/>
                <a:gd name="connsiteY130" fmla="*/ 7145 h 10000"/>
                <a:gd name="connsiteX131" fmla="*/ 2431 w 9625"/>
                <a:gd name="connsiteY131" fmla="*/ 7202 h 10000"/>
                <a:gd name="connsiteX132" fmla="*/ 2446 w 9625"/>
                <a:gd name="connsiteY132" fmla="*/ 7299 h 10000"/>
                <a:gd name="connsiteX133" fmla="*/ 2556 w 9625"/>
                <a:gd name="connsiteY133" fmla="*/ 7388 h 10000"/>
                <a:gd name="connsiteX134" fmla="*/ 2917 w 9625"/>
                <a:gd name="connsiteY134" fmla="*/ 7486 h 10000"/>
                <a:gd name="connsiteX135" fmla="*/ 2791 w 9625"/>
                <a:gd name="connsiteY135" fmla="*/ 7575 h 10000"/>
                <a:gd name="connsiteX136" fmla="*/ 2917 w 9625"/>
                <a:gd name="connsiteY136" fmla="*/ 7737 h 10000"/>
                <a:gd name="connsiteX137" fmla="*/ 3042 w 9625"/>
                <a:gd name="connsiteY137" fmla="*/ 7737 h 10000"/>
                <a:gd name="connsiteX138" fmla="*/ 3136 w 9625"/>
                <a:gd name="connsiteY138" fmla="*/ 7810 h 10000"/>
                <a:gd name="connsiteX139" fmla="*/ 3418 w 9625"/>
                <a:gd name="connsiteY139" fmla="*/ 7908 h 10000"/>
                <a:gd name="connsiteX140" fmla="*/ 3418 w 9625"/>
                <a:gd name="connsiteY140" fmla="*/ 7997 h 10000"/>
                <a:gd name="connsiteX141" fmla="*/ 3700 w 9625"/>
                <a:gd name="connsiteY141" fmla="*/ 7972 h 10000"/>
                <a:gd name="connsiteX142" fmla="*/ 4202 w 9625"/>
                <a:gd name="connsiteY142" fmla="*/ 7972 h 10000"/>
                <a:gd name="connsiteX143" fmla="*/ 4343 w 9625"/>
                <a:gd name="connsiteY143" fmla="*/ 8167 h 10000"/>
                <a:gd name="connsiteX144" fmla="*/ 4766 w 9625"/>
                <a:gd name="connsiteY144" fmla="*/ 7972 h 10000"/>
                <a:gd name="connsiteX145" fmla="*/ 5346 w 9625"/>
                <a:gd name="connsiteY145" fmla="*/ 8078 h 10000"/>
                <a:gd name="connsiteX146" fmla="*/ 5471 w 9625"/>
                <a:gd name="connsiteY146" fmla="*/ 8289 h 10000"/>
                <a:gd name="connsiteX147" fmla="*/ 5471 w 9625"/>
                <a:gd name="connsiteY147" fmla="*/ 8467 h 10000"/>
                <a:gd name="connsiteX148" fmla="*/ 5738 w 9625"/>
                <a:gd name="connsiteY148" fmla="*/ 8483 h 10000"/>
                <a:gd name="connsiteX149" fmla="*/ 5848 w 9625"/>
                <a:gd name="connsiteY149" fmla="*/ 8581 h 10000"/>
                <a:gd name="connsiteX150" fmla="*/ 6161 w 9625"/>
                <a:gd name="connsiteY150" fmla="*/ 8710 h 10000"/>
                <a:gd name="connsiteX151" fmla="*/ 6537 w 9625"/>
                <a:gd name="connsiteY151" fmla="*/ 8759 h 10000"/>
                <a:gd name="connsiteX152" fmla="*/ 6553 w 9625"/>
                <a:gd name="connsiteY152" fmla="*/ 8889 h 10000"/>
                <a:gd name="connsiteX153" fmla="*/ 6992 w 9625"/>
                <a:gd name="connsiteY153" fmla="*/ 8856 h 10000"/>
                <a:gd name="connsiteX154" fmla="*/ 7321 w 9625"/>
                <a:gd name="connsiteY154" fmla="*/ 9027 h 10000"/>
                <a:gd name="connsiteX155" fmla="*/ 7211 w 9625"/>
                <a:gd name="connsiteY155" fmla="*/ 9238 h 10000"/>
                <a:gd name="connsiteX156" fmla="*/ 6537 w 9625"/>
                <a:gd name="connsiteY156" fmla="*/ 9238 h 10000"/>
                <a:gd name="connsiteX157" fmla="*/ 6428 w 9625"/>
                <a:gd name="connsiteY157" fmla="*/ 9343 h 10000"/>
                <a:gd name="connsiteX158" fmla="*/ 6757 w 9625"/>
                <a:gd name="connsiteY158" fmla="*/ 9424 h 10000"/>
                <a:gd name="connsiteX159" fmla="*/ 6804 w 9625"/>
                <a:gd name="connsiteY159" fmla="*/ 9594 h 10000"/>
                <a:gd name="connsiteX160" fmla="*/ 7086 w 9625"/>
                <a:gd name="connsiteY160" fmla="*/ 9805 h 10000"/>
                <a:gd name="connsiteX161" fmla="*/ 7462 w 9625"/>
                <a:gd name="connsiteY161" fmla="*/ 9813 h 10000"/>
                <a:gd name="connsiteX162" fmla="*/ 7478 w 9625"/>
                <a:gd name="connsiteY162" fmla="*/ 9659 h 10000"/>
                <a:gd name="connsiteX163" fmla="*/ 8089 w 9625"/>
                <a:gd name="connsiteY163" fmla="*/ 9521 h 10000"/>
                <a:gd name="connsiteX164" fmla="*/ 8685 w 9625"/>
                <a:gd name="connsiteY164" fmla="*/ 9521 h 10000"/>
                <a:gd name="connsiteX165" fmla="*/ 9170 w 9625"/>
                <a:gd name="connsiteY165" fmla="*/ 9659 h 10000"/>
                <a:gd name="connsiteX166" fmla="*/ 8904 w 9625"/>
                <a:gd name="connsiteY166" fmla="*/ 9789 h 10000"/>
                <a:gd name="connsiteX167" fmla="*/ 9249 w 9625"/>
                <a:gd name="connsiteY167" fmla="*/ 10000 h 10000"/>
                <a:gd name="connsiteX168" fmla="*/ 9625 w 9625"/>
                <a:gd name="connsiteY168" fmla="*/ 9951 h 10000"/>
                <a:gd name="connsiteX169" fmla="*/ 9625 w 9625"/>
                <a:gd name="connsiteY169" fmla="*/ 0 h 10000"/>
                <a:gd name="connsiteX170" fmla="*/ 8058 w 9625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706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42 w 10000"/>
                <a:gd name="connsiteY83" fmla="*/ 763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0000" h="10000">
                  <a:moveTo>
                    <a:pt x="8372" y="0"/>
                  </a:moveTo>
                  <a:lnTo>
                    <a:pt x="8372" y="97"/>
                  </a:lnTo>
                  <a:lnTo>
                    <a:pt x="8029" y="357"/>
                  </a:lnTo>
                  <a:lnTo>
                    <a:pt x="8372" y="697"/>
                  </a:lnTo>
                  <a:lnTo>
                    <a:pt x="7736" y="981"/>
                  </a:lnTo>
                  <a:cubicBezTo>
                    <a:pt x="7703" y="922"/>
                    <a:pt x="7671" y="862"/>
                    <a:pt x="7638" y="803"/>
                  </a:cubicBezTo>
                  <a:lnTo>
                    <a:pt x="7085" y="803"/>
                  </a:lnTo>
                  <a:lnTo>
                    <a:pt x="6923" y="584"/>
                  </a:lnTo>
                  <a:lnTo>
                    <a:pt x="7394" y="397"/>
                  </a:lnTo>
                  <a:lnTo>
                    <a:pt x="6938" y="276"/>
                  </a:lnTo>
                  <a:lnTo>
                    <a:pt x="6759" y="187"/>
                  </a:lnTo>
                  <a:lnTo>
                    <a:pt x="6433" y="187"/>
                  </a:lnTo>
                  <a:lnTo>
                    <a:pt x="6125" y="341"/>
                  </a:lnTo>
                  <a:lnTo>
                    <a:pt x="5635" y="397"/>
                  </a:lnTo>
                  <a:lnTo>
                    <a:pt x="6222" y="479"/>
                  </a:lnTo>
                  <a:lnTo>
                    <a:pt x="6450" y="738"/>
                  </a:lnTo>
                  <a:cubicBezTo>
                    <a:pt x="6482" y="819"/>
                    <a:pt x="6515" y="900"/>
                    <a:pt x="6548" y="981"/>
                  </a:cubicBezTo>
                  <a:lnTo>
                    <a:pt x="6711" y="981"/>
                  </a:lnTo>
                  <a:lnTo>
                    <a:pt x="7134" y="981"/>
                  </a:lnTo>
                  <a:cubicBezTo>
                    <a:pt x="7145" y="1022"/>
                    <a:pt x="7155" y="1062"/>
                    <a:pt x="7167" y="1103"/>
                  </a:cubicBezTo>
                  <a:lnTo>
                    <a:pt x="7378" y="1160"/>
                  </a:lnTo>
                  <a:cubicBezTo>
                    <a:pt x="7383" y="1230"/>
                    <a:pt x="7389" y="1301"/>
                    <a:pt x="7394" y="1371"/>
                  </a:cubicBezTo>
                  <a:lnTo>
                    <a:pt x="7557" y="1590"/>
                  </a:lnTo>
                  <a:lnTo>
                    <a:pt x="7069" y="1444"/>
                  </a:lnTo>
                  <a:lnTo>
                    <a:pt x="6727" y="1484"/>
                  </a:lnTo>
                  <a:lnTo>
                    <a:pt x="6433" y="1484"/>
                  </a:lnTo>
                  <a:cubicBezTo>
                    <a:pt x="6363" y="1598"/>
                    <a:pt x="6292" y="1711"/>
                    <a:pt x="6222" y="1825"/>
                  </a:cubicBezTo>
                  <a:lnTo>
                    <a:pt x="6091" y="2028"/>
                  </a:lnTo>
                  <a:cubicBezTo>
                    <a:pt x="6070" y="2109"/>
                    <a:pt x="6049" y="2190"/>
                    <a:pt x="6027" y="2271"/>
                  </a:cubicBezTo>
                  <a:lnTo>
                    <a:pt x="6433" y="2401"/>
                  </a:lnTo>
                  <a:lnTo>
                    <a:pt x="6825" y="2595"/>
                  </a:lnTo>
                  <a:lnTo>
                    <a:pt x="6401" y="2798"/>
                  </a:lnTo>
                  <a:lnTo>
                    <a:pt x="6206" y="2701"/>
                  </a:lnTo>
                  <a:lnTo>
                    <a:pt x="5962" y="2660"/>
                  </a:lnTo>
                  <a:lnTo>
                    <a:pt x="5457" y="2749"/>
                  </a:lnTo>
                  <a:lnTo>
                    <a:pt x="4952" y="2595"/>
                  </a:lnTo>
                  <a:lnTo>
                    <a:pt x="4691" y="2603"/>
                  </a:lnTo>
                  <a:cubicBezTo>
                    <a:pt x="4740" y="2646"/>
                    <a:pt x="4788" y="2690"/>
                    <a:pt x="4837" y="2733"/>
                  </a:cubicBezTo>
                  <a:cubicBezTo>
                    <a:pt x="4821" y="2763"/>
                    <a:pt x="4805" y="2792"/>
                    <a:pt x="4789" y="2822"/>
                  </a:cubicBezTo>
                  <a:lnTo>
                    <a:pt x="5310" y="3025"/>
                  </a:lnTo>
                  <a:lnTo>
                    <a:pt x="5586" y="2928"/>
                  </a:lnTo>
                  <a:lnTo>
                    <a:pt x="5962" y="3114"/>
                  </a:lnTo>
                  <a:lnTo>
                    <a:pt x="5750" y="3317"/>
                  </a:lnTo>
                  <a:lnTo>
                    <a:pt x="5440" y="3317"/>
                  </a:lnTo>
                  <a:lnTo>
                    <a:pt x="4854" y="3268"/>
                  </a:lnTo>
                  <a:cubicBezTo>
                    <a:pt x="4837" y="3225"/>
                    <a:pt x="4822" y="3182"/>
                    <a:pt x="4805" y="3139"/>
                  </a:cubicBezTo>
                  <a:lnTo>
                    <a:pt x="4496" y="3147"/>
                  </a:lnTo>
                  <a:lnTo>
                    <a:pt x="4317" y="3268"/>
                  </a:lnTo>
                  <a:lnTo>
                    <a:pt x="4007" y="3187"/>
                  </a:lnTo>
                  <a:cubicBezTo>
                    <a:pt x="4029" y="3130"/>
                    <a:pt x="4051" y="3074"/>
                    <a:pt x="4073" y="3017"/>
                  </a:cubicBezTo>
                  <a:lnTo>
                    <a:pt x="3632" y="2863"/>
                  </a:lnTo>
                  <a:lnTo>
                    <a:pt x="3551" y="2863"/>
                  </a:lnTo>
                  <a:cubicBezTo>
                    <a:pt x="3497" y="2822"/>
                    <a:pt x="3442" y="2782"/>
                    <a:pt x="3388" y="2741"/>
                  </a:cubicBezTo>
                  <a:lnTo>
                    <a:pt x="3551" y="2636"/>
                  </a:lnTo>
                  <a:lnTo>
                    <a:pt x="3275" y="2433"/>
                  </a:lnTo>
                  <a:lnTo>
                    <a:pt x="2932" y="2384"/>
                  </a:lnTo>
                  <a:lnTo>
                    <a:pt x="2656" y="2336"/>
                  </a:lnTo>
                  <a:cubicBezTo>
                    <a:pt x="2618" y="2306"/>
                    <a:pt x="2579" y="2277"/>
                    <a:pt x="2541" y="2247"/>
                  </a:cubicBezTo>
                  <a:lnTo>
                    <a:pt x="1939" y="2190"/>
                  </a:lnTo>
                  <a:lnTo>
                    <a:pt x="1792" y="2117"/>
                  </a:lnTo>
                  <a:lnTo>
                    <a:pt x="1532" y="2060"/>
                  </a:lnTo>
                  <a:lnTo>
                    <a:pt x="1695" y="1979"/>
                  </a:lnTo>
                  <a:lnTo>
                    <a:pt x="2021" y="2003"/>
                  </a:lnTo>
                  <a:lnTo>
                    <a:pt x="2183" y="2117"/>
                  </a:lnTo>
                  <a:lnTo>
                    <a:pt x="2460" y="2117"/>
                  </a:lnTo>
                  <a:lnTo>
                    <a:pt x="2949" y="2117"/>
                  </a:lnTo>
                  <a:lnTo>
                    <a:pt x="3128" y="2068"/>
                  </a:lnTo>
                  <a:lnTo>
                    <a:pt x="3551" y="2117"/>
                  </a:lnTo>
                  <a:lnTo>
                    <a:pt x="4105" y="2117"/>
                  </a:lnTo>
                  <a:cubicBezTo>
                    <a:pt x="4137" y="2117"/>
                    <a:pt x="4919" y="2084"/>
                    <a:pt x="4919" y="2084"/>
                  </a:cubicBezTo>
                  <a:lnTo>
                    <a:pt x="5750" y="1784"/>
                  </a:lnTo>
                  <a:lnTo>
                    <a:pt x="5750" y="1387"/>
                  </a:lnTo>
                  <a:lnTo>
                    <a:pt x="5424" y="1176"/>
                  </a:lnTo>
                  <a:lnTo>
                    <a:pt x="5066" y="1030"/>
                  </a:lnTo>
                  <a:lnTo>
                    <a:pt x="4496" y="981"/>
                  </a:lnTo>
                  <a:lnTo>
                    <a:pt x="4088" y="981"/>
                  </a:lnTo>
                  <a:lnTo>
                    <a:pt x="3681" y="981"/>
                  </a:lnTo>
                  <a:lnTo>
                    <a:pt x="3144" y="803"/>
                  </a:lnTo>
                  <a:lnTo>
                    <a:pt x="2460" y="738"/>
                  </a:lnTo>
                  <a:lnTo>
                    <a:pt x="2004" y="762"/>
                  </a:lnTo>
                  <a:lnTo>
                    <a:pt x="1418" y="787"/>
                  </a:lnTo>
                  <a:lnTo>
                    <a:pt x="1304" y="860"/>
                  </a:lnTo>
                  <a:cubicBezTo>
                    <a:pt x="1266" y="847"/>
                    <a:pt x="1254" y="725"/>
                    <a:pt x="1194" y="709"/>
                  </a:cubicBezTo>
                  <a:cubicBezTo>
                    <a:pt x="1134" y="693"/>
                    <a:pt x="1021" y="768"/>
                    <a:pt x="942" y="763"/>
                  </a:cubicBezTo>
                  <a:cubicBezTo>
                    <a:pt x="863" y="758"/>
                    <a:pt x="780" y="654"/>
                    <a:pt x="720" y="678"/>
                  </a:cubicBezTo>
                  <a:cubicBezTo>
                    <a:pt x="661" y="703"/>
                    <a:pt x="671" y="831"/>
                    <a:pt x="585" y="910"/>
                  </a:cubicBezTo>
                  <a:cubicBezTo>
                    <a:pt x="499" y="989"/>
                    <a:pt x="276" y="1074"/>
                    <a:pt x="204" y="1154"/>
                  </a:cubicBezTo>
                  <a:cubicBezTo>
                    <a:pt x="131" y="1234"/>
                    <a:pt x="151" y="1325"/>
                    <a:pt x="150" y="1389"/>
                  </a:cubicBezTo>
                  <a:cubicBezTo>
                    <a:pt x="149" y="1453"/>
                    <a:pt x="206" y="1500"/>
                    <a:pt x="195" y="1540"/>
                  </a:cubicBezTo>
                  <a:cubicBezTo>
                    <a:pt x="185" y="1580"/>
                    <a:pt x="122" y="1597"/>
                    <a:pt x="89" y="1628"/>
                  </a:cubicBezTo>
                  <a:cubicBezTo>
                    <a:pt x="57" y="1659"/>
                    <a:pt x="-8" y="1699"/>
                    <a:pt x="1" y="1727"/>
                  </a:cubicBezTo>
                  <a:cubicBezTo>
                    <a:pt x="10" y="1755"/>
                    <a:pt x="99" y="1776"/>
                    <a:pt x="148" y="1800"/>
                  </a:cubicBezTo>
                  <a:lnTo>
                    <a:pt x="441" y="1833"/>
                  </a:lnTo>
                  <a:cubicBezTo>
                    <a:pt x="473" y="1879"/>
                    <a:pt x="506" y="1925"/>
                    <a:pt x="538" y="1971"/>
                  </a:cubicBezTo>
                  <a:lnTo>
                    <a:pt x="327" y="2376"/>
                  </a:lnTo>
                  <a:lnTo>
                    <a:pt x="538" y="2457"/>
                  </a:lnTo>
                  <a:lnTo>
                    <a:pt x="1353" y="2879"/>
                  </a:lnTo>
                  <a:lnTo>
                    <a:pt x="1125" y="2976"/>
                  </a:lnTo>
                  <a:lnTo>
                    <a:pt x="1125" y="3179"/>
                  </a:lnTo>
                  <a:lnTo>
                    <a:pt x="1353" y="3220"/>
                  </a:lnTo>
                  <a:cubicBezTo>
                    <a:pt x="1331" y="3258"/>
                    <a:pt x="1309" y="3295"/>
                    <a:pt x="1287" y="3333"/>
                  </a:cubicBezTo>
                  <a:lnTo>
                    <a:pt x="1467" y="3398"/>
                  </a:lnTo>
                  <a:lnTo>
                    <a:pt x="1646" y="3366"/>
                  </a:lnTo>
                  <a:lnTo>
                    <a:pt x="1679" y="3528"/>
                  </a:lnTo>
                  <a:lnTo>
                    <a:pt x="1825" y="3609"/>
                  </a:lnTo>
                  <a:lnTo>
                    <a:pt x="2021" y="3577"/>
                  </a:lnTo>
                  <a:lnTo>
                    <a:pt x="2167" y="3715"/>
                  </a:lnTo>
                  <a:cubicBezTo>
                    <a:pt x="2123" y="3793"/>
                    <a:pt x="2080" y="3872"/>
                    <a:pt x="2036" y="3950"/>
                  </a:cubicBezTo>
                  <a:lnTo>
                    <a:pt x="3014" y="4193"/>
                  </a:lnTo>
                  <a:cubicBezTo>
                    <a:pt x="3019" y="4328"/>
                    <a:pt x="3025" y="4464"/>
                    <a:pt x="3031" y="4599"/>
                  </a:cubicBezTo>
                  <a:lnTo>
                    <a:pt x="2526" y="5239"/>
                  </a:lnTo>
                  <a:lnTo>
                    <a:pt x="1988" y="5677"/>
                  </a:lnTo>
                  <a:lnTo>
                    <a:pt x="2265" y="5612"/>
                  </a:lnTo>
                  <a:cubicBezTo>
                    <a:pt x="2287" y="5663"/>
                    <a:pt x="2309" y="5715"/>
                    <a:pt x="2330" y="5766"/>
                  </a:cubicBezTo>
                  <a:lnTo>
                    <a:pt x="2656" y="5839"/>
                  </a:lnTo>
                  <a:lnTo>
                    <a:pt x="3112" y="5775"/>
                  </a:lnTo>
                  <a:cubicBezTo>
                    <a:pt x="3112" y="5775"/>
                    <a:pt x="3519" y="5864"/>
                    <a:pt x="3551" y="5864"/>
                  </a:cubicBezTo>
                  <a:cubicBezTo>
                    <a:pt x="3568" y="5872"/>
                    <a:pt x="3551" y="5994"/>
                    <a:pt x="3551" y="5994"/>
                  </a:cubicBezTo>
                  <a:lnTo>
                    <a:pt x="2785" y="5969"/>
                  </a:lnTo>
                  <a:lnTo>
                    <a:pt x="2656" y="6091"/>
                  </a:lnTo>
                  <a:lnTo>
                    <a:pt x="2265" y="6172"/>
                  </a:lnTo>
                  <a:cubicBezTo>
                    <a:pt x="2292" y="6204"/>
                    <a:pt x="2319" y="6237"/>
                    <a:pt x="2346" y="6269"/>
                  </a:cubicBezTo>
                  <a:lnTo>
                    <a:pt x="2428" y="6326"/>
                  </a:lnTo>
                  <a:lnTo>
                    <a:pt x="2248" y="6415"/>
                  </a:lnTo>
                  <a:cubicBezTo>
                    <a:pt x="2265" y="6456"/>
                    <a:pt x="2281" y="6496"/>
                    <a:pt x="2297" y="6537"/>
                  </a:cubicBezTo>
                  <a:lnTo>
                    <a:pt x="2102" y="6642"/>
                  </a:lnTo>
                  <a:cubicBezTo>
                    <a:pt x="2134" y="6691"/>
                    <a:pt x="2167" y="6739"/>
                    <a:pt x="2199" y="6788"/>
                  </a:cubicBezTo>
                  <a:lnTo>
                    <a:pt x="2395" y="6821"/>
                  </a:lnTo>
                  <a:lnTo>
                    <a:pt x="2314" y="6983"/>
                  </a:lnTo>
                  <a:lnTo>
                    <a:pt x="2541" y="7015"/>
                  </a:lnTo>
                  <a:cubicBezTo>
                    <a:pt x="2580" y="7058"/>
                    <a:pt x="2617" y="7102"/>
                    <a:pt x="2656" y="7145"/>
                  </a:cubicBezTo>
                  <a:lnTo>
                    <a:pt x="2526" y="7202"/>
                  </a:lnTo>
                  <a:cubicBezTo>
                    <a:pt x="2531" y="7234"/>
                    <a:pt x="2536" y="7267"/>
                    <a:pt x="2541" y="7299"/>
                  </a:cubicBezTo>
                  <a:cubicBezTo>
                    <a:pt x="2579" y="7329"/>
                    <a:pt x="2618" y="7358"/>
                    <a:pt x="2656" y="7388"/>
                  </a:cubicBezTo>
                  <a:lnTo>
                    <a:pt x="3031" y="7486"/>
                  </a:lnTo>
                  <a:lnTo>
                    <a:pt x="2900" y="7575"/>
                  </a:lnTo>
                  <a:lnTo>
                    <a:pt x="3031" y="7737"/>
                  </a:lnTo>
                  <a:lnTo>
                    <a:pt x="3161" y="7737"/>
                  </a:lnTo>
                  <a:lnTo>
                    <a:pt x="3258" y="7810"/>
                  </a:lnTo>
                  <a:lnTo>
                    <a:pt x="3551" y="7908"/>
                  </a:lnTo>
                  <a:lnTo>
                    <a:pt x="3551" y="7997"/>
                  </a:lnTo>
                  <a:lnTo>
                    <a:pt x="3844" y="7972"/>
                  </a:lnTo>
                  <a:lnTo>
                    <a:pt x="4366" y="7972"/>
                  </a:lnTo>
                  <a:lnTo>
                    <a:pt x="4512" y="8167"/>
                  </a:lnTo>
                  <a:lnTo>
                    <a:pt x="4952" y="7972"/>
                  </a:lnTo>
                  <a:lnTo>
                    <a:pt x="5554" y="8078"/>
                  </a:lnTo>
                  <a:cubicBezTo>
                    <a:pt x="5598" y="8148"/>
                    <a:pt x="5641" y="8219"/>
                    <a:pt x="5684" y="8289"/>
                  </a:cubicBezTo>
                  <a:lnTo>
                    <a:pt x="5684" y="8467"/>
                  </a:lnTo>
                  <a:cubicBezTo>
                    <a:pt x="5684" y="8491"/>
                    <a:pt x="5962" y="8483"/>
                    <a:pt x="5962" y="8483"/>
                  </a:cubicBezTo>
                  <a:lnTo>
                    <a:pt x="6076" y="8581"/>
                  </a:lnTo>
                  <a:lnTo>
                    <a:pt x="6401" y="8710"/>
                  </a:lnTo>
                  <a:lnTo>
                    <a:pt x="6792" y="8759"/>
                  </a:lnTo>
                  <a:cubicBezTo>
                    <a:pt x="6797" y="8802"/>
                    <a:pt x="6803" y="8846"/>
                    <a:pt x="6808" y="8889"/>
                  </a:cubicBezTo>
                  <a:lnTo>
                    <a:pt x="7264" y="8856"/>
                  </a:lnTo>
                  <a:lnTo>
                    <a:pt x="7606" y="9027"/>
                  </a:lnTo>
                  <a:lnTo>
                    <a:pt x="7492" y="9238"/>
                  </a:lnTo>
                  <a:lnTo>
                    <a:pt x="6792" y="9238"/>
                  </a:lnTo>
                  <a:lnTo>
                    <a:pt x="6678" y="9343"/>
                  </a:lnTo>
                  <a:lnTo>
                    <a:pt x="7020" y="9424"/>
                  </a:lnTo>
                  <a:cubicBezTo>
                    <a:pt x="7037" y="9481"/>
                    <a:pt x="7052" y="9537"/>
                    <a:pt x="7069" y="9594"/>
                  </a:cubicBezTo>
                  <a:lnTo>
                    <a:pt x="7362" y="9805"/>
                  </a:lnTo>
                  <a:lnTo>
                    <a:pt x="7753" y="9813"/>
                  </a:lnTo>
                  <a:cubicBezTo>
                    <a:pt x="7758" y="9762"/>
                    <a:pt x="7764" y="9710"/>
                    <a:pt x="7769" y="9659"/>
                  </a:cubicBezTo>
                  <a:lnTo>
                    <a:pt x="8404" y="9521"/>
                  </a:lnTo>
                  <a:cubicBezTo>
                    <a:pt x="8404" y="9521"/>
                    <a:pt x="8941" y="9497"/>
                    <a:pt x="9023" y="9521"/>
                  </a:cubicBezTo>
                  <a:cubicBezTo>
                    <a:pt x="9104" y="9554"/>
                    <a:pt x="9527" y="9659"/>
                    <a:pt x="9527" y="9659"/>
                  </a:cubicBezTo>
                  <a:lnTo>
                    <a:pt x="9251" y="9789"/>
                  </a:lnTo>
                  <a:lnTo>
                    <a:pt x="9609" y="10000"/>
                  </a:lnTo>
                  <a:lnTo>
                    <a:pt x="10000" y="9951"/>
                  </a:lnTo>
                  <a:lnTo>
                    <a:pt x="10000" y="0"/>
                  </a:lnTo>
                  <a:lnTo>
                    <a:pt x="8372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7059451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693684" y="550407"/>
            <a:ext cx="11280710" cy="6030276"/>
            <a:chOff x="376238" y="1816693"/>
            <a:chExt cx="8281393" cy="4426945"/>
          </a:xfrm>
          <a:solidFill>
            <a:schemeClr val="accent3"/>
          </a:solidFill>
        </p:grpSpPr>
        <p:sp>
          <p:nvSpPr>
            <p:cNvPr id="4" name="Freeform 217"/>
            <p:cNvSpPr>
              <a:spLocks noEditPoints="1"/>
            </p:cNvSpPr>
            <p:nvPr>
              <p:custDataLst>
                <p:tags r:id="rId197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5" name="Freeform 441"/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6" name="Freeform 441"/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7" name="Freeform 4"/>
            <p:cNvSpPr>
              <a:spLocks/>
            </p:cNvSpPr>
            <p:nvPr>
              <p:custDataLst>
                <p:tags r:id="rId200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" name="Freeform 5"/>
            <p:cNvSpPr>
              <a:spLocks noEditPoints="1"/>
            </p:cNvSpPr>
            <p:nvPr>
              <p:custDataLst>
                <p:tags r:id="rId201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" name="Freeform 6"/>
            <p:cNvSpPr>
              <a:spLocks noEditPoints="1"/>
            </p:cNvSpPr>
            <p:nvPr>
              <p:custDataLst>
                <p:tags r:id="rId202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" name="Freeform 7"/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" name="Freeform 8"/>
            <p:cNvSpPr>
              <a:spLocks noEditPoints="1"/>
            </p:cNvSpPr>
            <p:nvPr>
              <p:custDataLst>
                <p:tags r:id="rId204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" name="Freeform 9"/>
            <p:cNvSpPr>
              <a:spLocks/>
            </p:cNvSpPr>
            <p:nvPr>
              <p:custDataLst>
                <p:tags r:id="rId205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" name="Freeform 10"/>
            <p:cNvSpPr>
              <a:spLocks noEditPoints="1"/>
            </p:cNvSpPr>
            <p:nvPr>
              <p:custDataLst>
                <p:tags r:id="rId206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" name="Freeform 11"/>
            <p:cNvSpPr>
              <a:spLocks/>
            </p:cNvSpPr>
            <p:nvPr>
              <p:custDataLst>
                <p:tags r:id="rId207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" name="Freeform 12"/>
            <p:cNvSpPr>
              <a:spLocks noEditPoints="1"/>
            </p:cNvSpPr>
            <p:nvPr>
              <p:custDataLst>
                <p:tags r:id="rId208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" name="Freeform 13"/>
            <p:cNvSpPr>
              <a:spLocks/>
            </p:cNvSpPr>
            <p:nvPr>
              <p:custDataLst>
                <p:tags r:id="rId209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" name="Freeform 14"/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" name="Freeform 15"/>
            <p:cNvSpPr>
              <a:spLocks/>
            </p:cNvSpPr>
            <p:nvPr>
              <p:custDataLst>
                <p:tags r:id="rId211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" name="Freeform 16"/>
            <p:cNvSpPr>
              <a:spLocks noEditPoints="1"/>
            </p:cNvSpPr>
            <p:nvPr>
              <p:custDataLst>
                <p:tags r:id="rId212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" name="Freeform 17"/>
            <p:cNvSpPr>
              <a:spLocks noEditPoints="1"/>
            </p:cNvSpPr>
            <p:nvPr>
              <p:custDataLst>
                <p:tags r:id="rId213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" name="Freeform 18"/>
            <p:cNvSpPr>
              <a:spLocks noEditPoints="1"/>
            </p:cNvSpPr>
            <p:nvPr>
              <p:custDataLst>
                <p:tags r:id="rId214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2" name="Freeform 19"/>
            <p:cNvSpPr>
              <a:spLocks/>
            </p:cNvSpPr>
            <p:nvPr>
              <p:custDataLst>
                <p:tags r:id="rId215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3" name="Freeform 20"/>
            <p:cNvSpPr>
              <a:spLocks noEditPoints="1"/>
            </p:cNvSpPr>
            <p:nvPr>
              <p:custDataLst>
                <p:tags r:id="rId216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4" name="Freeform 21"/>
            <p:cNvSpPr>
              <a:spLocks noEditPoints="1"/>
            </p:cNvSpPr>
            <p:nvPr>
              <p:custDataLst>
                <p:tags r:id="rId217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5" name="Freeform 22"/>
            <p:cNvSpPr>
              <a:spLocks/>
            </p:cNvSpPr>
            <p:nvPr>
              <p:custDataLst>
                <p:tags r:id="rId218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6" name="Freeform 23"/>
            <p:cNvSpPr>
              <a:spLocks/>
            </p:cNvSpPr>
            <p:nvPr>
              <p:custDataLst>
                <p:tags r:id="rId219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7" name="Freeform 24"/>
            <p:cNvSpPr>
              <a:spLocks noEditPoints="1"/>
            </p:cNvSpPr>
            <p:nvPr>
              <p:custDataLst>
                <p:tags r:id="rId220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8" name="Freeform 25"/>
            <p:cNvSpPr>
              <a:spLocks/>
            </p:cNvSpPr>
            <p:nvPr>
              <p:custDataLst>
                <p:tags r:id="rId221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9" name="Freeform 26"/>
            <p:cNvSpPr>
              <a:spLocks/>
            </p:cNvSpPr>
            <p:nvPr>
              <p:custDataLst>
                <p:tags r:id="rId222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0" name="Freeform 27"/>
            <p:cNvSpPr>
              <a:spLocks/>
            </p:cNvSpPr>
            <p:nvPr>
              <p:custDataLst>
                <p:tags r:id="rId223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1" name="Freeform 28"/>
            <p:cNvSpPr>
              <a:spLocks noEditPoints="1"/>
            </p:cNvSpPr>
            <p:nvPr>
              <p:custDataLst>
                <p:tags r:id="rId224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2" name="Freeform 29"/>
            <p:cNvSpPr>
              <a:spLocks noEditPoints="1"/>
            </p:cNvSpPr>
            <p:nvPr>
              <p:custDataLst>
                <p:tags r:id="rId225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3" name="Freeform 30"/>
            <p:cNvSpPr>
              <a:spLocks/>
            </p:cNvSpPr>
            <p:nvPr>
              <p:custDataLst>
                <p:tags r:id="rId226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4" name="Freeform 31"/>
            <p:cNvSpPr>
              <a:spLocks noEditPoints="1"/>
            </p:cNvSpPr>
            <p:nvPr>
              <p:custDataLst>
                <p:tags r:id="rId227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5" name="Freeform 32"/>
            <p:cNvSpPr>
              <a:spLocks/>
            </p:cNvSpPr>
            <p:nvPr>
              <p:custDataLst>
                <p:tags r:id="rId228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6" name="Freeform 33"/>
            <p:cNvSpPr>
              <a:spLocks/>
            </p:cNvSpPr>
            <p:nvPr>
              <p:custDataLst>
                <p:tags r:id="rId229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7" name="Freeform 34"/>
            <p:cNvSpPr>
              <a:spLocks noEditPoints="1"/>
            </p:cNvSpPr>
            <p:nvPr>
              <p:custDataLst>
                <p:tags r:id="rId230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8" name="Freeform 35"/>
            <p:cNvSpPr>
              <a:spLocks/>
            </p:cNvSpPr>
            <p:nvPr>
              <p:custDataLst>
                <p:tags r:id="rId231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9" name="Freeform 36"/>
            <p:cNvSpPr>
              <a:spLocks noEditPoints="1"/>
            </p:cNvSpPr>
            <p:nvPr>
              <p:custDataLst>
                <p:tags r:id="rId232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0" name="Freeform 37"/>
            <p:cNvSpPr>
              <a:spLocks noEditPoints="1"/>
            </p:cNvSpPr>
            <p:nvPr>
              <p:custDataLst>
                <p:tags r:id="rId233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1" name="Freeform 38"/>
            <p:cNvSpPr>
              <a:spLocks/>
            </p:cNvSpPr>
            <p:nvPr>
              <p:custDataLst>
                <p:tags r:id="rId234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2" name="Freeform 39"/>
            <p:cNvSpPr>
              <a:spLocks noEditPoints="1"/>
            </p:cNvSpPr>
            <p:nvPr>
              <p:custDataLst>
                <p:tags r:id="rId235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3" name="Freeform 40"/>
            <p:cNvSpPr>
              <a:spLocks/>
            </p:cNvSpPr>
            <p:nvPr>
              <p:custDataLst>
                <p:tags r:id="rId236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4" name="Freeform 41"/>
            <p:cNvSpPr>
              <a:spLocks noEditPoints="1"/>
            </p:cNvSpPr>
            <p:nvPr>
              <p:custDataLst>
                <p:tags r:id="rId237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5" name="Freeform 42"/>
            <p:cNvSpPr>
              <a:spLocks noEditPoints="1"/>
            </p:cNvSpPr>
            <p:nvPr>
              <p:custDataLst>
                <p:tags r:id="rId238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6" name="Freeform 43"/>
            <p:cNvSpPr>
              <a:spLocks noEditPoints="1"/>
            </p:cNvSpPr>
            <p:nvPr>
              <p:custDataLst>
                <p:tags r:id="rId239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7" name="Freeform 44"/>
            <p:cNvSpPr>
              <a:spLocks/>
            </p:cNvSpPr>
            <p:nvPr>
              <p:custDataLst>
                <p:tags r:id="rId240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8" name="Freeform 45"/>
            <p:cNvSpPr>
              <a:spLocks/>
            </p:cNvSpPr>
            <p:nvPr>
              <p:custDataLst>
                <p:tags r:id="rId241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9" name="Freeform 46"/>
            <p:cNvSpPr>
              <a:spLocks noEditPoints="1"/>
            </p:cNvSpPr>
            <p:nvPr>
              <p:custDataLst>
                <p:tags r:id="rId242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0" name="Freeform 47"/>
            <p:cNvSpPr>
              <a:spLocks noEditPoints="1"/>
            </p:cNvSpPr>
            <p:nvPr>
              <p:custDataLst>
                <p:tags r:id="rId243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1" name="Freeform 48"/>
            <p:cNvSpPr>
              <a:spLocks noEditPoints="1"/>
            </p:cNvSpPr>
            <p:nvPr>
              <p:custDataLst>
                <p:tags r:id="rId244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2" name="Freeform 49"/>
            <p:cNvSpPr>
              <a:spLocks/>
            </p:cNvSpPr>
            <p:nvPr>
              <p:custDataLst>
                <p:tags r:id="rId245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3" name="Freeform 50"/>
            <p:cNvSpPr>
              <a:spLocks noEditPoints="1"/>
            </p:cNvSpPr>
            <p:nvPr>
              <p:custDataLst>
                <p:tags r:id="rId246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4" name="Freeform 51"/>
            <p:cNvSpPr>
              <a:spLocks/>
            </p:cNvSpPr>
            <p:nvPr>
              <p:custDataLst>
                <p:tags r:id="rId247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5" name="Freeform 52"/>
            <p:cNvSpPr>
              <a:spLocks noEditPoints="1"/>
            </p:cNvSpPr>
            <p:nvPr>
              <p:custDataLst>
                <p:tags r:id="rId248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6" name="Freeform 53"/>
            <p:cNvSpPr>
              <a:spLocks noEditPoints="1"/>
            </p:cNvSpPr>
            <p:nvPr>
              <p:custDataLst>
                <p:tags r:id="rId249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7" name="Freeform 54"/>
            <p:cNvSpPr>
              <a:spLocks noEditPoints="1"/>
            </p:cNvSpPr>
            <p:nvPr>
              <p:custDataLst>
                <p:tags r:id="rId250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8" name="Freeform 55"/>
            <p:cNvSpPr>
              <a:spLocks/>
            </p:cNvSpPr>
            <p:nvPr>
              <p:custDataLst>
                <p:tags r:id="rId251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9" name="Freeform 56"/>
            <p:cNvSpPr>
              <a:spLocks noEditPoints="1"/>
            </p:cNvSpPr>
            <p:nvPr>
              <p:custDataLst>
                <p:tags r:id="rId252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0" name="Freeform 57"/>
            <p:cNvSpPr>
              <a:spLocks/>
            </p:cNvSpPr>
            <p:nvPr>
              <p:custDataLst>
                <p:tags r:id="rId253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1" name="Freeform 58"/>
            <p:cNvSpPr>
              <a:spLocks noEditPoints="1"/>
            </p:cNvSpPr>
            <p:nvPr>
              <p:custDataLst>
                <p:tags r:id="rId254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2" name="Freeform 59"/>
            <p:cNvSpPr>
              <a:spLocks/>
            </p:cNvSpPr>
            <p:nvPr>
              <p:custDataLst>
                <p:tags r:id="rId255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3" name="Freeform 60"/>
            <p:cNvSpPr>
              <a:spLocks noEditPoints="1"/>
            </p:cNvSpPr>
            <p:nvPr>
              <p:custDataLst>
                <p:tags r:id="rId256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4" name="Freeform 61"/>
            <p:cNvSpPr>
              <a:spLocks noEditPoints="1"/>
            </p:cNvSpPr>
            <p:nvPr>
              <p:custDataLst>
                <p:tags r:id="rId257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5" name="Freeform 62"/>
            <p:cNvSpPr>
              <a:spLocks/>
            </p:cNvSpPr>
            <p:nvPr>
              <p:custDataLst>
                <p:tags r:id="rId258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6" name="Freeform 63"/>
            <p:cNvSpPr>
              <a:spLocks noEditPoints="1"/>
            </p:cNvSpPr>
            <p:nvPr>
              <p:custDataLst>
                <p:tags r:id="rId259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7" name="Freeform 64"/>
            <p:cNvSpPr>
              <a:spLocks/>
            </p:cNvSpPr>
            <p:nvPr>
              <p:custDataLst>
                <p:tags r:id="rId260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8" name="Freeform 65"/>
            <p:cNvSpPr>
              <a:spLocks noEditPoints="1"/>
            </p:cNvSpPr>
            <p:nvPr>
              <p:custDataLst>
                <p:tags r:id="rId261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9" name="Freeform 66"/>
            <p:cNvSpPr>
              <a:spLocks noEditPoints="1"/>
            </p:cNvSpPr>
            <p:nvPr>
              <p:custDataLst>
                <p:tags r:id="rId262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0" name="Freeform 67"/>
            <p:cNvSpPr>
              <a:spLocks/>
            </p:cNvSpPr>
            <p:nvPr>
              <p:custDataLst>
                <p:tags r:id="rId263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1" name="Freeform 68"/>
            <p:cNvSpPr>
              <a:spLocks noEditPoints="1"/>
            </p:cNvSpPr>
            <p:nvPr>
              <p:custDataLst>
                <p:tags r:id="rId264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2" name="Freeform 69"/>
            <p:cNvSpPr>
              <a:spLocks noEditPoints="1"/>
            </p:cNvSpPr>
            <p:nvPr>
              <p:custDataLst>
                <p:tags r:id="rId265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3" name="Freeform 70"/>
            <p:cNvSpPr>
              <a:spLocks/>
            </p:cNvSpPr>
            <p:nvPr>
              <p:custDataLst>
                <p:tags r:id="rId266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4" name="Freeform 71"/>
            <p:cNvSpPr>
              <a:spLocks noEditPoints="1"/>
            </p:cNvSpPr>
            <p:nvPr>
              <p:custDataLst>
                <p:tags r:id="rId267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5" name="Freeform 72"/>
            <p:cNvSpPr>
              <a:spLocks noEditPoints="1"/>
            </p:cNvSpPr>
            <p:nvPr>
              <p:custDataLst>
                <p:tags r:id="rId268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6" name="Freeform 73"/>
            <p:cNvSpPr>
              <a:spLocks noEditPoints="1"/>
            </p:cNvSpPr>
            <p:nvPr>
              <p:custDataLst>
                <p:tags r:id="rId269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7" name="Freeform 74"/>
            <p:cNvSpPr>
              <a:spLocks noEditPoints="1"/>
            </p:cNvSpPr>
            <p:nvPr>
              <p:custDataLst>
                <p:tags r:id="rId270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8" name="Freeform 75"/>
            <p:cNvSpPr>
              <a:spLocks noEditPoints="1"/>
            </p:cNvSpPr>
            <p:nvPr>
              <p:custDataLst>
                <p:tags r:id="rId271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9" name="Freeform 76"/>
            <p:cNvSpPr>
              <a:spLocks noEditPoints="1"/>
            </p:cNvSpPr>
            <p:nvPr>
              <p:custDataLst>
                <p:tags r:id="rId272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0" name="Freeform 77"/>
            <p:cNvSpPr>
              <a:spLocks/>
            </p:cNvSpPr>
            <p:nvPr>
              <p:custDataLst>
                <p:tags r:id="rId273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1" name="Freeform 78"/>
            <p:cNvSpPr>
              <a:spLocks/>
            </p:cNvSpPr>
            <p:nvPr>
              <p:custDataLst>
                <p:tags r:id="rId274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2" name="Freeform 79"/>
            <p:cNvSpPr>
              <a:spLocks/>
            </p:cNvSpPr>
            <p:nvPr>
              <p:custDataLst>
                <p:tags r:id="rId275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3" name="Freeform 80"/>
            <p:cNvSpPr>
              <a:spLocks/>
            </p:cNvSpPr>
            <p:nvPr>
              <p:custDataLst>
                <p:tags r:id="rId276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4" name="Freeform 81"/>
            <p:cNvSpPr>
              <a:spLocks/>
            </p:cNvSpPr>
            <p:nvPr>
              <p:custDataLst>
                <p:tags r:id="rId277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5" name="Freeform 82"/>
            <p:cNvSpPr>
              <a:spLocks/>
            </p:cNvSpPr>
            <p:nvPr>
              <p:custDataLst>
                <p:tags r:id="rId278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6" name="Freeform 83"/>
            <p:cNvSpPr>
              <a:spLocks/>
            </p:cNvSpPr>
            <p:nvPr>
              <p:custDataLst>
                <p:tags r:id="rId279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7" name="Freeform 84"/>
            <p:cNvSpPr>
              <a:spLocks noEditPoints="1"/>
            </p:cNvSpPr>
            <p:nvPr>
              <p:custDataLst>
                <p:tags r:id="rId280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8" name="Freeform 85"/>
            <p:cNvSpPr>
              <a:spLocks/>
            </p:cNvSpPr>
            <p:nvPr>
              <p:custDataLst>
                <p:tags r:id="rId281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9" name="Denmark"/>
            <p:cNvSpPr>
              <a:spLocks noEditPoints="1"/>
            </p:cNvSpPr>
            <p:nvPr>
              <p:custDataLst>
                <p:tags r:id="rId282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4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0" name="Freeform 87"/>
            <p:cNvSpPr>
              <a:spLocks noEditPoints="1"/>
            </p:cNvSpPr>
            <p:nvPr>
              <p:custDataLst>
                <p:tags r:id="rId283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1" name="Freeform 88"/>
            <p:cNvSpPr>
              <a:spLocks noEditPoints="1"/>
            </p:cNvSpPr>
            <p:nvPr>
              <p:custDataLst>
                <p:tags r:id="rId284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2" name="Freeform 89"/>
            <p:cNvSpPr>
              <a:spLocks noEditPoints="1"/>
            </p:cNvSpPr>
            <p:nvPr>
              <p:custDataLst>
                <p:tags r:id="rId285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3" name="Freeform 90"/>
            <p:cNvSpPr>
              <a:spLocks noEditPoints="1"/>
            </p:cNvSpPr>
            <p:nvPr>
              <p:custDataLst>
                <p:tags r:id="rId286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4" name="Freeform 91"/>
            <p:cNvSpPr>
              <a:spLocks noEditPoints="1"/>
            </p:cNvSpPr>
            <p:nvPr>
              <p:custDataLst>
                <p:tags r:id="rId287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5" name="Freeform 92"/>
            <p:cNvSpPr>
              <a:spLocks noEditPoints="1"/>
            </p:cNvSpPr>
            <p:nvPr>
              <p:custDataLst>
                <p:tags r:id="rId288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6" name="Freeform 93"/>
            <p:cNvSpPr>
              <a:spLocks/>
            </p:cNvSpPr>
            <p:nvPr>
              <p:custDataLst>
                <p:tags r:id="rId289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7" name="Freeform 94"/>
            <p:cNvSpPr>
              <a:spLocks/>
            </p:cNvSpPr>
            <p:nvPr>
              <p:custDataLst>
                <p:tags r:id="rId290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8" name="Freeform 95"/>
            <p:cNvSpPr>
              <a:spLocks/>
            </p:cNvSpPr>
            <p:nvPr>
              <p:custDataLst>
                <p:tags r:id="rId291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9" name="Freeform 96"/>
            <p:cNvSpPr>
              <a:spLocks noEditPoints="1"/>
            </p:cNvSpPr>
            <p:nvPr>
              <p:custDataLst>
                <p:tags r:id="rId292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0" name="Freeform 97"/>
            <p:cNvSpPr>
              <a:spLocks/>
            </p:cNvSpPr>
            <p:nvPr>
              <p:custDataLst>
                <p:tags r:id="rId293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1" name="Freeform 98"/>
            <p:cNvSpPr>
              <a:spLocks noEditPoints="1"/>
            </p:cNvSpPr>
            <p:nvPr>
              <p:custDataLst>
                <p:tags r:id="rId294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2" name="Freeform 99"/>
            <p:cNvSpPr>
              <a:spLocks/>
            </p:cNvSpPr>
            <p:nvPr>
              <p:custDataLst>
                <p:tags r:id="rId295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3" name="Freeform 100"/>
            <p:cNvSpPr>
              <a:spLocks/>
            </p:cNvSpPr>
            <p:nvPr>
              <p:custDataLst>
                <p:tags r:id="rId296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4" name="Freeform 101"/>
            <p:cNvSpPr>
              <a:spLocks noEditPoints="1"/>
            </p:cNvSpPr>
            <p:nvPr>
              <p:custDataLst>
                <p:tags r:id="rId297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5" name="Freeform 102"/>
            <p:cNvSpPr>
              <a:spLocks/>
            </p:cNvSpPr>
            <p:nvPr>
              <p:custDataLst>
                <p:tags r:id="rId298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6" name="Freeform 103"/>
            <p:cNvSpPr>
              <a:spLocks/>
            </p:cNvSpPr>
            <p:nvPr>
              <p:custDataLst>
                <p:tags r:id="rId299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7" name="Freeform 104"/>
            <p:cNvSpPr>
              <a:spLocks/>
            </p:cNvSpPr>
            <p:nvPr>
              <p:custDataLst>
                <p:tags r:id="rId300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8" name="Freeform 105"/>
            <p:cNvSpPr>
              <a:spLocks noEditPoints="1"/>
            </p:cNvSpPr>
            <p:nvPr>
              <p:custDataLst>
                <p:tags r:id="rId301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9" name="Freeform 106"/>
            <p:cNvSpPr>
              <a:spLocks noEditPoints="1"/>
            </p:cNvSpPr>
            <p:nvPr>
              <p:custDataLst>
                <p:tags r:id="rId302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0" name="Freeform 107"/>
            <p:cNvSpPr>
              <a:spLocks/>
            </p:cNvSpPr>
            <p:nvPr>
              <p:custDataLst>
                <p:tags r:id="rId303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1" name="Freeform 108"/>
            <p:cNvSpPr>
              <a:spLocks/>
            </p:cNvSpPr>
            <p:nvPr>
              <p:custDataLst>
                <p:tags r:id="rId304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2" name="Freeform 109"/>
            <p:cNvSpPr>
              <a:spLocks/>
            </p:cNvSpPr>
            <p:nvPr>
              <p:custDataLst>
                <p:tags r:id="rId305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3" name="Freeform 110"/>
            <p:cNvSpPr>
              <a:spLocks/>
            </p:cNvSpPr>
            <p:nvPr>
              <p:custDataLst>
                <p:tags r:id="rId306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4" name="Freeform 111"/>
            <p:cNvSpPr>
              <a:spLocks/>
            </p:cNvSpPr>
            <p:nvPr>
              <p:custDataLst>
                <p:tags r:id="rId307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5" name="Freeform 112"/>
            <p:cNvSpPr>
              <a:spLocks noEditPoints="1"/>
            </p:cNvSpPr>
            <p:nvPr>
              <p:custDataLst>
                <p:tags r:id="rId308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6" name="Freeform 113"/>
            <p:cNvSpPr>
              <a:spLocks noEditPoints="1"/>
            </p:cNvSpPr>
            <p:nvPr>
              <p:custDataLst>
                <p:tags r:id="rId309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7" name="Freeform 114"/>
            <p:cNvSpPr>
              <a:spLocks noEditPoints="1"/>
            </p:cNvSpPr>
            <p:nvPr>
              <p:custDataLst>
                <p:tags r:id="rId310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8" name="Freeform 115"/>
            <p:cNvSpPr>
              <a:spLocks/>
            </p:cNvSpPr>
            <p:nvPr>
              <p:custDataLst>
                <p:tags r:id="rId311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9" name="Freeform 116"/>
            <p:cNvSpPr>
              <a:spLocks noEditPoints="1"/>
            </p:cNvSpPr>
            <p:nvPr>
              <p:custDataLst>
                <p:tags r:id="rId312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0" name="Freeform 117"/>
            <p:cNvSpPr>
              <a:spLocks/>
            </p:cNvSpPr>
            <p:nvPr>
              <p:custDataLst>
                <p:tags r:id="rId313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1" name="Freeform 118"/>
            <p:cNvSpPr>
              <a:spLocks noEditPoints="1"/>
            </p:cNvSpPr>
            <p:nvPr>
              <p:custDataLst>
                <p:tags r:id="rId314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2" name="Freeform 119"/>
            <p:cNvSpPr>
              <a:spLocks/>
            </p:cNvSpPr>
            <p:nvPr>
              <p:custDataLst>
                <p:tags r:id="rId315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3" name="Freeform 120"/>
            <p:cNvSpPr>
              <a:spLocks/>
            </p:cNvSpPr>
            <p:nvPr>
              <p:custDataLst>
                <p:tags r:id="rId316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4" name="Freeform 121"/>
            <p:cNvSpPr>
              <a:spLocks/>
            </p:cNvSpPr>
            <p:nvPr>
              <p:custDataLst>
                <p:tags r:id="rId317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5" name="Freeform 122"/>
            <p:cNvSpPr>
              <a:spLocks/>
            </p:cNvSpPr>
            <p:nvPr>
              <p:custDataLst>
                <p:tags r:id="rId318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6" name="Freeform 123"/>
            <p:cNvSpPr>
              <a:spLocks/>
            </p:cNvSpPr>
            <p:nvPr>
              <p:custDataLst>
                <p:tags r:id="rId319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7" name="Freeform 124"/>
            <p:cNvSpPr>
              <a:spLocks noEditPoints="1"/>
            </p:cNvSpPr>
            <p:nvPr>
              <p:custDataLst>
                <p:tags r:id="rId320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8" name="Freeform 125"/>
            <p:cNvSpPr>
              <a:spLocks/>
            </p:cNvSpPr>
            <p:nvPr>
              <p:custDataLst>
                <p:tags r:id="rId321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9" name="Freeform 126"/>
            <p:cNvSpPr>
              <a:spLocks/>
            </p:cNvSpPr>
            <p:nvPr>
              <p:custDataLst>
                <p:tags r:id="rId322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0" name="Freeform 127"/>
            <p:cNvSpPr>
              <a:spLocks noEditPoints="1"/>
            </p:cNvSpPr>
            <p:nvPr>
              <p:custDataLst>
                <p:tags r:id="rId323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1" name="Freeform 128"/>
            <p:cNvSpPr>
              <a:spLocks/>
            </p:cNvSpPr>
            <p:nvPr>
              <p:custDataLst>
                <p:tags r:id="rId324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2" name="Freeform 129"/>
            <p:cNvSpPr>
              <a:spLocks/>
            </p:cNvSpPr>
            <p:nvPr>
              <p:custDataLst>
                <p:tags r:id="rId325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3" name="Freeform 130"/>
            <p:cNvSpPr>
              <a:spLocks noEditPoints="1"/>
            </p:cNvSpPr>
            <p:nvPr>
              <p:custDataLst>
                <p:tags r:id="rId326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4" name="Freeform 131"/>
            <p:cNvSpPr>
              <a:spLocks/>
            </p:cNvSpPr>
            <p:nvPr>
              <p:custDataLst>
                <p:tags r:id="rId327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5" name="Freeform 132"/>
            <p:cNvSpPr>
              <a:spLocks/>
            </p:cNvSpPr>
            <p:nvPr>
              <p:custDataLst>
                <p:tags r:id="rId328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6" name="Freeform 133"/>
            <p:cNvSpPr>
              <a:spLocks noEditPoints="1"/>
            </p:cNvSpPr>
            <p:nvPr>
              <p:custDataLst>
                <p:tags r:id="rId329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7" name="Freeform 134"/>
            <p:cNvSpPr>
              <a:spLocks noEditPoints="1"/>
            </p:cNvSpPr>
            <p:nvPr>
              <p:custDataLst>
                <p:tags r:id="rId330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8" name="Freeform 135"/>
            <p:cNvSpPr>
              <a:spLocks/>
            </p:cNvSpPr>
            <p:nvPr>
              <p:custDataLst>
                <p:tags r:id="rId331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9" name="Freeform 136"/>
            <p:cNvSpPr>
              <a:spLocks noEditPoints="1"/>
            </p:cNvSpPr>
            <p:nvPr>
              <p:custDataLst>
                <p:tags r:id="rId332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0" name="Freeform 137"/>
            <p:cNvSpPr>
              <a:spLocks/>
            </p:cNvSpPr>
            <p:nvPr>
              <p:custDataLst>
                <p:tags r:id="rId333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1" name="Freeform 138"/>
            <p:cNvSpPr>
              <a:spLocks/>
            </p:cNvSpPr>
            <p:nvPr>
              <p:custDataLst>
                <p:tags r:id="rId334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2" name="Freeform 139"/>
            <p:cNvSpPr>
              <a:spLocks noEditPoints="1"/>
            </p:cNvSpPr>
            <p:nvPr>
              <p:custDataLst>
                <p:tags r:id="rId335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3" name="Freeform 140"/>
            <p:cNvSpPr>
              <a:spLocks noEditPoints="1"/>
            </p:cNvSpPr>
            <p:nvPr>
              <p:custDataLst>
                <p:tags r:id="rId336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4" name="Freeform 141"/>
            <p:cNvSpPr>
              <a:spLocks/>
            </p:cNvSpPr>
            <p:nvPr>
              <p:custDataLst>
                <p:tags r:id="rId337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5" name="Freeform 142"/>
            <p:cNvSpPr>
              <a:spLocks/>
            </p:cNvSpPr>
            <p:nvPr>
              <p:custDataLst>
                <p:tags r:id="rId338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6" name="Freeform 143"/>
            <p:cNvSpPr>
              <a:spLocks/>
            </p:cNvSpPr>
            <p:nvPr>
              <p:custDataLst>
                <p:tags r:id="rId339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7" name="Freeform 144"/>
            <p:cNvSpPr>
              <a:spLocks noEditPoints="1"/>
            </p:cNvSpPr>
            <p:nvPr>
              <p:custDataLst>
                <p:tags r:id="rId340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8" name="Freeform 145"/>
            <p:cNvSpPr>
              <a:spLocks noEditPoints="1"/>
            </p:cNvSpPr>
            <p:nvPr>
              <p:custDataLst>
                <p:tags r:id="rId341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9" name="Freeform 146"/>
            <p:cNvSpPr>
              <a:spLocks/>
            </p:cNvSpPr>
            <p:nvPr>
              <p:custDataLst>
                <p:tags r:id="rId342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0" name="Freeform 147"/>
            <p:cNvSpPr>
              <a:spLocks noEditPoints="1"/>
            </p:cNvSpPr>
            <p:nvPr>
              <p:custDataLst>
                <p:tags r:id="rId343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1" name="Freeform 148"/>
            <p:cNvSpPr>
              <a:spLocks/>
            </p:cNvSpPr>
            <p:nvPr>
              <p:custDataLst>
                <p:tags r:id="rId344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2" name="Freeform 149"/>
            <p:cNvSpPr>
              <a:spLocks noEditPoints="1"/>
            </p:cNvSpPr>
            <p:nvPr>
              <p:custDataLst>
                <p:tags r:id="rId345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3" name="Freeform 150"/>
            <p:cNvSpPr>
              <a:spLocks/>
            </p:cNvSpPr>
            <p:nvPr>
              <p:custDataLst>
                <p:tags r:id="rId346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4" name="Freeform 151"/>
            <p:cNvSpPr>
              <a:spLocks/>
            </p:cNvSpPr>
            <p:nvPr>
              <p:custDataLst>
                <p:tags r:id="rId347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5" name="Freeform 152"/>
            <p:cNvSpPr>
              <a:spLocks noEditPoints="1"/>
            </p:cNvSpPr>
            <p:nvPr>
              <p:custDataLst>
                <p:tags r:id="rId348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6" name="Freeform 153"/>
            <p:cNvSpPr>
              <a:spLocks/>
            </p:cNvSpPr>
            <p:nvPr>
              <p:custDataLst>
                <p:tags r:id="rId349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7" name="Freeform 154"/>
            <p:cNvSpPr>
              <a:spLocks noEditPoints="1"/>
            </p:cNvSpPr>
            <p:nvPr>
              <p:custDataLst>
                <p:tags r:id="rId350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8" name="Freeform 155"/>
            <p:cNvSpPr>
              <a:spLocks/>
            </p:cNvSpPr>
            <p:nvPr>
              <p:custDataLst>
                <p:tags r:id="rId351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9" name="Freeform 156"/>
            <p:cNvSpPr>
              <a:spLocks noEditPoints="1"/>
            </p:cNvSpPr>
            <p:nvPr>
              <p:custDataLst>
                <p:tags r:id="rId352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0" name="Freeform 157"/>
            <p:cNvSpPr>
              <a:spLocks noEditPoints="1"/>
            </p:cNvSpPr>
            <p:nvPr>
              <p:custDataLst>
                <p:tags r:id="rId353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1" name="Freeform 158"/>
            <p:cNvSpPr>
              <a:spLocks/>
            </p:cNvSpPr>
            <p:nvPr>
              <p:custDataLst>
                <p:tags r:id="rId354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2" name="Freeform 160"/>
            <p:cNvSpPr>
              <a:spLocks/>
            </p:cNvSpPr>
            <p:nvPr>
              <p:custDataLst>
                <p:tags r:id="rId355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3" name="Freeform 161"/>
            <p:cNvSpPr>
              <a:spLocks noEditPoints="1"/>
            </p:cNvSpPr>
            <p:nvPr>
              <p:custDataLst>
                <p:tags r:id="rId356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4" name="Freeform 162"/>
            <p:cNvSpPr>
              <a:spLocks/>
            </p:cNvSpPr>
            <p:nvPr>
              <p:custDataLst>
                <p:tags r:id="rId357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5" name="Freeform 163"/>
            <p:cNvSpPr>
              <a:spLocks/>
            </p:cNvSpPr>
            <p:nvPr>
              <p:custDataLst>
                <p:tags r:id="rId358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6" name="Freeform 164"/>
            <p:cNvSpPr>
              <a:spLocks noEditPoints="1"/>
            </p:cNvSpPr>
            <p:nvPr>
              <p:custDataLst>
                <p:tags r:id="rId359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7" name="Freeform 165"/>
            <p:cNvSpPr>
              <a:spLocks/>
            </p:cNvSpPr>
            <p:nvPr>
              <p:custDataLst>
                <p:tags r:id="rId360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8" name="Freeform 166"/>
            <p:cNvSpPr>
              <a:spLocks/>
            </p:cNvSpPr>
            <p:nvPr>
              <p:custDataLst>
                <p:tags r:id="rId361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9" name="Freeform 167"/>
            <p:cNvSpPr>
              <a:spLocks/>
            </p:cNvSpPr>
            <p:nvPr>
              <p:custDataLst>
                <p:tags r:id="rId362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0" name="Freeform 168"/>
            <p:cNvSpPr>
              <a:spLocks/>
            </p:cNvSpPr>
            <p:nvPr>
              <p:custDataLst>
                <p:tags r:id="rId363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1" name="Freeform 169"/>
            <p:cNvSpPr>
              <a:spLocks noEditPoints="1"/>
            </p:cNvSpPr>
            <p:nvPr>
              <p:custDataLst>
                <p:tags r:id="rId364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2" name="Freeform 170"/>
            <p:cNvSpPr>
              <a:spLocks/>
            </p:cNvSpPr>
            <p:nvPr>
              <p:custDataLst>
                <p:tags r:id="rId365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3" name="Freeform 171"/>
            <p:cNvSpPr>
              <a:spLocks noEditPoints="1"/>
            </p:cNvSpPr>
            <p:nvPr>
              <p:custDataLst>
                <p:tags r:id="rId366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4" name="Freeform 172"/>
            <p:cNvSpPr>
              <a:spLocks noEditPoints="1"/>
            </p:cNvSpPr>
            <p:nvPr>
              <p:custDataLst>
                <p:tags r:id="rId367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5" name="Freeform 173"/>
            <p:cNvSpPr>
              <a:spLocks noEditPoints="1"/>
            </p:cNvSpPr>
            <p:nvPr>
              <p:custDataLst>
                <p:tags r:id="rId368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6" name="Freeform 174"/>
            <p:cNvSpPr>
              <a:spLocks/>
            </p:cNvSpPr>
            <p:nvPr>
              <p:custDataLst>
                <p:tags r:id="rId369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7" name="Freeform 175"/>
            <p:cNvSpPr>
              <a:spLocks/>
            </p:cNvSpPr>
            <p:nvPr>
              <p:custDataLst>
                <p:tags r:id="rId370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8" name="Freeform 176"/>
            <p:cNvSpPr>
              <a:spLocks/>
            </p:cNvSpPr>
            <p:nvPr>
              <p:custDataLst>
                <p:tags r:id="rId371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9" name="Freeform 177"/>
            <p:cNvSpPr>
              <a:spLocks/>
            </p:cNvSpPr>
            <p:nvPr>
              <p:custDataLst>
                <p:tags r:id="rId372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0" name="Freeform 178"/>
            <p:cNvSpPr>
              <a:spLocks/>
            </p:cNvSpPr>
            <p:nvPr>
              <p:custDataLst>
                <p:tags r:id="rId373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1" name="Freeform 179"/>
            <p:cNvSpPr>
              <a:spLocks/>
            </p:cNvSpPr>
            <p:nvPr>
              <p:custDataLst>
                <p:tags r:id="rId374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2" name="Freeform 180"/>
            <p:cNvSpPr>
              <a:spLocks noEditPoints="1"/>
            </p:cNvSpPr>
            <p:nvPr>
              <p:custDataLst>
                <p:tags r:id="rId375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3" name="Freeform 181"/>
            <p:cNvSpPr>
              <a:spLocks noEditPoints="1"/>
            </p:cNvSpPr>
            <p:nvPr>
              <p:custDataLst>
                <p:tags r:id="rId376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4" name="Freeform 182"/>
            <p:cNvSpPr>
              <a:spLocks noEditPoints="1"/>
            </p:cNvSpPr>
            <p:nvPr>
              <p:custDataLst>
                <p:tags r:id="rId377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5" name="Freeform 183"/>
            <p:cNvSpPr>
              <a:spLocks noEditPoints="1"/>
            </p:cNvSpPr>
            <p:nvPr>
              <p:custDataLst>
                <p:tags r:id="rId378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6" name="Freeform 184"/>
            <p:cNvSpPr>
              <a:spLocks noEditPoints="1"/>
            </p:cNvSpPr>
            <p:nvPr>
              <p:custDataLst>
                <p:tags r:id="rId379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7" name="Freeform 186"/>
            <p:cNvSpPr>
              <a:spLocks noEditPoints="1"/>
            </p:cNvSpPr>
            <p:nvPr>
              <p:custDataLst>
                <p:tags r:id="rId380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8" name="Freeform 187"/>
            <p:cNvSpPr>
              <a:spLocks noEditPoints="1"/>
            </p:cNvSpPr>
            <p:nvPr>
              <p:custDataLst>
                <p:tags r:id="rId381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9" name="Freeform 188"/>
            <p:cNvSpPr>
              <a:spLocks noEditPoints="1"/>
            </p:cNvSpPr>
            <p:nvPr>
              <p:custDataLst>
                <p:tags r:id="rId382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0" name="Freeform 189"/>
            <p:cNvSpPr>
              <a:spLocks/>
            </p:cNvSpPr>
            <p:nvPr>
              <p:custDataLst>
                <p:tags r:id="rId383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1" name="Freeform 190"/>
            <p:cNvSpPr>
              <a:spLocks/>
            </p:cNvSpPr>
            <p:nvPr>
              <p:custDataLst>
                <p:tags r:id="rId384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2" name="Freeform 191"/>
            <p:cNvSpPr>
              <a:spLocks/>
            </p:cNvSpPr>
            <p:nvPr>
              <p:custDataLst>
                <p:tags r:id="rId385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193" name="Group 192"/>
            <p:cNvGrpSpPr>
              <a:grpSpLocks/>
            </p:cNvGrpSpPr>
            <p:nvPr>
              <p:custDataLst>
                <p:tags r:id="rId386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19" name="Freeform 193"/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20" name="Freeform 194"/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194" name="Freeform 269"/>
            <p:cNvSpPr>
              <a:spLocks noEditPoints="1"/>
            </p:cNvSpPr>
            <p:nvPr>
              <p:custDataLst>
                <p:tags r:id="rId387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5" name="Freeform 270"/>
            <p:cNvSpPr>
              <a:spLocks noEditPoints="1"/>
            </p:cNvSpPr>
            <p:nvPr>
              <p:custDataLst>
                <p:tags r:id="rId388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6" name="Freeform 271"/>
            <p:cNvSpPr>
              <a:spLocks noEditPoints="1"/>
            </p:cNvSpPr>
            <p:nvPr>
              <p:custDataLst>
                <p:tags r:id="rId389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7" name="Freeform 272"/>
            <p:cNvSpPr>
              <a:spLocks noEditPoints="1"/>
            </p:cNvSpPr>
            <p:nvPr>
              <p:custDataLst>
                <p:tags r:id="rId390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8" name="Rectangle 203"/>
            <p:cNvSpPr>
              <a:spLocks noChangeArrowheads="1"/>
            </p:cNvSpPr>
            <p:nvPr>
              <p:custDataLst>
                <p:tags r:id="rId391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9" name="Freeform 273"/>
            <p:cNvSpPr>
              <a:spLocks/>
            </p:cNvSpPr>
            <p:nvPr>
              <p:custDataLst>
                <p:tags r:id="rId392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0" name="Freeform 275"/>
            <p:cNvSpPr>
              <a:spLocks/>
            </p:cNvSpPr>
            <p:nvPr>
              <p:custDataLst>
                <p:tags r:id="rId393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1" name="Freeform 276"/>
            <p:cNvSpPr>
              <a:spLocks/>
            </p:cNvSpPr>
            <p:nvPr>
              <p:custDataLst>
                <p:tags r:id="rId394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2" name="Freeform 277"/>
            <p:cNvSpPr>
              <a:spLocks/>
            </p:cNvSpPr>
            <p:nvPr>
              <p:custDataLst>
                <p:tags r:id="rId395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3" name="Freeform 278"/>
            <p:cNvSpPr>
              <a:spLocks/>
            </p:cNvSpPr>
            <p:nvPr>
              <p:custDataLst>
                <p:tags r:id="rId396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4" name="Freeform 279"/>
            <p:cNvSpPr>
              <a:spLocks/>
            </p:cNvSpPr>
            <p:nvPr>
              <p:custDataLst>
                <p:tags r:id="rId397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5" name="Freeform 280"/>
            <p:cNvSpPr>
              <a:spLocks/>
            </p:cNvSpPr>
            <p:nvPr>
              <p:custDataLst>
                <p:tags r:id="rId398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6" name="Freeform 375"/>
            <p:cNvSpPr>
              <a:spLocks noEditPoints="1"/>
            </p:cNvSpPr>
            <p:nvPr>
              <p:custDataLst>
                <p:tags r:id="rId399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7" name="Freeform 402"/>
            <p:cNvSpPr>
              <a:spLocks/>
            </p:cNvSpPr>
            <p:nvPr>
              <p:custDataLst>
                <p:tags r:id="rId400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208" name="Group 195"/>
            <p:cNvGrpSpPr>
              <a:grpSpLocks/>
            </p:cNvGrpSpPr>
            <p:nvPr>
              <p:custDataLst>
                <p:tags r:id="rId401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17" name="Freeform 196"/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18" name="Freeform 197"/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209" name="Freeform 405"/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0" name="Freeform 207"/>
            <p:cNvSpPr>
              <a:spLocks/>
            </p:cNvSpPr>
            <p:nvPr>
              <p:custDataLst>
                <p:tags r:id="rId402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1" name="Freeform 208"/>
            <p:cNvSpPr>
              <a:spLocks/>
            </p:cNvSpPr>
            <p:nvPr>
              <p:custDataLst>
                <p:tags r:id="rId403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2" name="Freeform 379"/>
            <p:cNvSpPr>
              <a:spLocks noEditPoints="1"/>
            </p:cNvSpPr>
            <p:nvPr>
              <p:custDataLst>
                <p:tags r:id="rId404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3" name="Freeform 380"/>
            <p:cNvSpPr>
              <a:spLocks noEditPoints="1"/>
            </p:cNvSpPr>
            <p:nvPr>
              <p:custDataLst>
                <p:tags r:id="rId405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4" name="Freeform 381"/>
            <p:cNvSpPr>
              <a:spLocks/>
            </p:cNvSpPr>
            <p:nvPr>
              <p:custDataLst>
                <p:tags r:id="rId406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5" name="Freeform 382"/>
            <p:cNvSpPr>
              <a:spLocks noEditPoints="1"/>
            </p:cNvSpPr>
            <p:nvPr>
              <p:custDataLst>
                <p:tags r:id="rId407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6" name="Freeform 383"/>
            <p:cNvSpPr>
              <a:spLocks/>
            </p:cNvSpPr>
            <p:nvPr>
              <p:custDataLst>
                <p:tags r:id="rId408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</p:grpSp>
      <p:grpSp>
        <p:nvGrpSpPr>
          <p:cNvPr id="221" name="Group 473"/>
          <p:cNvGrpSpPr/>
          <p:nvPr/>
        </p:nvGrpSpPr>
        <p:grpSpPr bwMode="gray">
          <a:xfrm>
            <a:off x="651531" y="946405"/>
            <a:ext cx="11025383" cy="5406216"/>
            <a:chOff x="166688" y="2049463"/>
            <a:chExt cx="8663923" cy="4248291"/>
          </a:xfrm>
        </p:grpSpPr>
        <p:sp>
          <p:nvSpPr>
            <p:cNvPr id="222" name="Rectangle 406"/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gray">
            <a:xfrm>
              <a:off x="5014913" y="3302001"/>
              <a:ext cx="1864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Romania</a:t>
              </a:r>
            </a:p>
          </p:txBody>
        </p:sp>
        <p:sp>
          <p:nvSpPr>
            <p:cNvPr id="223" name="Rectangle 407"/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gray">
            <a:xfrm>
              <a:off x="4947456" y="3239969"/>
              <a:ext cx="178872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ungary</a:t>
              </a:r>
            </a:p>
          </p:txBody>
        </p:sp>
        <p:sp>
          <p:nvSpPr>
            <p:cNvPr id="224" name="Rectangle 408"/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gray">
            <a:xfrm>
              <a:off x="4962526" y="3538538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reece</a:t>
              </a:r>
            </a:p>
          </p:txBody>
        </p:sp>
        <p:sp>
          <p:nvSpPr>
            <p:cNvPr id="225" name="Rectangle 409"/>
            <p:cNvSpPr>
              <a:spLocks noChangeArrowheads="1"/>
            </p:cNvSpPr>
            <p:nvPr>
              <p:custDataLst>
                <p:tags r:id="rId7"/>
              </p:custDataLst>
            </p:nvPr>
          </p:nvSpPr>
          <p:spPr bwMode="gray">
            <a:xfrm>
              <a:off x="5118101" y="3636963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yprus</a:t>
              </a:r>
            </a:p>
          </p:txBody>
        </p:sp>
        <p:sp>
          <p:nvSpPr>
            <p:cNvPr id="226" name="Rectangle 410"/>
            <p:cNvSpPr>
              <a:spLocks noChangeArrowheads="1"/>
            </p:cNvSpPr>
            <p:nvPr>
              <p:custDataLst>
                <p:tags r:id="rId8"/>
              </p:custDataLst>
            </p:nvPr>
          </p:nvSpPr>
          <p:spPr bwMode="gray">
            <a:xfrm>
              <a:off x="5181601" y="3138488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kraine</a:t>
              </a:r>
            </a:p>
          </p:txBody>
        </p:sp>
        <p:sp>
          <p:nvSpPr>
            <p:cNvPr id="227" name="Rectangle 411"/>
            <p:cNvSpPr>
              <a:spLocks noChangeArrowheads="1"/>
            </p:cNvSpPr>
            <p:nvPr>
              <p:custDataLst>
                <p:tags r:id="rId9"/>
              </p:custDataLst>
            </p:nvPr>
          </p:nvSpPr>
          <p:spPr bwMode="gray">
            <a:xfrm>
              <a:off x="4978401" y="2940051"/>
              <a:ext cx="1965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thuania</a:t>
              </a:r>
            </a:p>
          </p:txBody>
        </p:sp>
        <p:sp>
          <p:nvSpPr>
            <p:cNvPr id="228" name="Rectangle 412"/>
            <p:cNvSpPr>
              <a:spLocks noChangeArrowheads="1"/>
            </p:cNvSpPr>
            <p:nvPr>
              <p:custDataLst>
                <p:tags r:id="rId10"/>
              </p:custDataLst>
            </p:nvPr>
          </p:nvSpPr>
          <p:spPr bwMode="gray">
            <a:xfrm>
              <a:off x="4796949" y="3306357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roatia</a:t>
              </a:r>
            </a:p>
          </p:txBody>
        </p:sp>
        <p:sp>
          <p:nvSpPr>
            <p:cNvPr id="229" name="Rectangle 413"/>
            <p:cNvSpPr>
              <a:spLocks noChangeArrowheads="1"/>
            </p:cNvSpPr>
            <p:nvPr>
              <p:custDataLst>
                <p:tags r:id="rId11"/>
              </p:custDataLst>
            </p:nvPr>
          </p:nvSpPr>
          <p:spPr bwMode="gray">
            <a:xfrm>
              <a:off x="5189538" y="324802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ldova</a:t>
              </a:r>
            </a:p>
          </p:txBody>
        </p:sp>
        <p:sp>
          <p:nvSpPr>
            <p:cNvPr id="230" name="Rectangle 414"/>
            <p:cNvSpPr>
              <a:spLocks noChangeArrowheads="1"/>
            </p:cNvSpPr>
            <p:nvPr>
              <p:custDataLst>
                <p:tags r:id="rId12"/>
              </p:custDataLst>
            </p:nvPr>
          </p:nvSpPr>
          <p:spPr bwMode="gray">
            <a:xfrm>
              <a:off x="4972052" y="334962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erb. Mont.</a:t>
              </a:r>
            </a:p>
          </p:txBody>
        </p:sp>
        <p:sp>
          <p:nvSpPr>
            <p:cNvPr id="231" name="Rectangle 415"/>
            <p:cNvSpPr>
              <a:spLocks noChangeArrowheads="1"/>
            </p:cNvSpPr>
            <p:nvPr>
              <p:custDataLst>
                <p:tags r:id="rId13"/>
              </p:custDataLst>
            </p:nvPr>
          </p:nvSpPr>
          <p:spPr bwMode="gray">
            <a:xfrm>
              <a:off x="4657726" y="3071813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ermany</a:t>
              </a:r>
            </a:p>
          </p:txBody>
        </p:sp>
        <p:sp>
          <p:nvSpPr>
            <p:cNvPr id="232" name="Rectangle 416"/>
            <p:cNvSpPr>
              <a:spLocks noChangeArrowheads="1"/>
            </p:cNvSpPr>
            <p:nvPr>
              <p:custDataLst>
                <p:tags r:id="rId14"/>
              </p:custDataLst>
            </p:nvPr>
          </p:nvSpPr>
          <p:spPr bwMode="gray">
            <a:xfrm>
              <a:off x="4449763" y="325437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witzerland</a:t>
              </a:r>
            </a:p>
          </p:txBody>
        </p:sp>
        <p:sp>
          <p:nvSpPr>
            <p:cNvPr id="233" name="Rectangle 417"/>
            <p:cNvSpPr>
              <a:spLocks noChangeArrowheads="1"/>
            </p:cNvSpPr>
            <p:nvPr>
              <p:custDataLst>
                <p:tags r:id="rId15"/>
              </p:custDataLst>
            </p:nvPr>
          </p:nvSpPr>
          <p:spPr bwMode="gray">
            <a:xfrm>
              <a:off x="4128166" y="3281363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lovenia</a:t>
              </a:r>
            </a:p>
          </p:txBody>
        </p:sp>
        <p:sp>
          <p:nvSpPr>
            <p:cNvPr id="234" name="Rectangle 418"/>
            <p:cNvSpPr>
              <a:spLocks noChangeArrowheads="1"/>
            </p:cNvSpPr>
            <p:nvPr>
              <p:custDataLst>
                <p:tags r:id="rId16"/>
              </p:custDataLst>
            </p:nvPr>
          </p:nvSpPr>
          <p:spPr bwMode="gray">
            <a:xfrm>
              <a:off x="4267201" y="3616326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ibraltar</a:t>
              </a:r>
            </a:p>
          </p:txBody>
        </p:sp>
        <p:sp>
          <p:nvSpPr>
            <p:cNvPr id="235" name="Rectangle 419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gray">
            <a:xfrm>
              <a:off x="4764088" y="3205163"/>
              <a:ext cx="148640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ustria</a:t>
              </a:r>
            </a:p>
          </p:txBody>
        </p:sp>
        <p:sp>
          <p:nvSpPr>
            <p:cNvPr id="236" name="Rectangle 420"/>
            <p:cNvSpPr>
              <a:spLocks noChangeArrowheads="1"/>
            </p:cNvSpPr>
            <p:nvPr>
              <p:custDataLst>
                <p:tags r:id="rId18"/>
              </p:custDataLst>
            </p:nvPr>
          </p:nvSpPr>
          <p:spPr bwMode="gray">
            <a:xfrm>
              <a:off x="4652963" y="3171826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ux.</a:t>
              </a:r>
            </a:p>
          </p:txBody>
        </p:sp>
        <p:sp>
          <p:nvSpPr>
            <p:cNvPr id="237" name="Rectangle 421"/>
            <p:cNvSpPr>
              <a:spLocks noChangeArrowheads="1"/>
            </p:cNvSpPr>
            <p:nvPr>
              <p:custDataLst>
                <p:tags r:id="rId19"/>
              </p:custDataLst>
            </p:nvPr>
          </p:nvSpPr>
          <p:spPr bwMode="gray">
            <a:xfrm>
              <a:off x="4961737" y="3186506"/>
              <a:ext cx="173834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lovakia</a:t>
              </a:r>
            </a:p>
          </p:txBody>
        </p:sp>
        <p:sp>
          <p:nvSpPr>
            <p:cNvPr id="238" name="Rectangle 422"/>
            <p:cNvSpPr>
              <a:spLocks noChangeArrowheads="1"/>
            </p:cNvSpPr>
            <p:nvPr>
              <p:custDataLst>
                <p:tags r:id="rId20"/>
              </p:custDataLst>
            </p:nvPr>
          </p:nvSpPr>
          <p:spPr bwMode="gray">
            <a:xfrm>
              <a:off x="4872038" y="2506663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weden</a:t>
              </a:r>
            </a:p>
          </p:txBody>
        </p:sp>
        <p:sp>
          <p:nvSpPr>
            <p:cNvPr id="239" name="Rectangle 423"/>
            <p:cNvSpPr>
              <a:spLocks noChangeArrowheads="1"/>
            </p:cNvSpPr>
            <p:nvPr>
              <p:custDataLst>
                <p:tags r:id="rId21"/>
              </p:custDataLst>
            </p:nvPr>
          </p:nvSpPr>
          <p:spPr bwMode="gray">
            <a:xfrm>
              <a:off x="5045076" y="26495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inland</a:t>
              </a:r>
            </a:p>
          </p:txBody>
        </p:sp>
        <p:sp>
          <p:nvSpPr>
            <p:cNvPr id="240" name="Rectangle 424"/>
            <p:cNvSpPr>
              <a:spLocks noChangeArrowheads="1"/>
            </p:cNvSpPr>
            <p:nvPr>
              <p:custDataLst>
                <p:tags r:id="rId22"/>
              </p:custDataLst>
            </p:nvPr>
          </p:nvSpPr>
          <p:spPr bwMode="gray">
            <a:xfrm>
              <a:off x="4624388" y="2692401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orway</a:t>
              </a:r>
            </a:p>
          </p:txBody>
        </p:sp>
        <p:sp>
          <p:nvSpPr>
            <p:cNvPr id="241" name="Rectangle 425"/>
            <p:cNvSpPr>
              <a:spLocks noChangeArrowheads="1"/>
            </p:cNvSpPr>
            <p:nvPr>
              <p:custDataLst>
                <p:tags r:id="rId23"/>
              </p:custDataLst>
            </p:nvPr>
          </p:nvSpPr>
          <p:spPr bwMode="gray">
            <a:xfrm>
              <a:off x="4454526" y="3175001"/>
              <a:ext cx="1410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rance</a:t>
              </a:r>
            </a:p>
          </p:txBody>
        </p:sp>
        <p:sp>
          <p:nvSpPr>
            <p:cNvPr id="242" name="Rectangle 426"/>
            <p:cNvSpPr>
              <a:spLocks noChangeArrowheads="1"/>
            </p:cNvSpPr>
            <p:nvPr>
              <p:custDataLst>
                <p:tags r:id="rId24"/>
              </p:custDataLst>
            </p:nvPr>
          </p:nvSpPr>
          <p:spPr bwMode="gray">
            <a:xfrm>
              <a:off x="4357688" y="3465513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pain</a:t>
              </a:r>
            </a:p>
          </p:txBody>
        </p:sp>
        <p:sp>
          <p:nvSpPr>
            <p:cNvPr id="243" name="Rectangle 427"/>
            <p:cNvSpPr>
              <a:spLocks noChangeArrowheads="1"/>
            </p:cNvSpPr>
            <p:nvPr>
              <p:custDataLst>
                <p:tags r:id="rId25"/>
              </p:custDataLst>
            </p:nvPr>
          </p:nvSpPr>
          <p:spPr bwMode="gray">
            <a:xfrm>
              <a:off x="4887913" y="3048001"/>
              <a:ext cx="14486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oland</a:t>
              </a:r>
            </a:p>
          </p:txBody>
        </p:sp>
        <p:sp>
          <p:nvSpPr>
            <p:cNvPr id="244" name="Rectangle 428"/>
            <p:cNvSpPr>
              <a:spLocks noChangeArrowheads="1"/>
            </p:cNvSpPr>
            <p:nvPr>
              <p:custDataLst>
                <p:tags r:id="rId26"/>
              </p:custDataLst>
            </p:nvPr>
          </p:nvSpPr>
          <p:spPr bwMode="gray">
            <a:xfrm>
              <a:off x="4743450" y="3386138"/>
              <a:ext cx="906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taly</a:t>
              </a:r>
            </a:p>
          </p:txBody>
        </p:sp>
        <p:sp>
          <p:nvSpPr>
            <p:cNvPr id="245" name="Rectangle 429"/>
            <p:cNvSpPr>
              <a:spLocks noChangeArrowheads="1"/>
            </p:cNvSpPr>
            <p:nvPr>
              <p:custDataLst>
                <p:tags r:id="rId27"/>
              </p:custDataLst>
            </p:nvPr>
          </p:nvSpPr>
          <p:spPr bwMode="gray">
            <a:xfrm>
              <a:off x="5105401" y="301148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larus</a:t>
              </a:r>
            </a:p>
          </p:txBody>
        </p:sp>
        <p:sp>
          <p:nvSpPr>
            <p:cNvPr id="246" name="Rectangle 430"/>
            <p:cNvSpPr>
              <a:spLocks noChangeArrowheads="1"/>
            </p:cNvSpPr>
            <p:nvPr>
              <p:custDataLst>
                <p:tags r:id="rId28"/>
              </p:custDataLst>
            </p:nvPr>
          </p:nvSpPr>
          <p:spPr bwMode="gray">
            <a:xfrm>
              <a:off x="4178301" y="2846388"/>
              <a:ext cx="3401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nited Kingdom</a:t>
              </a:r>
            </a:p>
          </p:txBody>
        </p:sp>
        <p:sp>
          <p:nvSpPr>
            <p:cNvPr id="247" name="Rectangle 431"/>
            <p:cNvSpPr>
              <a:spLocks noChangeArrowheads="1"/>
            </p:cNvSpPr>
            <p:nvPr>
              <p:custDataLst>
                <p:tags r:id="rId29"/>
              </p:custDataLst>
            </p:nvPr>
          </p:nvSpPr>
          <p:spPr bwMode="gray">
            <a:xfrm>
              <a:off x="5081588" y="2879726"/>
              <a:ext cx="12848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atvia</a:t>
              </a:r>
            </a:p>
          </p:txBody>
        </p:sp>
        <p:sp>
          <p:nvSpPr>
            <p:cNvPr id="248" name="Rectangle 432"/>
            <p:cNvSpPr>
              <a:spLocks noChangeArrowheads="1"/>
            </p:cNvSpPr>
            <p:nvPr>
              <p:custDataLst>
                <p:tags r:id="rId30"/>
              </p:custDataLst>
            </p:nvPr>
          </p:nvSpPr>
          <p:spPr bwMode="gray">
            <a:xfrm>
              <a:off x="4205288" y="3038476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reland</a:t>
              </a:r>
            </a:p>
          </p:txBody>
        </p:sp>
        <p:sp>
          <p:nvSpPr>
            <p:cNvPr id="249" name="Rectangle 433"/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gray">
            <a:xfrm>
              <a:off x="5151808" y="3407725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ulgaria</a:t>
              </a:r>
            </a:p>
          </p:txBody>
        </p:sp>
        <p:sp>
          <p:nvSpPr>
            <p:cNvPr id="250" name="Rectangle 434"/>
            <p:cNvSpPr>
              <a:spLocks noChangeArrowheads="1"/>
            </p:cNvSpPr>
            <p:nvPr>
              <p:custDataLst>
                <p:tags r:id="rId32"/>
              </p:custDataLst>
            </p:nvPr>
          </p:nvSpPr>
          <p:spPr bwMode="gray">
            <a:xfrm>
              <a:off x="5092703" y="281463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stonia</a:t>
              </a:r>
            </a:p>
          </p:txBody>
        </p:sp>
        <p:sp>
          <p:nvSpPr>
            <p:cNvPr id="251" name="Rectangle 435"/>
            <p:cNvSpPr>
              <a:spLocks noChangeArrowheads="1"/>
            </p:cNvSpPr>
            <p:nvPr>
              <p:custDataLst>
                <p:tags r:id="rId33"/>
              </p:custDataLst>
            </p:nvPr>
          </p:nvSpPr>
          <p:spPr bwMode="gray">
            <a:xfrm>
              <a:off x="4164013" y="3482976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ortugal</a:t>
              </a:r>
            </a:p>
          </p:txBody>
        </p:sp>
        <p:sp>
          <p:nvSpPr>
            <p:cNvPr id="252" name="Rectangle 436"/>
            <p:cNvSpPr>
              <a:spLocks noChangeArrowheads="1"/>
            </p:cNvSpPr>
            <p:nvPr>
              <p:custDataLst>
                <p:tags r:id="rId34"/>
              </p:custDataLst>
            </p:nvPr>
          </p:nvSpPr>
          <p:spPr bwMode="gray">
            <a:xfrm>
              <a:off x="4567238" y="2890838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enmark</a:t>
              </a:r>
            </a:p>
          </p:txBody>
        </p:sp>
        <p:sp>
          <p:nvSpPr>
            <p:cNvPr id="253" name="Rectangle 437"/>
            <p:cNvSpPr>
              <a:spLocks noChangeArrowheads="1"/>
            </p:cNvSpPr>
            <p:nvPr>
              <p:custDataLst>
                <p:tags r:id="rId35"/>
              </p:custDataLst>
            </p:nvPr>
          </p:nvSpPr>
          <p:spPr bwMode="gray">
            <a:xfrm>
              <a:off x="4468813" y="3411538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ndorra</a:t>
              </a:r>
            </a:p>
          </p:txBody>
        </p:sp>
        <p:sp>
          <p:nvSpPr>
            <p:cNvPr id="254" name="Rectangle 438"/>
            <p:cNvSpPr>
              <a:spLocks noChangeArrowheads="1"/>
            </p:cNvSpPr>
            <p:nvPr>
              <p:custDataLst>
                <p:tags r:id="rId36"/>
              </p:custDataLst>
            </p:nvPr>
          </p:nvSpPr>
          <p:spPr bwMode="gray">
            <a:xfrm>
              <a:off x="4525963" y="300196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therlands</a:t>
              </a:r>
            </a:p>
          </p:txBody>
        </p:sp>
        <p:sp>
          <p:nvSpPr>
            <p:cNvPr id="255" name="Rectangle 439"/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gray">
            <a:xfrm>
              <a:off x="4532313" y="3116263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lgium</a:t>
              </a:r>
            </a:p>
          </p:txBody>
        </p:sp>
        <p:sp>
          <p:nvSpPr>
            <p:cNvPr id="256" name="Rectangle 440"/>
            <p:cNvSpPr>
              <a:spLocks noChangeArrowheads="1"/>
            </p:cNvSpPr>
            <p:nvPr>
              <p:custDataLst>
                <p:tags r:id="rId38"/>
              </p:custDataLst>
            </p:nvPr>
          </p:nvSpPr>
          <p:spPr bwMode="gray">
            <a:xfrm>
              <a:off x="4762501" y="3130551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zech Rep.</a:t>
              </a:r>
            </a:p>
          </p:txBody>
        </p:sp>
        <p:sp>
          <p:nvSpPr>
            <p:cNvPr id="257" name="Rectangle 441"/>
            <p:cNvSpPr>
              <a:spLocks noChangeArrowheads="1"/>
            </p:cNvSpPr>
            <p:nvPr>
              <p:custDataLst>
                <p:tags r:id="rId39"/>
              </p:custDataLst>
            </p:nvPr>
          </p:nvSpPr>
          <p:spPr bwMode="gray">
            <a:xfrm>
              <a:off x="4875213" y="3451226"/>
              <a:ext cx="15745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lbania</a:t>
              </a:r>
            </a:p>
          </p:txBody>
        </p:sp>
        <p:sp>
          <p:nvSpPr>
            <p:cNvPr id="258" name="Rectangle 442"/>
            <p:cNvSpPr>
              <a:spLocks noChangeArrowheads="1"/>
            </p:cNvSpPr>
            <p:nvPr>
              <p:custDataLst>
                <p:tags r:id="rId40"/>
              </p:custDataLst>
            </p:nvPr>
          </p:nvSpPr>
          <p:spPr bwMode="gray">
            <a:xfrm>
              <a:off x="3842984" y="3335859"/>
              <a:ext cx="2620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osnia Herz.</a:t>
              </a:r>
            </a:p>
          </p:txBody>
        </p:sp>
        <p:sp>
          <p:nvSpPr>
            <p:cNvPr id="259" name="Rectangle 443"/>
            <p:cNvSpPr>
              <a:spLocks noChangeArrowheads="1"/>
            </p:cNvSpPr>
            <p:nvPr>
              <p:custDataLst>
                <p:tags r:id="rId41"/>
              </p:custDataLst>
            </p:nvPr>
          </p:nvSpPr>
          <p:spPr bwMode="gray">
            <a:xfrm>
              <a:off x="4864101" y="3402012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cedonia</a:t>
              </a:r>
            </a:p>
          </p:txBody>
        </p:sp>
        <p:sp>
          <p:nvSpPr>
            <p:cNvPr id="260" name="Rectangle 444"/>
            <p:cNvSpPr>
              <a:spLocks noChangeArrowheads="1"/>
            </p:cNvSpPr>
            <p:nvPr>
              <p:custDataLst>
                <p:tags r:id="rId42"/>
              </p:custDataLst>
            </p:nvPr>
          </p:nvSpPr>
          <p:spPr bwMode="gray">
            <a:xfrm>
              <a:off x="3750882" y="3218665"/>
              <a:ext cx="2821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echtenstein</a:t>
              </a:r>
            </a:p>
          </p:txBody>
        </p:sp>
        <p:sp>
          <p:nvSpPr>
            <p:cNvPr id="261" name="Rectangle 445"/>
            <p:cNvSpPr>
              <a:spLocks noChangeArrowheads="1"/>
            </p:cNvSpPr>
            <p:nvPr>
              <p:custDataLst>
                <p:tags r:id="rId43"/>
              </p:custDataLst>
            </p:nvPr>
          </p:nvSpPr>
          <p:spPr bwMode="gray">
            <a:xfrm>
              <a:off x="3987801" y="2563813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celand</a:t>
              </a:r>
            </a:p>
          </p:txBody>
        </p:sp>
        <p:grpSp>
          <p:nvGrpSpPr>
            <p:cNvPr id="262" name="Group 472"/>
            <p:cNvGrpSpPr/>
            <p:nvPr/>
          </p:nvGrpSpPr>
          <p:grpSpPr bwMode="gray">
            <a:xfrm>
              <a:off x="4120780" y="3251201"/>
              <a:ext cx="808408" cy="125413"/>
              <a:chOff x="4120780" y="3251201"/>
              <a:chExt cx="808408" cy="125413"/>
            </a:xfrm>
          </p:grpSpPr>
          <p:sp>
            <p:nvSpPr>
              <p:cNvPr id="413" name="Line 450"/>
              <p:cNvSpPr>
                <a:spLocks noChangeShapeType="1"/>
              </p:cNvSpPr>
              <p:nvPr>
                <p:custDataLst>
                  <p:tags r:id="rId194"/>
                </p:custDataLst>
              </p:nvPr>
            </p:nvSpPr>
            <p:spPr bwMode="gray">
              <a:xfrm flipH="1">
                <a:off x="4195763" y="3376614"/>
                <a:ext cx="733425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rgbClr val="006EB6"/>
                  </a:solidFill>
                </a:endParaRPr>
              </a:p>
            </p:txBody>
          </p:sp>
          <p:sp>
            <p:nvSpPr>
              <p:cNvPr id="414" name="Line 451"/>
              <p:cNvSpPr>
                <a:spLocks noChangeShapeType="1"/>
              </p:cNvSpPr>
              <p:nvPr>
                <p:custDataLst>
                  <p:tags r:id="rId195"/>
                </p:custDataLst>
              </p:nvPr>
            </p:nvSpPr>
            <p:spPr bwMode="gray">
              <a:xfrm flipH="1">
                <a:off x="4120780" y="3251201"/>
                <a:ext cx="636214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rgbClr val="006EB6"/>
                  </a:solidFill>
                </a:endParaRPr>
              </a:p>
            </p:txBody>
          </p:sp>
          <p:sp>
            <p:nvSpPr>
              <p:cNvPr id="415" name="Freeform 452"/>
              <p:cNvSpPr>
                <a:spLocks/>
              </p:cNvSpPr>
              <p:nvPr>
                <p:custDataLst>
                  <p:tags r:id="rId196"/>
                </p:custDataLst>
              </p:nvPr>
            </p:nvSpPr>
            <p:spPr bwMode="gray">
              <a:xfrm>
                <a:off x="4371976" y="3298826"/>
                <a:ext cx="488950" cy="22225"/>
              </a:xfrm>
              <a:custGeom>
                <a:avLst/>
                <a:gdLst/>
                <a:ahLst/>
                <a:cxnLst>
                  <a:cxn ang="0">
                    <a:pos x="308" y="0"/>
                  </a:cxn>
                  <a:cxn ang="0">
                    <a:pos x="240" y="0"/>
                  </a:cxn>
                  <a:cxn ang="0">
                    <a:pos x="218" y="14"/>
                  </a:cxn>
                  <a:cxn ang="0">
                    <a:pos x="0" y="14"/>
                  </a:cxn>
                </a:cxnLst>
                <a:rect l="0" t="0" r="r" b="b"/>
                <a:pathLst>
                  <a:path w="308" h="14">
                    <a:moveTo>
                      <a:pt x="308" y="0"/>
                    </a:moveTo>
                    <a:lnTo>
                      <a:pt x="240" y="0"/>
                    </a:lnTo>
                    <a:lnTo>
                      <a:pt x="218" y="14"/>
                    </a:lnTo>
                    <a:lnTo>
                      <a:pt x="0" y="14"/>
                    </a:lnTo>
                  </a:path>
                </a:pathLst>
              </a:custGeom>
              <a:noFill/>
              <a:ln w="6350" cap="flat" cmpd="sng">
                <a:solidFill>
                  <a:schemeClr val="bg2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rgbClr val="006EB6"/>
                  </a:solidFill>
                </a:endParaRPr>
              </a:p>
            </p:txBody>
          </p:sp>
        </p:grpSp>
        <p:sp>
          <p:nvSpPr>
            <p:cNvPr id="263" name="Rectangle 209"/>
            <p:cNvSpPr>
              <a:spLocks noChangeArrowheads="1"/>
            </p:cNvSpPr>
            <p:nvPr>
              <p:custDataLst>
                <p:tags r:id="rId44"/>
              </p:custDataLst>
            </p:nvPr>
          </p:nvSpPr>
          <p:spPr bwMode="gray">
            <a:xfrm>
              <a:off x="5373688" y="3621088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yria</a:t>
              </a:r>
            </a:p>
          </p:txBody>
        </p:sp>
        <p:sp>
          <p:nvSpPr>
            <p:cNvPr id="264" name="Rectangle 210"/>
            <p:cNvSpPr>
              <a:spLocks noChangeArrowheads="1"/>
            </p:cNvSpPr>
            <p:nvPr>
              <p:custDataLst>
                <p:tags r:id="rId45"/>
              </p:custDataLst>
            </p:nvPr>
          </p:nvSpPr>
          <p:spPr bwMode="gray">
            <a:xfrm>
              <a:off x="5629275" y="3810001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uwait</a:t>
              </a:r>
            </a:p>
          </p:txBody>
        </p:sp>
        <p:sp>
          <p:nvSpPr>
            <p:cNvPr id="265" name="Rectangle 211"/>
            <p:cNvSpPr>
              <a:spLocks noChangeArrowheads="1"/>
            </p:cNvSpPr>
            <p:nvPr>
              <p:custDataLst>
                <p:tags r:id="rId46"/>
              </p:custDataLst>
            </p:nvPr>
          </p:nvSpPr>
          <p:spPr bwMode="gray">
            <a:xfrm>
              <a:off x="5743575" y="393065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Qatar</a:t>
              </a:r>
            </a:p>
          </p:txBody>
        </p:sp>
        <p:sp>
          <p:nvSpPr>
            <p:cNvPr id="266" name="Rectangle 212"/>
            <p:cNvSpPr>
              <a:spLocks noChangeArrowheads="1"/>
            </p:cNvSpPr>
            <p:nvPr>
              <p:custDataLst>
                <p:tags r:id="rId47"/>
              </p:custDataLst>
            </p:nvPr>
          </p:nvSpPr>
          <p:spPr bwMode="gray">
            <a:xfrm>
              <a:off x="7942263" y="4291013"/>
              <a:ext cx="1272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am</a:t>
              </a:r>
            </a:p>
          </p:txBody>
        </p:sp>
        <p:sp>
          <p:nvSpPr>
            <p:cNvPr id="267" name="Rectangle 213"/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gray">
            <a:xfrm>
              <a:off x="7832724" y="44545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lau</a:t>
              </a:r>
            </a:p>
          </p:txBody>
        </p:sp>
        <p:sp>
          <p:nvSpPr>
            <p:cNvPr id="268" name="Rectangle 214"/>
            <p:cNvSpPr>
              <a:spLocks noChangeArrowheads="1"/>
            </p:cNvSpPr>
            <p:nvPr>
              <p:custDataLst>
                <p:tags r:id="rId49"/>
              </p:custDataLst>
            </p:nvPr>
          </p:nvSpPr>
          <p:spPr bwMode="gray">
            <a:xfrm>
              <a:off x="8181976" y="4378326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icronesia</a:t>
              </a:r>
            </a:p>
          </p:txBody>
        </p:sp>
        <p:sp>
          <p:nvSpPr>
            <p:cNvPr id="269" name="Rectangle 215"/>
            <p:cNvSpPr>
              <a:spLocks noChangeArrowheads="1"/>
            </p:cNvSpPr>
            <p:nvPr>
              <p:custDataLst>
                <p:tags r:id="rId50"/>
              </p:custDataLst>
            </p:nvPr>
          </p:nvSpPr>
          <p:spPr bwMode="gray">
            <a:xfrm>
              <a:off x="6951663" y="5048251"/>
              <a:ext cx="26579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ristmas Is.</a:t>
              </a:r>
            </a:p>
          </p:txBody>
        </p:sp>
        <p:sp>
          <p:nvSpPr>
            <p:cNvPr id="270" name="Rectangle 216"/>
            <p:cNvSpPr>
              <a:spLocks noChangeArrowheads="1"/>
            </p:cNvSpPr>
            <p:nvPr>
              <p:custDataLst>
                <p:tags r:id="rId51"/>
              </p:custDataLst>
            </p:nvPr>
          </p:nvSpPr>
          <p:spPr bwMode="gray">
            <a:xfrm>
              <a:off x="8447088" y="4151313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Wake I.</a:t>
              </a:r>
            </a:p>
          </p:txBody>
        </p:sp>
        <p:sp>
          <p:nvSpPr>
            <p:cNvPr id="271" name="Rectangle 217"/>
            <p:cNvSpPr>
              <a:spLocks noChangeArrowheads="1"/>
            </p:cNvSpPr>
            <p:nvPr>
              <p:custDataLst>
                <p:tags r:id="rId52"/>
              </p:custDataLst>
            </p:nvPr>
          </p:nvSpPr>
          <p:spPr bwMode="gray">
            <a:xfrm>
              <a:off x="8596313" y="4411663"/>
              <a:ext cx="2342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rshall Is.</a:t>
              </a:r>
            </a:p>
          </p:txBody>
        </p:sp>
        <p:sp>
          <p:nvSpPr>
            <p:cNvPr id="272" name="Rectangle 218"/>
            <p:cNvSpPr>
              <a:spLocks noChangeArrowheads="1"/>
            </p:cNvSpPr>
            <p:nvPr>
              <p:custDataLst>
                <p:tags r:id="rId53"/>
              </p:custDataLst>
            </p:nvPr>
          </p:nvSpPr>
          <p:spPr bwMode="gray">
            <a:xfrm>
              <a:off x="6186488" y="4559301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dives</a:t>
              </a:r>
            </a:p>
          </p:txBody>
        </p:sp>
        <p:sp>
          <p:nvSpPr>
            <p:cNvPr id="273" name="Rectangle 219"/>
            <p:cNvSpPr>
              <a:spLocks noChangeArrowheads="1"/>
            </p:cNvSpPr>
            <p:nvPr>
              <p:custDataLst>
                <p:tags r:id="rId54"/>
              </p:custDataLst>
            </p:nvPr>
          </p:nvSpPr>
          <p:spPr bwMode="gray">
            <a:xfrm>
              <a:off x="7048500" y="2576513"/>
              <a:ext cx="13352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Russia</a:t>
              </a:r>
            </a:p>
          </p:txBody>
        </p:sp>
        <p:sp>
          <p:nvSpPr>
            <p:cNvPr id="274" name="Rectangle 220"/>
            <p:cNvSpPr>
              <a:spLocks noChangeArrowheads="1"/>
            </p:cNvSpPr>
            <p:nvPr>
              <p:custDataLst>
                <p:tags r:id="rId55"/>
              </p:custDataLst>
            </p:nvPr>
          </p:nvSpPr>
          <p:spPr bwMode="gray">
            <a:xfrm>
              <a:off x="6789738" y="3613150"/>
              <a:ext cx="1196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ina</a:t>
              </a:r>
            </a:p>
          </p:txBody>
        </p:sp>
        <p:sp>
          <p:nvSpPr>
            <p:cNvPr id="275" name="Rectangle 221"/>
            <p:cNvSpPr>
              <a:spLocks noChangeArrowheads="1"/>
            </p:cNvSpPr>
            <p:nvPr>
              <p:custDataLst>
                <p:tags r:id="rId56"/>
              </p:custDataLst>
            </p:nvPr>
          </p:nvSpPr>
          <p:spPr bwMode="gray">
            <a:xfrm>
              <a:off x="7640638" y="5422901"/>
              <a:ext cx="18517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ustralia</a:t>
              </a:r>
            </a:p>
          </p:txBody>
        </p:sp>
        <p:sp>
          <p:nvSpPr>
            <p:cNvPr id="276" name="Rectangle 222"/>
            <p:cNvSpPr>
              <a:spLocks noChangeArrowheads="1"/>
            </p:cNvSpPr>
            <p:nvPr>
              <p:custDataLst>
                <p:tags r:id="rId57"/>
              </p:custDataLst>
            </p:nvPr>
          </p:nvSpPr>
          <p:spPr bwMode="gray">
            <a:xfrm>
              <a:off x="6364288" y="4014788"/>
              <a:ext cx="1020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ndia</a:t>
              </a:r>
            </a:p>
          </p:txBody>
        </p:sp>
        <p:sp>
          <p:nvSpPr>
            <p:cNvPr id="277" name="Rectangle 223"/>
            <p:cNvSpPr>
              <a:spLocks noChangeArrowheads="1"/>
            </p:cNvSpPr>
            <p:nvPr>
              <p:custDataLst>
                <p:tags r:id="rId58"/>
              </p:custDataLst>
            </p:nvPr>
          </p:nvSpPr>
          <p:spPr bwMode="gray">
            <a:xfrm>
              <a:off x="5770563" y="36893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ran</a:t>
              </a:r>
            </a:p>
          </p:txBody>
        </p:sp>
        <p:sp>
          <p:nvSpPr>
            <p:cNvPr id="278" name="Rectangle 224"/>
            <p:cNvSpPr>
              <a:spLocks noChangeArrowheads="1"/>
            </p:cNvSpPr>
            <p:nvPr>
              <p:custDataLst>
                <p:tags r:id="rId59"/>
              </p:custDataLst>
            </p:nvPr>
          </p:nvSpPr>
          <p:spPr bwMode="gray">
            <a:xfrm>
              <a:off x="6075363" y="3190875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azakhstan</a:t>
              </a:r>
            </a:p>
          </p:txBody>
        </p:sp>
        <p:sp>
          <p:nvSpPr>
            <p:cNvPr id="279" name="Rectangle 225"/>
            <p:cNvSpPr>
              <a:spLocks noChangeArrowheads="1"/>
            </p:cNvSpPr>
            <p:nvPr>
              <p:custDataLst>
                <p:tags r:id="rId60"/>
              </p:custDataLst>
            </p:nvPr>
          </p:nvSpPr>
          <p:spPr bwMode="gray">
            <a:xfrm>
              <a:off x="6883400" y="3243263"/>
              <a:ext cx="1952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ngolia</a:t>
              </a:r>
            </a:p>
          </p:txBody>
        </p:sp>
        <p:sp>
          <p:nvSpPr>
            <p:cNvPr id="280" name="Rectangle 226"/>
            <p:cNvSpPr>
              <a:spLocks noChangeArrowheads="1"/>
            </p:cNvSpPr>
            <p:nvPr>
              <p:custDataLst>
                <p:tags r:id="rId61"/>
              </p:custDataLst>
            </p:nvPr>
          </p:nvSpPr>
          <p:spPr bwMode="gray">
            <a:xfrm>
              <a:off x="5478463" y="3967163"/>
              <a:ext cx="2095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audi Arabia</a:t>
              </a:r>
            </a:p>
          </p:txBody>
        </p:sp>
        <p:sp>
          <p:nvSpPr>
            <p:cNvPr id="281" name="Rectangle 227"/>
            <p:cNvSpPr>
              <a:spLocks noChangeArrowheads="1"/>
            </p:cNvSpPr>
            <p:nvPr>
              <p:custDataLst>
                <p:tags r:id="rId62"/>
              </p:custDataLst>
            </p:nvPr>
          </p:nvSpPr>
          <p:spPr bwMode="gray">
            <a:xfrm>
              <a:off x="5229004" y="3511551"/>
              <a:ext cx="2192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urkey</a:t>
              </a:r>
            </a:p>
          </p:txBody>
        </p:sp>
        <p:sp>
          <p:nvSpPr>
            <p:cNvPr id="282" name="Rectangle 228"/>
            <p:cNvSpPr>
              <a:spLocks noChangeArrowheads="1"/>
            </p:cNvSpPr>
            <p:nvPr>
              <p:custDataLst>
                <p:tags r:id="rId63"/>
              </p:custDataLst>
            </p:nvPr>
          </p:nvSpPr>
          <p:spPr bwMode="gray">
            <a:xfrm>
              <a:off x="5537201" y="37274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raq</a:t>
              </a:r>
            </a:p>
          </p:txBody>
        </p:sp>
        <p:sp>
          <p:nvSpPr>
            <p:cNvPr id="283" name="Rectangle 229"/>
            <p:cNvSpPr>
              <a:spLocks noChangeArrowheads="1"/>
            </p:cNvSpPr>
            <p:nvPr>
              <p:custDataLst>
                <p:tags r:id="rId64"/>
              </p:custDataLst>
            </p:nvPr>
          </p:nvSpPr>
          <p:spPr bwMode="gray">
            <a:xfrm>
              <a:off x="6032500" y="3833813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kistan</a:t>
              </a:r>
            </a:p>
          </p:txBody>
        </p:sp>
        <p:sp>
          <p:nvSpPr>
            <p:cNvPr id="284" name="Rectangle 230"/>
            <p:cNvSpPr>
              <a:spLocks noChangeArrowheads="1"/>
            </p:cNvSpPr>
            <p:nvPr>
              <p:custDataLst>
                <p:tags r:id="rId65"/>
              </p:custDataLst>
            </p:nvPr>
          </p:nvSpPr>
          <p:spPr bwMode="gray">
            <a:xfrm>
              <a:off x="6723063" y="4037013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yanmar</a:t>
              </a:r>
            </a:p>
          </p:txBody>
        </p:sp>
        <p:sp>
          <p:nvSpPr>
            <p:cNvPr id="285" name="Rectangle 231"/>
            <p:cNvSpPr>
              <a:spLocks noChangeArrowheads="1"/>
            </p:cNvSpPr>
            <p:nvPr>
              <p:custDataLst>
                <p:tags r:id="rId66"/>
              </p:custDataLst>
            </p:nvPr>
          </p:nvSpPr>
          <p:spPr bwMode="gray">
            <a:xfrm>
              <a:off x="5962650" y="3665538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fghanistan</a:t>
              </a:r>
            </a:p>
          </p:txBody>
        </p:sp>
        <p:sp>
          <p:nvSpPr>
            <p:cNvPr id="286" name="Rectangle 232"/>
            <p:cNvSpPr>
              <a:spLocks noChangeArrowheads="1"/>
            </p:cNvSpPr>
            <p:nvPr>
              <p:custDataLst>
                <p:tags r:id="rId67"/>
              </p:custDataLst>
            </p:nvPr>
          </p:nvSpPr>
          <p:spPr bwMode="gray">
            <a:xfrm>
              <a:off x="5884863" y="3382963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zbekistan</a:t>
              </a:r>
            </a:p>
          </p:txBody>
        </p:sp>
        <p:sp>
          <p:nvSpPr>
            <p:cNvPr id="287" name="Rectangle 233"/>
            <p:cNvSpPr>
              <a:spLocks noChangeArrowheads="1"/>
            </p:cNvSpPr>
            <p:nvPr>
              <p:custDataLst>
                <p:tags r:id="rId68"/>
              </p:custDataLst>
            </p:nvPr>
          </p:nvSpPr>
          <p:spPr bwMode="gray">
            <a:xfrm>
              <a:off x="5810249" y="3521076"/>
              <a:ext cx="28846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urkmenistan</a:t>
              </a:r>
            </a:p>
          </p:txBody>
        </p:sp>
        <p:sp>
          <p:nvSpPr>
            <p:cNvPr id="288" name="Rectangle 234"/>
            <p:cNvSpPr>
              <a:spLocks noChangeArrowheads="1"/>
            </p:cNvSpPr>
            <p:nvPr>
              <p:custDataLst>
                <p:tags r:id="rId69"/>
              </p:custDataLst>
            </p:nvPr>
          </p:nvSpPr>
          <p:spPr bwMode="gray">
            <a:xfrm>
              <a:off x="6858000" y="421957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hailand</a:t>
              </a:r>
            </a:p>
          </p:txBody>
        </p:sp>
        <p:sp>
          <p:nvSpPr>
            <p:cNvPr id="289" name="Rectangle 235"/>
            <p:cNvSpPr>
              <a:spLocks noChangeArrowheads="1"/>
            </p:cNvSpPr>
            <p:nvPr>
              <p:custDataLst>
                <p:tags r:id="rId70"/>
              </p:custDataLst>
            </p:nvPr>
          </p:nvSpPr>
          <p:spPr bwMode="gray">
            <a:xfrm>
              <a:off x="5557838" y="4214813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Yemen</a:t>
              </a:r>
            </a:p>
          </p:txBody>
        </p:sp>
        <p:sp>
          <p:nvSpPr>
            <p:cNvPr id="290" name="Rectangle 236"/>
            <p:cNvSpPr>
              <a:spLocks noChangeArrowheads="1"/>
            </p:cNvSpPr>
            <p:nvPr>
              <p:custDataLst>
                <p:tags r:id="rId71"/>
              </p:custDataLst>
            </p:nvPr>
          </p:nvSpPr>
          <p:spPr bwMode="gray">
            <a:xfrm>
              <a:off x="7894638" y="356870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Japan</a:t>
              </a:r>
            </a:p>
          </p:txBody>
        </p:sp>
        <p:sp>
          <p:nvSpPr>
            <p:cNvPr id="291" name="Rectangle 237"/>
            <p:cNvSpPr>
              <a:spLocks noChangeArrowheads="1"/>
            </p:cNvSpPr>
            <p:nvPr>
              <p:custDataLst>
                <p:tags r:id="rId72"/>
              </p:custDataLst>
            </p:nvPr>
          </p:nvSpPr>
          <p:spPr bwMode="gray">
            <a:xfrm>
              <a:off x="5792789" y="4108451"/>
              <a:ext cx="1297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Oman</a:t>
              </a:r>
            </a:p>
          </p:txBody>
        </p:sp>
        <p:sp>
          <p:nvSpPr>
            <p:cNvPr id="292" name="Rectangle 238"/>
            <p:cNvSpPr>
              <a:spLocks noChangeArrowheads="1"/>
            </p:cNvSpPr>
            <p:nvPr>
              <p:custDataLst>
                <p:tags r:id="rId73"/>
              </p:custDataLst>
            </p:nvPr>
          </p:nvSpPr>
          <p:spPr bwMode="gray">
            <a:xfrm>
              <a:off x="6910389" y="4100513"/>
              <a:ext cx="9825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aos</a:t>
              </a:r>
            </a:p>
          </p:txBody>
        </p:sp>
        <p:sp>
          <p:nvSpPr>
            <p:cNvPr id="293" name="Rectangle 239"/>
            <p:cNvSpPr>
              <a:spLocks noChangeArrowheads="1"/>
            </p:cNvSpPr>
            <p:nvPr>
              <p:custDataLst>
                <p:tags r:id="rId74"/>
              </p:custDataLst>
            </p:nvPr>
          </p:nvSpPr>
          <p:spPr bwMode="gray">
            <a:xfrm>
              <a:off x="7085013" y="430053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Vietnam</a:t>
              </a:r>
            </a:p>
          </p:txBody>
        </p:sp>
        <p:sp>
          <p:nvSpPr>
            <p:cNvPr id="294" name="Rectangle 240"/>
            <p:cNvSpPr>
              <a:spLocks noChangeArrowheads="1"/>
            </p:cNvSpPr>
            <p:nvPr>
              <p:custDataLst>
                <p:tags r:id="rId75"/>
              </p:custDataLst>
            </p:nvPr>
          </p:nvSpPr>
          <p:spPr bwMode="gray">
            <a:xfrm>
              <a:off x="6465888" y="3849687"/>
              <a:ext cx="123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pal</a:t>
              </a:r>
            </a:p>
          </p:txBody>
        </p:sp>
        <p:sp>
          <p:nvSpPr>
            <p:cNvPr id="295" name="Rectangle 241"/>
            <p:cNvSpPr>
              <a:spLocks noChangeArrowheads="1"/>
            </p:cNvSpPr>
            <p:nvPr>
              <p:custDataLst>
                <p:tags r:id="rId76"/>
              </p:custDataLst>
            </p:nvPr>
          </p:nvSpPr>
          <p:spPr bwMode="gray">
            <a:xfrm>
              <a:off x="6226176" y="3413126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yrgyzstan</a:t>
              </a:r>
            </a:p>
          </p:txBody>
        </p:sp>
        <p:sp>
          <p:nvSpPr>
            <p:cNvPr id="296" name="Rectangle 242"/>
            <p:cNvSpPr>
              <a:spLocks noChangeArrowheads="1"/>
            </p:cNvSpPr>
            <p:nvPr>
              <p:custDataLst>
                <p:tags r:id="rId77"/>
              </p:custDataLst>
            </p:nvPr>
          </p:nvSpPr>
          <p:spPr bwMode="gray">
            <a:xfrm>
              <a:off x="5630864" y="3578226"/>
              <a:ext cx="22296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zerbaijan</a:t>
              </a:r>
            </a:p>
          </p:txBody>
        </p:sp>
        <p:sp>
          <p:nvSpPr>
            <p:cNvPr id="297" name="Rectangle 243"/>
            <p:cNvSpPr>
              <a:spLocks noChangeArrowheads="1"/>
            </p:cNvSpPr>
            <p:nvPr>
              <p:custDataLst>
                <p:tags r:id="rId78"/>
              </p:custDataLst>
            </p:nvPr>
          </p:nvSpPr>
          <p:spPr bwMode="gray">
            <a:xfrm>
              <a:off x="6190761" y="3512334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ajikistan</a:t>
              </a:r>
            </a:p>
          </p:txBody>
        </p:sp>
        <p:sp>
          <p:nvSpPr>
            <p:cNvPr id="298" name="Rectangle 244"/>
            <p:cNvSpPr>
              <a:spLocks noChangeArrowheads="1"/>
            </p:cNvSpPr>
            <p:nvPr>
              <p:custDataLst>
                <p:tags r:id="rId79"/>
              </p:custDataLst>
            </p:nvPr>
          </p:nvSpPr>
          <p:spPr bwMode="gray">
            <a:xfrm>
              <a:off x="8359775" y="5888038"/>
              <a:ext cx="2746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w Zealand</a:t>
              </a:r>
            </a:p>
          </p:txBody>
        </p:sp>
        <p:sp>
          <p:nvSpPr>
            <p:cNvPr id="299" name="Rectangle 245"/>
            <p:cNvSpPr>
              <a:spLocks noChangeArrowheads="1"/>
            </p:cNvSpPr>
            <p:nvPr>
              <p:custDataLst>
                <p:tags r:id="rId80"/>
              </p:custDataLst>
            </p:nvPr>
          </p:nvSpPr>
          <p:spPr bwMode="gray">
            <a:xfrm>
              <a:off x="7910513" y="4806952"/>
              <a:ext cx="4587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pua New Guinea</a:t>
              </a:r>
            </a:p>
          </p:txBody>
        </p:sp>
        <p:sp>
          <p:nvSpPr>
            <p:cNvPr id="300" name="Rectangle 246"/>
            <p:cNvSpPr>
              <a:spLocks noChangeArrowheads="1"/>
            </p:cNvSpPr>
            <p:nvPr>
              <p:custDataLst>
                <p:tags r:id="rId81"/>
              </p:custDataLst>
            </p:nvPr>
          </p:nvSpPr>
          <p:spPr bwMode="gray">
            <a:xfrm>
              <a:off x="5345112" y="3763963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Jordan</a:t>
              </a:r>
            </a:p>
          </p:txBody>
        </p:sp>
        <p:sp>
          <p:nvSpPr>
            <p:cNvPr id="301" name="Rectangle 247"/>
            <p:cNvSpPr>
              <a:spLocks noChangeArrowheads="1"/>
            </p:cNvSpPr>
            <p:nvPr>
              <p:custDataLst>
                <p:tags r:id="rId82"/>
              </p:custDataLst>
            </p:nvPr>
          </p:nvSpPr>
          <p:spPr bwMode="gray">
            <a:xfrm>
              <a:off x="7427913" y="346551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orth Korea</a:t>
              </a:r>
            </a:p>
          </p:txBody>
        </p:sp>
        <p:sp>
          <p:nvSpPr>
            <p:cNvPr id="302" name="Rectangle 248"/>
            <p:cNvSpPr>
              <a:spLocks noChangeArrowheads="1"/>
            </p:cNvSpPr>
            <p:nvPr>
              <p:custDataLst>
                <p:tags r:id="rId83"/>
              </p:custDataLst>
            </p:nvPr>
          </p:nvSpPr>
          <p:spPr bwMode="gray">
            <a:xfrm>
              <a:off x="7477126" y="48196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ndonesia</a:t>
              </a:r>
            </a:p>
          </p:txBody>
        </p:sp>
        <p:sp>
          <p:nvSpPr>
            <p:cNvPr id="303" name="Rectangle 249"/>
            <p:cNvSpPr>
              <a:spLocks noChangeArrowheads="1"/>
            </p:cNvSpPr>
            <p:nvPr>
              <p:custDataLst>
                <p:tags r:id="rId84"/>
              </p:custDataLst>
            </p:nvPr>
          </p:nvSpPr>
          <p:spPr bwMode="gray">
            <a:xfrm>
              <a:off x="6958013" y="4551363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aysia</a:t>
              </a:r>
            </a:p>
          </p:txBody>
        </p:sp>
        <p:sp>
          <p:nvSpPr>
            <p:cNvPr id="304" name="Rectangle 250"/>
            <p:cNvSpPr>
              <a:spLocks noChangeArrowheads="1"/>
            </p:cNvSpPr>
            <p:nvPr>
              <p:custDataLst>
                <p:tags r:id="rId85"/>
              </p:custDataLst>
            </p:nvPr>
          </p:nvSpPr>
          <p:spPr bwMode="gray">
            <a:xfrm>
              <a:off x="6502400" y="3963988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angladesh</a:t>
              </a:r>
            </a:p>
          </p:txBody>
        </p:sp>
        <p:sp>
          <p:nvSpPr>
            <p:cNvPr id="305" name="Rectangle 251"/>
            <p:cNvSpPr>
              <a:spLocks noChangeArrowheads="1"/>
            </p:cNvSpPr>
            <p:nvPr>
              <p:custDataLst>
                <p:tags r:id="rId86"/>
              </p:custDataLst>
            </p:nvPr>
          </p:nvSpPr>
          <p:spPr bwMode="gray">
            <a:xfrm>
              <a:off x="7413625" y="3581401"/>
              <a:ext cx="25823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uth Korea</a:t>
              </a:r>
            </a:p>
          </p:txBody>
        </p:sp>
        <p:sp>
          <p:nvSpPr>
            <p:cNvPr id="306" name="Rectangle 252"/>
            <p:cNvSpPr>
              <a:spLocks noChangeArrowheads="1"/>
            </p:cNvSpPr>
            <p:nvPr>
              <p:custDataLst>
                <p:tags r:id="rId87"/>
              </p:custDataLst>
            </p:nvPr>
          </p:nvSpPr>
          <p:spPr bwMode="gray">
            <a:xfrm>
              <a:off x="6596063" y="38052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hutan</a:t>
              </a:r>
            </a:p>
          </p:txBody>
        </p:sp>
        <p:sp>
          <p:nvSpPr>
            <p:cNvPr id="307" name="Rectangle 253"/>
            <p:cNvSpPr>
              <a:spLocks noChangeArrowheads="1"/>
            </p:cNvSpPr>
            <p:nvPr>
              <p:custDataLst>
                <p:tags r:id="rId88"/>
              </p:custDataLst>
            </p:nvPr>
          </p:nvSpPr>
          <p:spPr bwMode="gray">
            <a:xfrm>
              <a:off x="6362700" y="4470401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ri Lanka</a:t>
              </a:r>
            </a:p>
          </p:txBody>
        </p:sp>
        <p:sp>
          <p:nvSpPr>
            <p:cNvPr id="308" name="Rectangle 254"/>
            <p:cNvSpPr>
              <a:spLocks noChangeArrowheads="1"/>
            </p:cNvSpPr>
            <p:nvPr>
              <p:custDataLst>
                <p:tags r:id="rId89"/>
              </p:custDataLst>
            </p:nvPr>
          </p:nvSpPr>
          <p:spPr bwMode="gray">
            <a:xfrm>
              <a:off x="7443788" y="4025901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aiwan</a:t>
              </a:r>
            </a:p>
          </p:txBody>
        </p:sp>
        <p:sp>
          <p:nvSpPr>
            <p:cNvPr id="309" name="Rectangle 255"/>
            <p:cNvSpPr>
              <a:spLocks noChangeArrowheads="1"/>
            </p:cNvSpPr>
            <p:nvPr>
              <p:custDataLst>
                <p:tags r:id="rId90"/>
              </p:custDataLst>
            </p:nvPr>
          </p:nvSpPr>
          <p:spPr bwMode="gray">
            <a:xfrm>
              <a:off x="8342313" y="5322888"/>
              <a:ext cx="31365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w Caledonia</a:t>
              </a:r>
            </a:p>
          </p:txBody>
        </p:sp>
        <p:sp>
          <p:nvSpPr>
            <p:cNvPr id="310" name="Rectangle 256"/>
            <p:cNvSpPr>
              <a:spLocks noChangeArrowheads="1"/>
            </p:cNvSpPr>
            <p:nvPr>
              <p:custDataLst>
                <p:tags r:id="rId91"/>
              </p:custDataLst>
            </p:nvPr>
          </p:nvSpPr>
          <p:spPr bwMode="gray">
            <a:xfrm>
              <a:off x="7510463" y="4284663"/>
              <a:ext cx="22548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hilippines</a:t>
              </a:r>
            </a:p>
          </p:txBody>
        </p:sp>
        <p:sp>
          <p:nvSpPr>
            <p:cNvPr id="311" name="Rectangle 257"/>
            <p:cNvSpPr>
              <a:spLocks noChangeArrowheads="1"/>
            </p:cNvSpPr>
            <p:nvPr>
              <p:custDataLst>
                <p:tags r:id="rId92"/>
              </p:custDataLst>
            </p:nvPr>
          </p:nvSpPr>
          <p:spPr bwMode="gray">
            <a:xfrm>
              <a:off x="8401050" y="4926013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lomon Is.</a:t>
              </a:r>
            </a:p>
          </p:txBody>
        </p:sp>
        <p:sp>
          <p:nvSpPr>
            <p:cNvPr id="312" name="Rectangle 258"/>
            <p:cNvSpPr>
              <a:spLocks noChangeArrowheads="1"/>
            </p:cNvSpPr>
            <p:nvPr>
              <p:custDataLst>
                <p:tags r:id="rId93"/>
              </p:custDataLst>
            </p:nvPr>
          </p:nvSpPr>
          <p:spPr bwMode="gray">
            <a:xfrm>
              <a:off x="8545513" y="5084763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Vanuatu</a:t>
              </a:r>
            </a:p>
          </p:txBody>
        </p:sp>
        <p:sp>
          <p:nvSpPr>
            <p:cNvPr id="313" name="Rectangle 259"/>
            <p:cNvSpPr>
              <a:spLocks noChangeArrowheads="1"/>
            </p:cNvSpPr>
            <p:nvPr>
              <p:custDataLst>
                <p:tags r:id="rId94"/>
              </p:custDataLst>
            </p:nvPr>
          </p:nvSpPr>
          <p:spPr bwMode="gray">
            <a:xfrm>
              <a:off x="5177832" y="3727833"/>
              <a:ext cx="110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srael</a:t>
              </a:r>
            </a:p>
          </p:txBody>
        </p:sp>
        <p:sp>
          <p:nvSpPr>
            <p:cNvPr id="314" name="Rectangle 260"/>
            <p:cNvSpPr>
              <a:spLocks noChangeArrowheads="1"/>
            </p:cNvSpPr>
            <p:nvPr>
              <p:custDataLst>
                <p:tags r:id="rId95"/>
              </p:custDataLst>
            </p:nvPr>
          </p:nvSpPr>
          <p:spPr bwMode="gray">
            <a:xfrm>
              <a:off x="5746750" y="3992563"/>
              <a:ext cx="1347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.A.E.</a:t>
              </a:r>
            </a:p>
          </p:txBody>
        </p:sp>
        <p:sp>
          <p:nvSpPr>
            <p:cNvPr id="315" name="Rectangle 261"/>
            <p:cNvSpPr>
              <a:spLocks noChangeArrowheads="1"/>
            </p:cNvSpPr>
            <p:nvPr>
              <p:custDataLst>
                <p:tags r:id="rId96"/>
              </p:custDataLst>
            </p:nvPr>
          </p:nvSpPr>
          <p:spPr bwMode="gray">
            <a:xfrm>
              <a:off x="5680076" y="3883026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ahrain</a:t>
              </a:r>
            </a:p>
          </p:txBody>
        </p:sp>
        <p:sp>
          <p:nvSpPr>
            <p:cNvPr id="316" name="Rectangle 262"/>
            <p:cNvSpPr>
              <a:spLocks noChangeArrowheads="1"/>
            </p:cNvSpPr>
            <p:nvPr>
              <p:custDataLst>
                <p:tags r:id="rId97"/>
              </p:custDataLst>
            </p:nvPr>
          </p:nvSpPr>
          <p:spPr bwMode="gray">
            <a:xfrm>
              <a:off x="5335588" y="3675062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ebanon</a:t>
              </a:r>
            </a:p>
          </p:txBody>
        </p:sp>
        <p:sp>
          <p:nvSpPr>
            <p:cNvPr id="317" name="Rectangle 263"/>
            <p:cNvSpPr>
              <a:spLocks noChangeArrowheads="1"/>
            </p:cNvSpPr>
            <p:nvPr>
              <p:custDataLst>
                <p:tags r:id="rId98"/>
              </p:custDataLst>
            </p:nvPr>
          </p:nvSpPr>
          <p:spPr bwMode="gray">
            <a:xfrm>
              <a:off x="5453063" y="3397251"/>
              <a:ext cx="16501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eorgia</a:t>
              </a:r>
            </a:p>
          </p:txBody>
        </p:sp>
        <p:sp>
          <p:nvSpPr>
            <p:cNvPr id="318" name="Rectangle 264"/>
            <p:cNvSpPr>
              <a:spLocks noChangeArrowheads="1"/>
            </p:cNvSpPr>
            <p:nvPr>
              <p:custDataLst>
                <p:tags r:id="rId99"/>
              </p:custDataLst>
            </p:nvPr>
          </p:nvSpPr>
          <p:spPr bwMode="gray">
            <a:xfrm>
              <a:off x="5440363" y="346868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rmenia</a:t>
              </a:r>
            </a:p>
          </p:txBody>
        </p:sp>
        <p:sp>
          <p:nvSpPr>
            <p:cNvPr id="319" name="Rectangle 281"/>
            <p:cNvSpPr>
              <a:spLocks noChangeArrowheads="1"/>
            </p:cNvSpPr>
            <p:nvPr>
              <p:custDataLst>
                <p:tags r:id="rId100"/>
              </p:custDataLst>
            </p:nvPr>
          </p:nvSpPr>
          <p:spPr bwMode="gray">
            <a:xfrm>
              <a:off x="7234238" y="4457701"/>
              <a:ext cx="1714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ast Timor</a:t>
              </a:r>
            </a:p>
          </p:txBody>
        </p:sp>
        <p:sp>
          <p:nvSpPr>
            <p:cNvPr id="320" name="Rectangle 282"/>
            <p:cNvSpPr>
              <a:spLocks noChangeArrowheads="1"/>
            </p:cNvSpPr>
            <p:nvPr>
              <p:custDataLst>
                <p:tags r:id="rId101"/>
              </p:custDataLst>
            </p:nvPr>
          </p:nvSpPr>
          <p:spPr bwMode="gray">
            <a:xfrm>
              <a:off x="6838950" y="4314826"/>
              <a:ext cx="21288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mbodia</a:t>
              </a:r>
            </a:p>
          </p:txBody>
        </p:sp>
        <p:sp>
          <p:nvSpPr>
            <p:cNvPr id="321" name="Rectangle 284"/>
            <p:cNvSpPr>
              <a:spLocks noChangeArrowheads="1"/>
            </p:cNvSpPr>
            <p:nvPr>
              <p:custDataLst>
                <p:tags r:id="rId102"/>
              </p:custDataLst>
            </p:nvPr>
          </p:nvSpPr>
          <p:spPr bwMode="gray">
            <a:xfrm>
              <a:off x="4491038" y="4375151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nin</a:t>
              </a:r>
            </a:p>
          </p:txBody>
        </p:sp>
        <p:sp>
          <p:nvSpPr>
            <p:cNvPr id="322" name="Rectangle 285"/>
            <p:cNvSpPr>
              <a:spLocks noChangeArrowheads="1"/>
            </p:cNvSpPr>
            <p:nvPr>
              <p:custDataLst>
                <p:tags r:id="rId103"/>
              </p:custDataLst>
            </p:nvPr>
          </p:nvSpPr>
          <p:spPr bwMode="gray">
            <a:xfrm>
              <a:off x="4821238" y="4649789"/>
              <a:ext cx="13604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ngo</a:t>
              </a:r>
            </a:p>
          </p:txBody>
        </p:sp>
        <p:sp>
          <p:nvSpPr>
            <p:cNvPr id="323" name="Rectangle 286"/>
            <p:cNvSpPr>
              <a:spLocks noChangeArrowheads="1"/>
            </p:cNvSpPr>
            <p:nvPr>
              <p:custDataLst>
                <p:tags r:id="rId104"/>
              </p:custDataLst>
            </p:nvPr>
          </p:nvSpPr>
          <p:spPr bwMode="gray">
            <a:xfrm>
              <a:off x="4146972" y="4568769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beria</a:t>
              </a:r>
            </a:p>
          </p:txBody>
        </p:sp>
        <p:sp>
          <p:nvSpPr>
            <p:cNvPr id="324" name="Rectangle 287"/>
            <p:cNvSpPr>
              <a:spLocks noChangeArrowheads="1"/>
            </p:cNvSpPr>
            <p:nvPr>
              <p:custDataLst>
                <p:tags r:id="rId105"/>
              </p:custDataLst>
            </p:nvPr>
          </p:nvSpPr>
          <p:spPr bwMode="gray">
            <a:xfrm>
              <a:off x="3884614" y="3784601"/>
              <a:ext cx="2040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nary Is.</a:t>
              </a:r>
            </a:p>
          </p:txBody>
        </p:sp>
        <p:sp>
          <p:nvSpPr>
            <p:cNvPr id="325" name="Rectangle 288"/>
            <p:cNvSpPr>
              <a:spLocks noChangeArrowheads="1"/>
            </p:cNvSpPr>
            <p:nvPr>
              <p:custDataLst>
                <p:tags r:id="rId106"/>
              </p:custDataLst>
            </p:nvPr>
          </p:nvSpPr>
          <p:spPr bwMode="gray">
            <a:xfrm>
              <a:off x="4699000" y="4708526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abon</a:t>
              </a:r>
            </a:p>
          </p:txBody>
        </p:sp>
        <p:sp>
          <p:nvSpPr>
            <p:cNvPr id="326" name="Rectangle 289"/>
            <p:cNvSpPr>
              <a:spLocks noChangeArrowheads="1"/>
            </p:cNvSpPr>
            <p:nvPr>
              <p:custDataLst>
                <p:tags r:id="rId107"/>
              </p:custDataLst>
            </p:nvPr>
          </p:nvSpPr>
          <p:spPr bwMode="gray">
            <a:xfrm>
              <a:off x="4452938" y="4537076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ogo</a:t>
              </a:r>
            </a:p>
          </p:txBody>
        </p:sp>
        <p:sp>
          <p:nvSpPr>
            <p:cNvPr id="327" name="Rectangle 290"/>
            <p:cNvSpPr>
              <a:spLocks noChangeArrowheads="1"/>
            </p:cNvSpPr>
            <p:nvPr>
              <p:custDataLst>
                <p:tags r:id="rId108"/>
              </p:custDataLst>
            </p:nvPr>
          </p:nvSpPr>
          <p:spPr bwMode="gray">
            <a:xfrm>
              <a:off x="5114926" y="46958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Rwanda</a:t>
              </a:r>
            </a:p>
          </p:txBody>
        </p:sp>
        <p:sp>
          <p:nvSpPr>
            <p:cNvPr id="328" name="Rectangle 291"/>
            <p:cNvSpPr>
              <a:spLocks noChangeArrowheads="1"/>
            </p:cNvSpPr>
            <p:nvPr>
              <p:custDataLst>
                <p:tags r:id="rId109"/>
              </p:custDataLst>
            </p:nvPr>
          </p:nvSpPr>
          <p:spPr bwMode="gray">
            <a:xfrm>
              <a:off x="3622676" y="4211639"/>
              <a:ext cx="2405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pe Verde</a:t>
              </a:r>
            </a:p>
          </p:txBody>
        </p:sp>
        <p:sp>
          <p:nvSpPr>
            <p:cNvPr id="329" name="Rectangle 292"/>
            <p:cNvSpPr>
              <a:spLocks noChangeArrowheads="1"/>
            </p:cNvSpPr>
            <p:nvPr>
              <p:custDataLst>
                <p:tags r:id="rId110"/>
              </p:custDataLst>
            </p:nvPr>
          </p:nvSpPr>
          <p:spPr bwMode="gray">
            <a:xfrm>
              <a:off x="5719763" y="4767263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eychelles</a:t>
              </a:r>
            </a:p>
          </p:txBody>
        </p:sp>
        <p:sp>
          <p:nvSpPr>
            <p:cNvPr id="330" name="Rectangle 293"/>
            <p:cNvSpPr>
              <a:spLocks noChangeArrowheads="1"/>
            </p:cNvSpPr>
            <p:nvPr>
              <p:custDataLst>
                <p:tags r:id="rId111"/>
              </p:custDataLst>
            </p:nvPr>
          </p:nvSpPr>
          <p:spPr bwMode="gray">
            <a:xfrm>
              <a:off x="4487863" y="3868739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lgeria</a:t>
              </a:r>
            </a:p>
          </p:txBody>
        </p:sp>
        <p:sp>
          <p:nvSpPr>
            <p:cNvPr id="331" name="Rectangle 294"/>
            <p:cNvSpPr>
              <a:spLocks noChangeArrowheads="1"/>
            </p:cNvSpPr>
            <p:nvPr>
              <p:custDataLst>
                <p:tags r:id="rId112"/>
              </p:custDataLst>
            </p:nvPr>
          </p:nvSpPr>
          <p:spPr bwMode="gray">
            <a:xfrm>
              <a:off x="5105400" y="4229101"/>
              <a:ext cx="230188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rgbClr val="006EB6"/>
                  </a:solidFill>
                </a:rPr>
                <a:t>North Sudan</a:t>
              </a:r>
            </a:p>
          </p:txBody>
        </p:sp>
        <p:sp>
          <p:nvSpPr>
            <p:cNvPr id="332" name="Rectangle 295"/>
            <p:cNvSpPr>
              <a:spLocks noChangeArrowheads="1"/>
            </p:cNvSpPr>
            <p:nvPr>
              <p:custDataLst>
                <p:tags r:id="rId113"/>
              </p:custDataLst>
            </p:nvPr>
          </p:nvSpPr>
          <p:spPr bwMode="gray">
            <a:xfrm>
              <a:off x="4875213" y="3875088"/>
              <a:ext cx="11337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bya</a:t>
              </a:r>
            </a:p>
          </p:txBody>
        </p:sp>
        <p:sp>
          <p:nvSpPr>
            <p:cNvPr id="333" name="Rectangle 296"/>
            <p:cNvSpPr>
              <a:spLocks noChangeArrowheads="1"/>
            </p:cNvSpPr>
            <p:nvPr>
              <p:custDataLst>
                <p:tags r:id="rId114"/>
              </p:custDataLst>
            </p:nvPr>
          </p:nvSpPr>
          <p:spPr bwMode="gray">
            <a:xfrm>
              <a:off x="4430712" y="4140201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i</a:t>
              </a:r>
            </a:p>
          </p:txBody>
        </p:sp>
        <p:sp>
          <p:nvSpPr>
            <p:cNvPr id="334" name="Rectangle 297"/>
            <p:cNvSpPr>
              <a:spLocks noChangeArrowheads="1"/>
            </p:cNvSpPr>
            <p:nvPr>
              <p:custDataLst>
                <p:tags r:id="rId115"/>
              </p:custDataLst>
            </p:nvPr>
          </p:nvSpPr>
          <p:spPr bwMode="gray">
            <a:xfrm>
              <a:off x="4895851" y="4240214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ad</a:t>
              </a:r>
            </a:p>
          </p:txBody>
        </p:sp>
        <p:sp>
          <p:nvSpPr>
            <p:cNvPr id="335" name="Rectangle 298"/>
            <p:cNvSpPr>
              <a:spLocks noChangeArrowheads="1"/>
            </p:cNvSpPr>
            <p:nvPr>
              <p:custDataLst>
                <p:tags r:id="rId116"/>
              </p:custDataLst>
            </p:nvPr>
          </p:nvSpPr>
          <p:spPr bwMode="gray">
            <a:xfrm>
              <a:off x="4681538" y="4171951"/>
              <a:ext cx="1146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iger</a:t>
              </a:r>
            </a:p>
          </p:txBody>
        </p:sp>
        <p:sp>
          <p:nvSpPr>
            <p:cNvPr id="336" name="Rectangle 299"/>
            <p:cNvSpPr>
              <a:spLocks noChangeArrowheads="1"/>
            </p:cNvSpPr>
            <p:nvPr>
              <p:custDataLst>
                <p:tags r:id="rId117"/>
              </p:custDataLst>
            </p:nvPr>
          </p:nvSpPr>
          <p:spPr bwMode="gray">
            <a:xfrm>
              <a:off x="5153025" y="3925888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gypt</a:t>
              </a:r>
            </a:p>
          </p:txBody>
        </p:sp>
        <p:sp>
          <p:nvSpPr>
            <p:cNvPr id="337" name="Rectangle 300"/>
            <p:cNvSpPr>
              <a:spLocks noChangeArrowheads="1"/>
            </p:cNvSpPr>
            <p:nvPr>
              <p:custDataLst>
                <p:tags r:id="rId118"/>
              </p:custDataLst>
            </p:nvPr>
          </p:nvSpPr>
          <p:spPr bwMode="gray">
            <a:xfrm>
              <a:off x="4851400" y="5048251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ngola</a:t>
              </a:r>
            </a:p>
          </p:txBody>
        </p:sp>
        <p:sp>
          <p:nvSpPr>
            <p:cNvPr id="338" name="Rectangle 301"/>
            <p:cNvSpPr>
              <a:spLocks noChangeArrowheads="1"/>
            </p:cNvSpPr>
            <p:nvPr>
              <p:custDataLst>
                <p:tags r:id="rId119"/>
              </p:custDataLst>
            </p:nvPr>
          </p:nvSpPr>
          <p:spPr bwMode="gray">
            <a:xfrm>
              <a:off x="4921251" y="4779964"/>
              <a:ext cx="26987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em. Rep. Congo</a:t>
              </a:r>
            </a:p>
          </p:txBody>
        </p:sp>
        <p:sp>
          <p:nvSpPr>
            <p:cNvPr id="339" name="Rectangle 302"/>
            <p:cNvSpPr>
              <a:spLocks noChangeArrowheads="1"/>
            </p:cNvSpPr>
            <p:nvPr>
              <p:custDataLst>
                <p:tags r:id="rId120"/>
              </p:custDataLst>
            </p:nvPr>
          </p:nvSpPr>
          <p:spPr bwMode="gray">
            <a:xfrm>
              <a:off x="5338763" y="44180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thiopia</a:t>
              </a:r>
            </a:p>
          </p:txBody>
        </p:sp>
        <p:sp>
          <p:nvSpPr>
            <p:cNvPr id="340" name="Rectangle 303"/>
            <p:cNvSpPr>
              <a:spLocks noChangeArrowheads="1"/>
            </p:cNvSpPr>
            <p:nvPr>
              <p:custDataLst>
                <p:tags r:id="rId121"/>
              </p:custDataLst>
            </p:nvPr>
          </p:nvSpPr>
          <p:spPr bwMode="gray">
            <a:xfrm>
              <a:off x="4965700" y="5553076"/>
              <a:ext cx="20002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uth Africa</a:t>
              </a:r>
            </a:p>
          </p:txBody>
        </p:sp>
        <p:sp>
          <p:nvSpPr>
            <p:cNvPr id="341" name="Rectangle 304"/>
            <p:cNvSpPr>
              <a:spLocks noChangeArrowheads="1"/>
            </p:cNvSpPr>
            <p:nvPr>
              <p:custDataLst>
                <p:tags r:id="rId122"/>
              </p:custDataLst>
            </p:nvPr>
          </p:nvSpPr>
          <p:spPr bwMode="gray">
            <a:xfrm>
              <a:off x="4643438" y="4418014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igeria</a:t>
              </a:r>
            </a:p>
          </p:txBody>
        </p:sp>
        <p:sp>
          <p:nvSpPr>
            <p:cNvPr id="342" name="Rectangle 305"/>
            <p:cNvSpPr>
              <a:spLocks noChangeArrowheads="1"/>
            </p:cNvSpPr>
            <p:nvPr>
              <p:custDataLst>
                <p:tags r:id="rId123"/>
              </p:custDataLst>
            </p:nvPr>
          </p:nvSpPr>
          <p:spPr bwMode="gray">
            <a:xfrm>
              <a:off x="4821238" y="5259389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amibia</a:t>
              </a:r>
            </a:p>
          </p:txBody>
        </p:sp>
        <p:sp>
          <p:nvSpPr>
            <p:cNvPr id="343" name="Rectangle 306"/>
            <p:cNvSpPr>
              <a:spLocks noChangeArrowheads="1"/>
            </p:cNvSpPr>
            <p:nvPr>
              <p:custDataLst>
                <p:tags r:id="rId124"/>
              </p:custDataLst>
            </p:nvPr>
          </p:nvSpPr>
          <p:spPr bwMode="gray">
            <a:xfrm>
              <a:off x="4127500" y="4137027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uritania</a:t>
              </a:r>
            </a:p>
          </p:txBody>
        </p:sp>
        <p:sp>
          <p:nvSpPr>
            <p:cNvPr id="344" name="Rectangle 307"/>
            <p:cNvSpPr>
              <a:spLocks noChangeArrowheads="1"/>
            </p:cNvSpPr>
            <p:nvPr>
              <p:custDataLst>
                <p:tags r:id="rId125"/>
              </p:custDataLst>
            </p:nvPr>
          </p:nvSpPr>
          <p:spPr bwMode="gray">
            <a:xfrm>
              <a:off x="5067300" y="5100639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Zambia</a:t>
              </a:r>
            </a:p>
          </p:txBody>
        </p:sp>
        <p:sp>
          <p:nvSpPr>
            <p:cNvPr id="345" name="Rectangle 308"/>
            <p:cNvSpPr>
              <a:spLocks noChangeArrowheads="1"/>
            </p:cNvSpPr>
            <p:nvPr>
              <p:custDataLst>
                <p:tags r:id="rId126"/>
              </p:custDataLst>
            </p:nvPr>
          </p:nvSpPr>
          <p:spPr bwMode="gray">
            <a:xfrm>
              <a:off x="5245100" y="4876801"/>
              <a:ext cx="1902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anzania</a:t>
              </a:r>
            </a:p>
          </p:txBody>
        </p:sp>
        <p:sp>
          <p:nvSpPr>
            <p:cNvPr id="346" name="Rectangle 309"/>
            <p:cNvSpPr>
              <a:spLocks noChangeArrowheads="1"/>
            </p:cNvSpPr>
            <p:nvPr>
              <p:custDataLst>
                <p:tags r:id="rId127"/>
              </p:custDataLst>
            </p:nvPr>
          </p:nvSpPr>
          <p:spPr bwMode="gray">
            <a:xfrm>
              <a:off x="5349875" y="4657725"/>
              <a:ext cx="13100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enya</a:t>
              </a:r>
            </a:p>
          </p:txBody>
        </p:sp>
        <p:sp>
          <p:nvSpPr>
            <p:cNvPr id="347" name="Rectangle 310"/>
            <p:cNvSpPr>
              <a:spLocks noChangeArrowheads="1"/>
            </p:cNvSpPr>
            <p:nvPr>
              <p:custDataLst>
                <p:tags r:id="rId128"/>
              </p:custDataLst>
            </p:nvPr>
          </p:nvSpPr>
          <p:spPr bwMode="gray">
            <a:xfrm>
              <a:off x="5575300" y="44037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malia</a:t>
              </a:r>
            </a:p>
          </p:txBody>
        </p:sp>
        <p:sp>
          <p:nvSpPr>
            <p:cNvPr id="348" name="Rectangle 311"/>
            <p:cNvSpPr>
              <a:spLocks noChangeArrowheads="1"/>
            </p:cNvSpPr>
            <p:nvPr>
              <p:custDataLst>
                <p:tags r:id="rId129"/>
              </p:custDataLst>
            </p:nvPr>
          </p:nvSpPr>
          <p:spPr bwMode="gray">
            <a:xfrm>
              <a:off x="5016500" y="5327650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otswana</a:t>
              </a:r>
            </a:p>
          </p:txBody>
        </p:sp>
        <p:sp>
          <p:nvSpPr>
            <p:cNvPr id="349" name="Rectangle 312"/>
            <p:cNvSpPr>
              <a:spLocks noChangeArrowheads="1"/>
            </p:cNvSpPr>
            <p:nvPr>
              <p:custDataLst>
                <p:tags r:id="rId130"/>
              </p:custDataLst>
            </p:nvPr>
          </p:nvSpPr>
          <p:spPr bwMode="gray">
            <a:xfrm>
              <a:off x="5262563" y="5154614"/>
              <a:ext cx="2936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zambique</a:t>
              </a:r>
            </a:p>
          </p:txBody>
        </p:sp>
        <p:sp>
          <p:nvSpPr>
            <p:cNvPr id="350" name="Rectangle 313"/>
            <p:cNvSpPr>
              <a:spLocks noChangeArrowheads="1"/>
            </p:cNvSpPr>
            <p:nvPr>
              <p:custDataLst>
                <p:tags r:id="rId131"/>
              </p:custDataLst>
            </p:nvPr>
          </p:nvSpPr>
          <p:spPr bwMode="gray">
            <a:xfrm>
              <a:off x="4251325" y="3711576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rocco</a:t>
              </a:r>
            </a:p>
          </p:txBody>
        </p:sp>
        <p:sp>
          <p:nvSpPr>
            <p:cNvPr id="351" name="Rectangle 314"/>
            <p:cNvSpPr>
              <a:spLocks noChangeArrowheads="1"/>
            </p:cNvSpPr>
            <p:nvPr>
              <p:custDataLst>
                <p:tags r:id="rId132"/>
              </p:custDataLst>
            </p:nvPr>
          </p:nvSpPr>
          <p:spPr bwMode="gray">
            <a:xfrm>
              <a:off x="5705475" y="5233989"/>
              <a:ext cx="2544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dagascar</a:t>
              </a:r>
            </a:p>
          </p:txBody>
        </p:sp>
        <p:sp>
          <p:nvSpPr>
            <p:cNvPr id="352" name="Rectangle 315"/>
            <p:cNvSpPr>
              <a:spLocks noChangeArrowheads="1"/>
            </p:cNvSpPr>
            <p:nvPr>
              <p:custDataLst>
                <p:tags r:id="rId133"/>
              </p:custDataLst>
            </p:nvPr>
          </p:nvSpPr>
          <p:spPr bwMode="gray">
            <a:xfrm>
              <a:off x="4640263" y="4551364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meroon</a:t>
              </a:r>
            </a:p>
          </p:txBody>
        </p:sp>
        <p:sp>
          <p:nvSpPr>
            <p:cNvPr id="353" name="Rectangle 316"/>
            <p:cNvSpPr>
              <a:spLocks noChangeArrowheads="1"/>
            </p:cNvSpPr>
            <p:nvPr>
              <p:custDataLst>
                <p:tags r:id="rId134"/>
              </p:custDataLst>
            </p:nvPr>
          </p:nvSpPr>
          <p:spPr bwMode="gray">
            <a:xfrm>
              <a:off x="5078414" y="5235576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Zimbabwe</a:t>
              </a:r>
            </a:p>
          </p:txBody>
        </p:sp>
        <p:sp>
          <p:nvSpPr>
            <p:cNvPr id="354" name="Rectangle 317"/>
            <p:cNvSpPr>
              <a:spLocks noChangeArrowheads="1"/>
            </p:cNvSpPr>
            <p:nvPr>
              <p:custDataLst>
                <p:tags r:id="rId135"/>
              </p:custDataLst>
            </p:nvPr>
          </p:nvSpPr>
          <p:spPr bwMode="gray">
            <a:xfrm>
              <a:off x="4397374" y="4421188"/>
              <a:ext cx="13730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hana</a:t>
              </a:r>
            </a:p>
          </p:txBody>
        </p:sp>
        <p:sp>
          <p:nvSpPr>
            <p:cNvPr id="355" name="Rectangle 318"/>
            <p:cNvSpPr>
              <a:spLocks noChangeArrowheads="1"/>
            </p:cNvSpPr>
            <p:nvPr>
              <p:custDataLst>
                <p:tags r:id="rId136"/>
              </p:custDataLst>
            </p:nvPr>
          </p:nvSpPr>
          <p:spPr bwMode="gray">
            <a:xfrm>
              <a:off x="4151313" y="4365626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inea</a:t>
              </a:r>
            </a:p>
          </p:txBody>
        </p:sp>
        <p:sp>
          <p:nvSpPr>
            <p:cNvPr id="356" name="Rectangle 319"/>
            <p:cNvSpPr>
              <a:spLocks noChangeArrowheads="1"/>
            </p:cNvSpPr>
            <p:nvPr>
              <p:custDataLst>
                <p:tags r:id="rId137"/>
              </p:custDataLst>
            </p:nvPr>
          </p:nvSpPr>
          <p:spPr bwMode="gray">
            <a:xfrm>
              <a:off x="4656138" y="3683001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unisia</a:t>
              </a:r>
            </a:p>
          </p:txBody>
        </p:sp>
        <p:sp>
          <p:nvSpPr>
            <p:cNvPr id="357" name="Rectangle 320"/>
            <p:cNvSpPr>
              <a:spLocks noChangeArrowheads="1"/>
            </p:cNvSpPr>
            <p:nvPr>
              <p:custDataLst>
                <p:tags r:id="rId138"/>
              </p:custDataLst>
            </p:nvPr>
          </p:nvSpPr>
          <p:spPr bwMode="gray">
            <a:xfrm>
              <a:off x="5206999" y="4603751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ganda</a:t>
              </a:r>
            </a:p>
          </p:txBody>
        </p:sp>
        <p:sp>
          <p:nvSpPr>
            <p:cNvPr id="358" name="Rectangle 321"/>
            <p:cNvSpPr>
              <a:spLocks noChangeArrowheads="1"/>
            </p:cNvSpPr>
            <p:nvPr>
              <p:custDataLst>
                <p:tags r:id="rId139"/>
              </p:custDataLst>
            </p:nvPr>
          </p:nvSpPr>
          <p:spPr bwMode="gray">
            <a:xfrm>
              <a:off x="4133527" y="4499162"/>
              <a:ext cx="3812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te d'Ivoire</a:t>
              </a:r>
            </a:p>
          </p:txBody>
        </p:sp>
        <p:sp>
          <p:nvSpPr>
            <p:cNvPr id="359" name="Rectangle 322"/>
            <p:cNvSpPr>
              <a:spLocks noChangeArrowheads="1"/>
            </p:cNvSpPr>
            <p:nvPr>
              <p:custDataLst>
                <p:tags r:id="rId140"/>
              </p:custDataLst>
            </p:nvPr>
          </p:nvSpPr>
          <p:spPr bwMode="gray">
            <a:xfrm>
              <a:off x="4084638" y="4240214"/>
              <a:ext cx="16753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enegal</a:t>
              </a:r>
            </a:p>
          </p:txBody>
        </p:sp>
        <p:sp>
          <p:nvSpPr>
            <p:cNvPr id="360" name="Rectangle 323"/>
            <p:cNvSpPr>
              <a:spLocks noChangeArrowheads="1"/>
            </p:cNvSpPr>
            <p:nvPr>
              <p:custDataLst>
                <p:tags r:id="rId141"/>
              </p:custDataLst>
            </p:nvPr>
          </p:nvSpPr>
          <p:spPr bwMode="gray">
            <a:xfrm>
              <a:off x="4319588" y="4306889"/>
              <a:ext cx="2670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urkina Faso</a:t>
              </a:r>
            </a:p>
          </p:txBody>
        </p:sp>
        <p:sp>
          <p:nvSpPr>
            <p:cNvPr id="361" name="Rectangle 324"/>
            <p:cNvSpPr>
              <a:spLocks noChangeArrowheads="1"/>
            </p:cNvSpPr>
            <p:nvPr>
              <p:custDataLst>
                <p:tags r:id="rId142"/>
              </p:custDataLst>
            </p:nvPr>
          </p:nvSpPr>
          <p:spPr bwMode="gray">
            <a:xfrm>
              <a:off x="3903663" y="3959226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Western Sahara</a:t>
              </a:r>
            </a:p>
          </p:txBody>
        </p:sp>
        <p:sp>
          <p:nvSpPr>
            <p:cNvPr id="362" name="Rectangle 325"/>
            <p:cNvSpPr>
              <a:spLocks noChangeArrowheads="1"/>
            </p:cNvSpPr>
            <p:nvPr>
              <p:custDataLst>
                <p:tags r:id="rId143"/>
              </p:custDataLst>
            </p:nvPr>
          </p:nvSpPr>
          <p:spPr bwMode="gray">
            <a:xfrm>
              <a:off x="5343524" y="4210050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ritrea</a:t>
              </a:r>
            </a:p>
          </p:txBody>
        </p:sp>
        <p:sp>
          <p:nvSpPr>
            <p:cNvPr id="363" name="Rectangle 326"/>
            <p:cNvSpPr>
              <a:spLocks noChangeArrowheads="1"/>
            </p:cNvSpPr>
            <p:nvPr>
              <p:custDataLst>
                <p:tags r:id="rId144"/>
              </p:custDataLst>
            </p:nvPr>
          </p:nvSpPr>
          <p:spPr bwMode="gray">
            <a:xfrm>
              <a:off x="5284788" y="5024439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awi</a:t>
              </a:r>
            </a:p>
          </p:txBody>
        </p:sp>
        <p:sp>
          <p:nvSpPr>
            <p:cNvPr id="364" name="Rectangle 327"/>
            <p:cNvSpPr>
              <a:spLocks noChangeArrowheads="1"/>
            </p:cNvSpPr>
            <p:nvPr>
              <p:custDataLst>
                <p:tags r:id="rId145"/>
              </p:custDataLst>
            </p:nvPr>
          </p:nvSpPr>
          <p:spPr bwMode="gray">
            <a:xfrm>
              <a:off x="5299075" y="5476875"/>
              <a:ext cx="2116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waziland</a:t>
              </a:r>
            </a:p>
          </p:txBody>
        </p:sp>
        <p:sp>
          <p:nvSpPr>
            <p:cNvPr id="365" name="Rectangle 328"/>
            <p:cNvSpPr>
              <a:spLocks noChangeArrowheads="1"/>
            </p:cNvSpPr>
            <p:nvPr>
              <p:custDataLst>
                <p:tags r:id="rId146"/>
              </p:custDataLst>
            </p:nvPr>
          </p:nvSpPr>
          <p:spPr bwMode="gray">
            <a:xfrm>
              <a:off x="5222874" y="5562601"/>
              <a:ext cx="21280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esotho</a:t>
              </a:r>
            </a:p>
          </p:txBody>
        </p:sp>
        <p:sp>
          <p:nvSpPr>
            <p:cNvPr id="366" name="Rectangle 329"/>
            <p:cNvSpPr>
              <a:spLocks noChangeArrowheads="1"/>
            </p:cNvSpPr>
            <p:nvPr>
              <p:custDataLst>
                <p:tags r:id="rId147"/>
              </p:custDataLst>
            </p:nvPr>
          </p:nvSpPr>
          <p:spPr bwMode="gray">
            <a:xfrm>
              <a:off x="4849813" y="4497390"/>
              <a:ext cx="323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en. Afr. Rep.</a:t>
              </a:r>
            </a:p>
          </p:txBody>
        </p:sp>
        <p:sp>
          <p:nvSpPr>
            <p:cNvPr id="367" name="Rectangle 330"/>
            <p:cNvSpPr>
              <a:spLocks noChangeArrowheads="1"/>
            </p:cNvSpPr>
            <p:nvPr>
              <p:custDataLst>
                <p:tags r:id="rId148"/>
              </p:custDataLst>
            </p:nvPr>
          </p:nvSpPr>
          <p:spPr bwMode="gray">
            <a:xfrm>
              <a:off x="3808918" y="4443414"/>
              <a:ext cx="4392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ierra Leone</a:t>
              </a:r>
            </a:p>
          </p:txBody>
        </p:sp>
        <p:sp>
          <p:nvSpPr>
            <p:cNvPr id="368" name="Rectangle 331"/>
            <p:cNvSpPr>
              <a:spLocks noChangeArrowheads="1"/>
            </p:cNvSpPr>
            <p:nvPr>
              <p:custDataLst>
                <p:tags r:id="rId149"/>
              </p:custDataLst>
            </p:nvPr>
          </p:nvSpPr>
          <p:spPr bwMode="gray">
            <a:xfrm>
              <a:off x="3733359" y="4361647"/>
              <a:ext cx="29854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inea-Bissau</a:t>
              </a:r>
            </a:p>
          </p:txBody>
        </p:sp>
        <p:sp>
          <p:nvSpPr>
            <p:cNvPr id="369" name="Rectangle 332"/>
            <p:cNvSpPr>
              <a:spLocks noChangeArrowheads="1"/>
            </p:cNvSpPr>
            <p:nvPr>
              <p:custDataLst>
                <p:tags r:id="rId150"/>
              </p:custDataLst>
            </p:nvPr>
          </p:nvSpPr>
          <p:spPr bwMode="gray">
            <a:xfrm>
              <a:off x="3825876" y="4289426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he Gambia</a:t>
              </a:r>
            </a:p>
          </p:txBody>
        </p:sp>
        <p:sp>
          <p:nvSpPr>
            <p:cNvPr id="370" name="Rectangle 333"/>
            <p:cNvSpPr>
              <a:spLocks noChangeArrowheads="1"/>
            </p:cNvSpPr>
            <p:nvPr>
              <p:custDataLst>
                <p:tags r:id="rId151"/>
              </p:custDataLst>
            </p:nvPr>
          </p:nvSpPr>
          <p:spPr bwMode="gray">
            <a:xfrm>
              <a:off x="4445000" y="4637089"/>
              <a:ext cx="3270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quat. Guinea</a:t>
              </a:r>
            </a:p>
          </p:txBody>
        </p:sp>
        <p:sp>
          <p:nvSpPr>
            <p:cNvPr id="371" name="Rectangle 334"/>
            <p:cNvSpPr>
              <a:spLocks noChangeArrowheads="1"/>
            </p:cNvSpPr>
            <p:nvPr>
              <p:custDataLst>
                <p:tags r:id="rId152"/>
              </p:custDataLst>
            </p:nvPr>
          </p:nvSpPr>
          <p:spPr bwMode="gray">
            <a:xfrm>
              <a:off x="5240338" y="4781550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urundi</a:t>
              </a:r>
            </a:p>
          </p:txBody>
        </p:sp>
        <p:sp>
          <p:nvSpPr>
            <p:cNvPr id="372" name="Rectangle 335"/>
            <p:cNvSpPr>
              <a:spLocks noChangeArrowheads="1"/>
            </p:cNvSpPr>
            <p:nvPr>
              <p:custDataLst>
                <p:tags r:id="rId153"/>
              </p:custDataLst>
            </p:nvPr>
          </p:nvSpPr>
          <p:spPr bwMode="gray">
            <a:xfrm>
              <a:off x="5365750" y="4338639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jibouti</a:t>
              </a:r>
            </a:p>
          </p:txBody>
        </p:sp>
        <p:sp>
          <p:nvSpPr>
            <p:cNvPr id="373" name="Rectangle 339"/>
            <p:cNvSpPr>
              <a:spLocks noChangeArrowheads="1"/>
            </p:cNvSpPr>
            <p:nvPr>
              <p:custDataLst>
                <p:tags r:id="rId154"/>
              </p:custDataLst>
            </p:nvPr>
          </p:nvSpPr>
          <p:spPr bwMode="gray">
            <a:xfrm>
              <a:off x="5522913" y="4914901"/>
              <a:ext cx="18769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moros</a:t>
              </a:r>
            </a:p>
          </p:txBody>
        </p:sp>
        <p:sp>
          <p:nvSpPr>
            <p:cNvPr id="374" name="Rectangle 341"/>
            <p:cNvSpPr>
              <a:spLocks noChangeArrowheads="1"/>
            </p:cNvSpPr>
            <p:nvPr>
              <p:custDataLst>
                <p:tags r:id="rId155"/>
              </p:custDataLst>
            </p:nvPr>
          </p:nvSpPr>
          <p:spPr bwMode="gray">
            <a:xfrm>
              <a:off x="2962275" y="6237290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alkland Is.</a:t>
              </a:r>
            </a:p>
          </p:txBody>
        </p:sp>
        <p:sp>
          <p:nvSpPr>
            <p:cNvPr id="375" name="Rectangle 342"/>
            <p:cNvSpPr>
              <a:spLocks noChangeArrowheads="1"/>
            </p:cNvSpPr>
            <p:nvPr>
              <p:custDataLst>
                <p:tags r:id="rId156"/>
              </p:custDataLst>
            </p:nvPr>
          </p:nvSpPr>
          <p:spPr bwMode="gray">
            <a:xfrm>
              <a:off x="3124199" y="45148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uriname</a:t>
              </a:r>
            </a:p>
          </p:txBody>
        </p:sp>
        <p:sp>
          <p:nvSpPr>
            <p:cNvPr id="376" name="Rectangle 343"/>
            <p:cNvSpPr>
              <a:spLocks noChangeArrowheads="1"/>
            </p:cNvSpPr>
            <p:nvPr>
              <p:custDataLst>
                <p:tags r:id="rId157"/>
              </p:custDataLst>
            </p:nvPr>
          </p:nvSpPr>
          <p:spPr bwMode="gray">
            <a:xfrm>
              <a:off x="3255963" y="50006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razil</a:t>
              </a:r>
            </a:p>
          </p:txBody>
        </p:sp>
        <p:sp>
          <p:nvSpPr>
            <p:cNvPr id="377" name="Rectangle 344"/>
            <p:cNvSpPr>
              <a:spLocks noChangeArrowheads="1"/>
            </p:cNvSpPr>
            <p:nvPr>
              <p:custDataLst>
                <p:tags r:id="rId158"/>
              </p:custDataLst>
            </p:nvPr>
          </p:nvSpPr>
          <p:spPr bwMode="gray">
            <a:xfrm>
              <a:off x="2847974" y="5768976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rgentina</a:t>
              </a:r>
            </a:p>
          </p:txBody>
        </p:sp>
        <p:sp>
          <p:nvSpPr>
            <p:cNvPr id="378" name="Rectangle 345"/>
            <p:cNvSpPr>
              <a:spLocks noChangeArrowheads="1"/>
            </p:cNvSpPr>
            <p:nvPr>
              <p:custDataLst>
                <p:tags r:id="rId159"/>
              </p:custDataLst>
            </p:nvPr>
          </p:nvSpPr>
          <p:spPr bwMode="gray">
            <a:xfrm>
              <a:off x="2606675" y="4876801"/>
              <a:ext cx="969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eru</a:t>
              </a:r>
            </a:p>
          </p:txBody>
        </p:sp>
        <p:sp>
          <p:nvSpPr>
            <p:cNvPr id="379" name="Rectangle 346"/>
            <p:cNvSpPr>
              <a:spLocks noChangeArrowheads="1"/>
            </p:cNvSpPr>
            <p:nvPr>
              <p:custDataLst>
                <p:tags r:id="rId160"/>
              </p:custDataLst>
            </p:nvPr>
          </p:nvSpPr>
          <p:spPr bwMode="gray">
            <a:xfrm>
              <a:off x="2708275" y="5689601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ile</a:t>
              </a:r>
            </a:p>
          </p:txBody>
        </p:sp>
        <p:sp>
          <p:nvSpPr>
            <p:cNvPr id="380" name="Rectangle 347"/>
            <p:cNvSpPr>
              <a:spLocks noChangeArrowheads="1"/>
            </p:cNvSpPr>
            <p:nvPr>
              <p:custDataLst>
                <p:tags r:id="rId161"/>
              </p:custDataLst>
            </p:nvPr>
          </p:nvSpPr>
          <p:spPr bwMode="gray">
            <a:xfrm>
              <a:off x="2873376" y="5173664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olivia</a:t>
              </a:r>
            </a:p>
          </p:txBody>
        </p:sp>
        <p:sp>
          <p:nvSpPr>
            <p:cNvPr id="381" name="Rectangle 348"/>
            <p:cNvSpPr>
              <a:spLocks noChangeArrowheads="1"/>
            </p:cNvSpPr>
            <p:nvPr>
              <p:custDataLst>
                <p:tags r:id="rId162"/>
              </p:custDataLst>
            </p:nvPr>
          </p:nvSpPr>
          <p:spPr bwMode="gray">
            <a:xfrm>
              <a:off x="2647950" y="4572001"/>
              <a:ext cx="1990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lombia</a:t>
              </a:r>
            </a:p>
          </p:txBody>
        </p:sp>
        <p:sp>
          <p:nvSpPr>
            <p:cNvPr id="382" name="Rectangle 349"/>
            <p:cNvSpPr>
              <a:spLocks noChangeArrowheads="1"/>
            </p:cNvSpPr>
            <p:nvPr>
              <p:custDataLst>
                <p:tags r:id="rId163"/>
              </p:custDataLst>
            </p:nvPr>
          </p:nvSpPr>
          <p:spPr bwMode="gray">
            <a:xfrm>
              <a:off x="2778125" y="4435476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Venezuela</a:t>
              </a:r>
            </a:p>
          </p:txBody>
        </p:sp>
        <p:sp>
          <p:nvSpPr>
            <p:cNvPr id="383" name="Rectangle 350"/>
            <p:cNvSpPr>
              <a:spLocks noChangeArrowheads="1"/>
            </p:cNvSpPr>
            <p:nvPr>
              <p:custDataLst>
                <p:tags r:id="rId164"/>
              </p:custDataLst>
            </p:nvPr>
          </p:nvSpPr>
          <p:spPr bwMode="gray">
            <a:xfrm>
              <a:off x="2982913" y="5349876"/>
              <a:ext cx="19776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raguay</a:t>
              </a:r>
            </a:p>
          </p:txBody>
        </p:sp>
        <p:sp>
          <p:nvSpPr>
            <p:cNvPr id="384" name="Rectangle 351"/>
            <p:cNvSpPr>
              <a:spLocks noChangeArrowheads="1"/>
            </p:cNvSpPr>
            <p:nvPr>
              <p:custDataLst>
                <p:tags r:id="rId165"/>
              </p:custDataLst>
            </p:nvPr>
          </p:nvSpPr>
          <p:spPr bwMode="gray">
            <a:xfrm>
              <a:off x="3087687" y="5672139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ruguay</a:t>
              </a:r>
            </a:p>
          </p:txBody>
        </p:sp>
        <p:sp>
          <p:nvSpPr>
            <p:cNvPr id="385" name="Rectangle 352"/>
            <p:cNvSpPr>
              <a:spLocks noChangeArrowheads="1"/>
            </p:cNvSpPr>
            <p:nvPr>
              <p:custDataLst>
                <p:tags r:id="rId166"/>
              </p:custDataLst>
            </p:nvPr>
          </p:nvSpPr>
          <p:spPr bwMode="gray">
            <a:xfrm>
              <a:off x="2482850" y="4713289"/>
              <a:ext cx="1713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cuador</a:t>
              </a:r>
            </a:p>
          </p:txBody>
        </p:sp>
        <p:sp>
          <p:nvSpPr>
            <p:cNvPr id="386" name="Rectangle 353"/>
            <p:cNvSpPr>
              <a:spLocks noChangeArrowheads="1"/>
            </p:cNvSpPr>
            <p:nvPr>
              <p:custDataLst>
                <p:tags r:id="rId167"/>
              </p:custDataLst>
            </p:nvPr>
          </p:nvSpPr>
          <p:spPr bwMode="gray">
            <a:xfrm>
              <a:off x="3049588" y="4443414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yana</a:t>
              </a:r>
            </a:p>
          </p:txBody>
        </p:sp>
        <p:sp>
          <p:nvSpPr>
            <p:cNvPr id="387" name="Rectangle 354"/>
            <p:cNvSpPr>
              <a:spLocks noChangeArrowheads="1"/>
            </p:cNvSpPr>
            <p:nvPr>
              <p:custDataLst>
                <p:tags r:id="rId168"/>
              </p:custDataLst>
            </p:nvPr>
          </p:nvSpPr>
          <p:spPr bwMode="gray">
            <a:xfrm>
              <a:off x="3214688" y="4557714"/>
              <a:ext cx="3010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rench Guiana</a:t>
              </a:r>
            </a:p>
          </p:txBody>
        </p:sp>
        <p:sp>
          <p:nvSpPr>
            <p:cNvPr id="388" name="Rectangle 355"/>
            <p:cNvSpPr>
              <a:spLocks noChangeArrowheads="1"/>
            </p:cNvSpPr>
            <p:nvPr>
              <p:custDataLst>
                <p:tags r:id="rId169"/>
              </p:custDataLst>
            </p:nvPr>
          </p:nvSpPr>
          <p:spPr bwMode="gray">
            <a:xfrm>
              <a:off x="2933700" y="4314826"/>
              <a:ext cx="3841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rinidad &amp; Tobago</a:t>
              </a:r>
            </a:p>
          </p:txBody>
        </p:sp>
        <p:sp>
          <p:nvSpPr>
            <p:cNvPr id="389" name="Rectangle 356"/>
            <p:cNvSpPr>
              <a:spLocks noChangeArrowheads="1"/>
            </p:cNvSpPr>
            <p:nvPr>
              <p:custDataLst>
                <p:tags r:id="rId170"/>
              </p:custDataLst>
            </p:nvPr>
          </p:nvSpPr>
          <p:spPr bwMode="gray">
            <a:xfrm>
              <a:off x="274638" y="4848226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amoa</a:t>
              </a:r>
            </a:p>
          </p:txBody>
        </p:sp>
        <p:sp>
          <p:nvSpPr>
            <p:cNvPr id="390" name="Rectangle 357"/>
            <p:cNvSpPr>
              <a:spLocks noChangeArrowheads="1"/>
            </p:cNvSpPr>
            <p:nvPr>
              <p:custDataLst>
                <p:tags r:id="rId171"/>
              </p:custDataLst>
            </p:nvPr>
          </p:nvSpPr>
          <p:spPr bwMode="gray">
            <a:xfrm>
              <a:off x="768350" y="4926014"/>
              <a:ext cx="351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rench Polynesia</a:t>
              </a:r>
            </a:p>
          </p:txBody>
        </p:sp>
        <p:sp>
          <p:nvSpPr>
            <p:cNvPr id="391" name="Rectangle 358"/>
            <p:cNvSpPr>
              <a:spLocks noChangeArrowheads="1"/>
            </p:cNvSpPr>
            <p:nvPr>
              <p:custDataLst>
                <p:tags r:id="rId172"/>
              </p:custDataLst>
            </p:nvPr>
          </p:nvSpPr>
          <p:spPr bwMode="gray">
            <a:xfrm>
              <a:off x="623888" y="5126039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ok Is.</a:t>
              </a:r>
            </a:p>
          </p:txBody>
        </p:sp>
        <p:sp>
          <p:nvSpPr>
            <p:cNvPr id="392" name="Rectangle 374"/>
            <p:cNvSpPr>
              <a:spLocks noChangeArrowheads="1"/>
            </p:cNvSpPr>
            <p:nvPr>
              <p:custDataLst>
                <p:tags r:id="rId173"/>
              </p:custDataLst>
            </p:nvPr>
          </p:nvSpPr>
          <p:spPr bwMode="gray">
            <a:xfrm>
              <a:off x="1968500" y="4699001"/>
              <a:ext cx="2771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alapagos Is.</a:t>
              </a:r>
            </a:p>
          </p:txBody>
        </p:sp>
        <p:sp>
          <p:nvSpPr>
            <p:cNvPr id="393" name="Rectangle 377"/>
            <p:cNvSpPr>
              <a:spLocks noChangeArrowheads="1"/>
            </p:cNvSpPr>
            <p:nvPr>
              <p:custDataLst>
                <p:tags r:id="rId174"/>
              </p:custDataLst>
            </p:nvPr>
          </p:nvSpPr>
          <p:spPr bwMode="gray">
            <a:xfrm>
              <a:off x="2425701" y="4217988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onduras</a:t>
              </a:r>
            </a:p>
          </p:txBody>
        </p:sp>
        <p:sp>
          <p:nvSpPr>
            <p:cNvPr id="394" name="Rectangle 384"/>
            <p:cNvSpPr>
              <a:spLocks noChangeArrowheads="1"/>
            </p:cNvSpPr>
            <p:nvPr>
              <p:custDataLst>
                <p:tags r:id="rId175"/>
              </p:custDataLst>
            </p:nvPr>
          </p:nvSpPr>
          <p:spPr bwMode="gray">
            <a:xfrm>
              <a:off x="2474913" y="4310063"/>
              <a:ext cx="2141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icaragua</a:t>
              </a:r>
            </a:p>
          </p:txBody>
        </p:sp>
        <p:sp>
          <p:nvSpPr>
            <p:cNvPr id="395" name="Rectangle 385"/>
            <p:cNvSpPr>
              <a:spLocks noChangeArrowheads="1"/>
            </p:cNvSpPr>
            <p:nvPr>
              <p:custDataLst>
                <p:tags r:id="rId176"/>
              </p:custDataLst>
            </p:nvPr>
          </p:nvSpPr>
          <p:spPr bwMode="gray">
            <a:xfrm>
              <a:off x="2747963" y="3925888"/>
              <a:ext cx="2834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he Bahamas</a:t>
              </a:r>
            </a:p>
          </p:txBody>
        </p:sp>
        <p:sp>
          <p:nvSpPr>
            <p:cNvPr id="396" name="Rectangle 386"/>
            <p:cNvSpPr>
              <a:spLocks noChangeArrowheads="1"/>
            </p:cNvSpPr>
            <p:nvPr>
              <p:custDataLst>
                <p:tags r:id="rId177"/>
              </p:custDataLst>
            </p:nvPr>
          </p:nvSpPr>
          <p:spPr bwMode="gray">
            <a:xfrm>
              <a:off x="777876" y="3994151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awaii</a:t>
              </a:r>
            </a:p>
          </p:txBody>
        </p:sp>
        <p:sp>
          <p:nvSpPr>
            <p:cNvPr id="397" name="Rectangle 387"/>
            <p:cNvSpPr>
              <a:spLocks noChangeArrowheads="1"/>
            </p:cNvSpPr>
            <p:nvPr>
              <p:custDataLst>
                <p:tags r:id="rId178"/>
              </p:custDataLst>
            </p:nvPr>
          </p:nvSpPr>
          <p:spPr bwMode="gray">
            <a:xfrm>
              <a:off x="2873376" y="3663952"/>
              <a:ext cx="1914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rmuda</a:t>
              </a:r>
            </a:p>
          </p:txBody>
        </p:sp>
        <p:sp>
          <p:nvSpPr>
            <p:cNvPr id="398" name="Rectangle 388"/>
            <p:cNvSpPr>
              <a:spLocks noChangeArrowheads="1"/>
            </p:cNvSpPr>
            <p:nvPr>
              <p:custDataLst>
                <p:tags r:id="rId179"/>
              </p:custDataLst>
            </p:nvPr>
          </p:nvSpPr>
          <p:spPr bwMode="gray">
            <a:xfrm>
              <a:off x="166688" y="3811588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idway Is.</a:t>
              </a:r>
            </a:p>
          </p:txBody>
        </p:sp>
        <p:sp>
          <p:nvSpPr>
            <p:cNvPr id="399" name="Rectangle 389"/>
            <p:cNvSpPr>
              <a:spLocks noChangeArrowheads="1"/>
            </p:cNvSpPr>
            <p:nvPr>
              <p:custDataLst>
                <p:tags r:id="rId180"/>
              </p:custDataLst>
            </p:nvPr>
          </p:nvSpPr>
          <p:spPr bwMode="gray">
            <a:xfrm>
              <a:off x="1703388" y="2779713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nada</a:t>
              </a:r>
            </a:p>
          </p:txBody>
        </p:sp>
        <p:sp>
          <p:nvSpPr>
            <p:cNvPr id="400" name="Rectangle 390"/>
            <p:cNvSpPr>
              <a:spLocks noChangeArrowheads="1"/>
            </p:cNvSpPr>
            <p:nvPr>
              <p:custDataLst>
                <p:tags r:id="rId181"/>
              </p:custDataLst>
            </p:nvPr>
          </p:nvSpPr>
          <p:spPr bwMode="gray">
            <a:xfrm>
              <a:off x="1951038" y="3509963"/>
              <a:ext cx="2846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nited States</a:t>
              </a:r>
            </a:p>
          </p:txBody>
        </p:sp>
        <p:sp>
          <p:nvSpPr>
            <p:cNvPr id="401" name="Rectangle 391"/>
            <p:cNvSpPr>
              <a:spLocks noChangeArrowheads="1"/>
            </p:cNvSpPr>
            <p:nvPr>
              <p:custDataLst>
                <p:tags r:id="rId182"/>
              </p:custDataLst>
            </p:nvPr>
          </p:nvSpPr>
          <p:spPr bwMode="gray">
            <a:xfrm>
              <a:off x="1952626" y="3943351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exico</a:t>
              </a:r>
            </a:p>
          </p:txBody>
        </p:sp>
        <p:sp>
          <p:nvSpPr>
            <p:cNvPr id="402" name="Rectangle 392"/>
            <p:cNvSpPr>
              <a:spLocks noChangeArrowheads="1"/>
            </p:cNvSpPr>
            <p:nvPr>
              <p:custDataLst>
                <p:tags r:id="rId183"/>
              </p:custDataLst>
            </p:nvPr>
          </p:nvSpPr>
          <p:spPr bwMode="gray">
            <a:xfrm>
              <a:off x="2562226" y="4029076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uba</a:t>
              </a:r>
            </a:p>
          </p:txBody>
        </p:sp>
        <p:sp>
          <p:nvSpPr>
            <p:cNvPr id="403" name="Rectangle 393"/>
            <p:cNvSpPr>
              <a:spLocks noChangeArrowheads="1"/>
            </p:cNvSpPr>
            <p:nvPr>
              <p:custDataLst>
                <p:tags r:id="rId184"/>
              </p:custDataLst>
            </p:nvPr>
          </p:nvSpPr>
          <p:spPr bwMode="gray">
            <a:xfrm>
              <a:off x="2454276" y="44942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nama</a:t>
              </a:r>
            </a:p>
          </p:txBody>
        </p:sp>
        <p:sp>
          <p:nvSpPr>
            <p:cNvPr id="404" name="Rectangle 394"/>
            <p:cNvSpPr>
              <a:spLocks noChangeArrowheads="1"/>
            </p:cNvSpPr>
            <p:nvPr>
              <p:custDataLst>
                <p:tags r:id="rId185"/>
              </p:custDataLst>
            </p:nvPr>
          </p:nvSpPr>
          <p:spPr bwMode="gray">
            <a:xfrm>
              <a:off x="2681288" y="4141788"/>
              <a:ext cx="995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aiti</a:t>
              </a:r>
            </a:p>
          </p:txBody>
        </p:sp>
        <p:sp>
          <p:nvSpPr>
            <p:cNvPr id="405" name="Rectangle 395"/>
            <p:cNvSpPr>
              <a:spLocks noChangeArrowheads="1"/>
            </p:cNvSpPr>
            <p:nvPr>
              <p:custDataLst>
                <p:tags r:id="rId186"/>
              </p:custDataLst>
            </p:nvPr>
          </p:nvSpPr>
          <p:spPr bwMode="gray">
            <a:xfrm>
              <a:off x="2951163" y="4151314"/>
              <a:ext cx="2418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uerto Rico</a:t>
              </a:r>
            </a:p>
          </p:txBody>
        </p:sp>
        <p:sp>
          <p:nvSpPr>
            <p:cNvPr id="406" name="Rectangle 396"/>
            <p:cNvSpPr>
              <a:spLocks noChangeArrowheads="1"/>
            </p:cNvSpPr>
            <p:nvPr>
              <p:custDataLst>
                <p:tags r:id="rId187"/>
              </p:custDataLst>
            </p:nvPr>
          </p:nvSpPr>
          <p:spPr bwMode="gray">
            <a:xfrm>
              <a:off x="2811462" y="4089400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ominican Rep.</a:t>
              </a:r>
            </a:p>
          </p:txBody>
        </p:sp>
        <p:sp>
          <p:nvSpPr>
            <p:cNvPr id="407" name="Rectangle 397"/>
            <p:cNvSpPr>
              <a:spLocks noChangeArrowheads="1"/>
            </p:cNvSpPr>
            <p:nvPr>
              <p:custDataLst>
                <p:tags r:id="rId188"/>
              </p:custDataLst>
            </p:nvPr>
          </p:nvSpPr>
          <p:spPr bwMode="gray">
            <a:xfrm>
              <a:off x="2098676" y="4232276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atemala</a:t>
              </a:r>
            </a:p>
          </p:txBody>
        </p:sp>
        <p:sp>
          <p:nvSpPr>
            <p:cNvPr id="408" name="Rectangle 398"/>
            <p:cNvSpPr>
              <a:spLocks noChangeArrowheads="1"/>
            </p:cNvSpPr>
            <p:nvPr>
              <p:custDataLst>
                <p:tags r:id="rId189"/>
              </p:custDataLst>
            </p:nvPr>
          </p:nvSpPr>
          <p:spPr bwMode="gray">
            <a:xfrm>
              <a:off x="2389187" y="4160838"/>
              <a:ext cx="12596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lize</a:t>
              </a:r>
            </a:p>
          </p:txBody>
        </p:sp>
        <p:sp>
          <p:nvSpPr>
            <p:cNvPr id="409" name="Rectangle 399"/>
            <p:cNvSpPr>
              <a:spLocks noChangeArrowheads="1"/>
            </p:cNvSpPr>
            <p:nvPr>
              <p:custDataLst>
                <p:tags r:id="rId190"/>
              </p:custDataLst>
            </p:nvPr>
          </p:nvSpPr>
          <p:spPr bwMode="gray">
            <a:xfrm>
              <a:off x="2128838" y="4313238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l Salvador</a:t>
              </a:r>
            </a:p>
          </p:txBody>
        </p:sp>
        <p:sp>
          <p:nvSpPr>
            <p:cNvPr id="410" name="Rectangle 400"/>
            <p:cNvSpPr>
              <a:spLocks noChangeArrowheads="1"/>
            </p:cNvSpPr>
            <p:nvPr>
              <p:custDataLst>
                <p:tags r:id="rId191"/>
              </p:custDataLst>
            </p:nvPr>
          </p:nvSpPr>
          <p:spPr bwMode="gray">
            <a:xfrm>
              <a:off x="2241551" y="4408488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sta Rica</a:t>
              </a:r>
            </a:p>
          </p:txBody>
        </p:sp>
        <p:sp>
          <p:nvSpPr>
            <p:cNvPr id="411" name="Rectangle 403"/>
            <p:cNvSpPr>
              <a:spLocks noChangeArrowheads="1"/>
            </p:cNvSpPr>
            <p:nvPr>
              <p:custDataLst>
                <p:tags r:id="rId192"/>
              </p:custDataLst>
            </p:nvPr>
          </p:nvSpPr>
          <p:spPr bwMode="gray">
            <a:xfrm>
              <a:off x="3422651" y="2049463"/>
              <a:ext cx="2166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reenland</a:t>
              </a:r>
            </a:p>
          </p:txBody>
        </p:sp>
        <p:sp>
          <p:nvSpPr>
            <p:cNvPr id="412" name="Rectangle 294"/>
            <p:cNvSpPr>
              <a:spLocks noChangeArrowheads="1"/>
            </p:cNvSpPr>
            <p:nvPr>
              <p:custDataLst>
                <p:tags r:id="rId193"/>
              </p:custDataLst>
            </p:nvPr>
          </p:nvSpPr>
          <p:spPr bwMode="gray">
            <a:xfrm>
              <a:off x="5126990" y="4451669"/>
              <a:ext cx="22415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rgbClr val="006EB6"/>
                  </a:solidFill>
                </a:rPr>
                <a:t>South Sudan</a:t>
              </a:r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421" name="Rectangle 249">
            <a:extLst>
              <a:ext uri="{FF2B5EF4-FFF2-40B4-BE49-F238E27FC236}">
                <a16:creationId xmlns:a16="http://schemas.microsoft.com/office/drawing/2014/main" id="{7D8EE966-FBB3-45B3-A338-106FE901B148}"/>
              </a:ext>
            </a:extLst>
          </p:cNvPr>
          <p:cNvSpPr>
            <a:spLocks noChangeArrowheads="1"/>
          </p:cNvSpPr>
          <p:nvPr>
            <p:custDataLst>
              <p:tags r:id="rId3"/>
            </p:custDataLst>
          </p:nvPr>
        </p:nvSpPr>
        <p:spPr bwMode="gray">
          <a:xfrm>
            <a:off x="9219688" y="4237123"/>
            <a:ext cx="269304" cy="769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0" tIns="0" rIns="0" bIns="0">
            <a:spAutoFit/>
          </a:bodyPr>
          <a:lstStyle/>
          <a:p>
            <a:r>
              <a:rPr lang="en-US" sz="500" dirty="0">
                <a:solidFill>
                  <a:srgbClr val="006EB6"/>
                </a:solidFill>
              </a:rPr>
              <a:t>Singapor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818191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878233">
            <a:off x="7627354" y="2101002"/>
            <a:ext cx="3678333" cy="3787477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4758621" y="4374019"/>
            <a:ext cx="1322353" cy="747724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>
            <a:spLocks/>
          </p:cNvSpPr>
          <p:nvPr/>
        </p:nvSpPr>
        <p:spPr>
          <a:xfrm>
            <a:off x="7963894" y="5976693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Denmark</a:t>
            </a:r>
          </a:p>
        </p:txBody>
      </p:sp>
      <p:sp>
        <p:nvSpPr>
          <p:cNvPr id="17" name="Finland Text"/>
          <p:cNvSpPr txBox="1">
            <a:spLocks/>
          </p:cNvSpPr>
          <p:nvPr/>
        </p:nvSpPr>
        <p:spPr>
          <a:xfrm>
            <a:off x="10430208" y="3140764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Finland</a:t>
            </a:r>
          </a:p>
        </p:txBody>
      </p:sp>
      <p:sp>
        <p:nvSpPr>
          <p:cNvPr id="18" name="Sweden Text"/>
          <p:cNvSpPr txBox="1">
            <a:spLocks/>
          </p:cNvSpPr>
          <p:nvPr/>
        </p:nvSpPr>
        <p:spPr>
          <a:xfrm>
            <a:off x="9035922" y="4690272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Sweden</a:t>
            </a:r>
          </a:p>
        </p:txBody>
      </p:sp>
      <p:sp>
        <p:nvSpPr>
          <p:cNvPr id="19" name="Norway Text"/>
          <p:cNvSpPr txBox="1">
            <a:spLocks/>
          </p:cNvSpPr>
          <p:nvPr/>
        </p:nvSpPr>
        <p:spPr>
          <a:xfrm>
            <a:off x="8143515" y="4444794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Norway</a:t>
            </a:r>
          </a:p>
        </p:txBody>
      </p:sp>
      <p:sp>
        <p:nvSpPr>
          <p:cNvPr id="20" name="Iceland Text"/>
          <p:cNvSpPr txBox="1">
            <a:spLocks/>
          </p:cNvSpPr>
          <p:nvPr/>
        </p:nvSpPr>
        <p:spPr>
          <a:xfrm>
            <a:off x="5320765" y="4734408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84" name="Greenland"/>
          <p:cNvGrpSpPr>
            <a:grpSpLocks noChangeAspect="1"/>
          </p:cNvGrpSpPr>
          <p:nvPr/>
        </p:nvGrpSpPr>
        <p:grpSpPr bwMode="auto">
          <a:xfrm rot="1181657">
            <a:off x="2374868" y="499204"/>
            <a:ext cx="2916164" cy="5138535"/>
            <a:chOff x="3036" y="1082"/>
            <a:chExt cx="1303" cy="2296"/>
          </a:xfrm>
          <a:solidFill>
            <a:schemeClr val="accent3"/>
          </a:solidFill>
        </p:grpSpPr>
        <p:sp>
          <p:nvSpPr>
            <p:cNvPr id="185" name="Freeform 5"/>
            <p:cNvSpPr>
              <a:spLocks/>
            </p:cNvSpPr>
            <p:nvPr/>
          </p:nvSpPr>
          <p:spPr bwMode="auto">
            <a:xfrm>
              <a:off x="3429" y="3262"/>
              <a:ext cx="31" cy="26"/>
            </a:xfrm>
            <a:custGeom>
              <a:avLst/>
              <a:gdLst>
                <a:gd name="T0" fmla="*/ 26 w 31"/>
                <a:gd name="T1" fmla="*/ 15 h 26"/>
                <a:gd name="T2" fmla="*/ 21 w 31"/>
                <a:gd name="T3" fmla="*/ 26 h 26"/>
                <a:gd name="T4" fmla="*/ 0 w 31"/>
                <a:gd name="T5" fmla="*/ 15 h 26"/>
                <a:gd name="T6" fmla="*/ 31 w 31"/>
                <a:gd name="T7" fmla="*/ 0 h 26"/>
                <a:gd name="T8" fmla="*/ 26 w 31"/>
                <a:gd name="T9" fmla="*/ 1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1" h="26">
                  <a:moveTo>
                    <a:pt x="26" y="15"/>
                  </a:moveTo>
                  <a:lnTo>
                    <a:pt x="21" y="26"/>
                  </a:lnTo>
                  <a:lnTo>
                    <a:pt x="0" y="15"/>
                  </a:lnTo>
                  <a:lnTo>
                    <a:pt x="31" y="0"/>
                  </a:lnTo>
                  <a:lnTo>
                    <a:pt x="26" y="1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6" name="Freeform 6"/>
            <p:cNvSpPr>
              <a:spLocks/>
            </p:cNvSpPr>
            <p:nvPr/>
          </p:nvSpPr>
          <p:spPr bwMode="auto">
            <a:xfrm>
              <a:off x="3854" y="2799"/>
              <a:ext cx="10" cy="21"/>
            </a:xfrm>
            <a:custGeom>
              <a:avLst/>
              <a:gdLst>
                <a:gd name="T0" fmla="*/ 5 w 10"/>
                <a:gd name="T1" fmla="*/ 21 h 21"/>
                <a:gd name="T2" fmla="*/ 0 w 10"/>
                <a:gd name="T3" fmla="*/ 21 h 21"/>
                <a:gd name="T4" fmla="*/ 5 w 10"/>
                <a:gd name="T5" fmla="*/ 0 h 21"/>
                <a:gd name="T6" fmla="*/ 10 w 10"/>
                <a:gd name="T7" fmla="*/ 5 h 21"/>
                <a:gd name="T8" fmla="*/ 5 w 10"/>
                <a:gd name="T9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1">
                  <a:moveTo>
                    <a:pt x="5" y="21"/>
                  </a:moveTo>
                  <a:lnTo>
                    <a:pt x="0" y="21"/>
                  </a:lnTo>
                  <a:lnTo>
                    <a:pt x="5" y="0"/>
                  </a:lnTo>
                  <a:lnTo>
                    <a:pt x="10" y="5"/>
                  </a:lnTo>
                  <a:lnTo>
                    <a:pt x="5" y="2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7" name="Freeform 7"/>
            <p:cNvSpPr>
              <a:spLocks/>
            </p:cNvSpPr>
            <p:nvPr/>
          </p:nvSpPr>
          <p:spPr bwMode="auto">
            <a:xfrm>
              <a:off x="3343" y="2377"/>
              <a:ext cx="25" cy="36"/>
            </a:xfrm>
            <a:custGeom>
              <a:avLst/>
              <a:gdLst>
                <a:gd name="T0" fmla="*/ 10 w 25"/>
                <a:gd name="T1" fmla="*/ 36 h 36"/>
                <a:gd name="T2" fmla="*/ 0 w 25"/>
                <a:gd name="T3" fmla="*/ 36 h 36"/>
                <a:gd name="T4" fmla="*/ 5 w 25"/>
                <a:gd name="T5" fmla="*/ 0 h 36"/>
                <a:gd name="T6" fmla="*/ 25 w 25"/>
                <a:gd name="T7" fmla="*/ 10 h 36"/>
                <a:gd name="T8" fmla="*/ 15 w 25"/>
                <a:gd name="T9" fmla="*/ 15 h 36"/>
                <a:gd name="T10" fmla="*/ 10 w 25"/>
                <a:gd name="T11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" h="36">
                  <a:moveTo>
                    <a:pt x="10" y="36"/>
                  </a:moveTo>
                  <a:lnTo>
                    <a:pt x="0" y="36"/>
                  </a:lnTo>
                  <a:lnTo>
                    <a:pt x="5" y="0"/>
                  </a:lnTo>
                  <a:lnTo>
                    <a:pt x="25" y="10"/>
                  </a:lnTo>
                  <a:lnTo>
                    <a:pt x="15" y="15"/>
                  </a:lnTo>
                  <a:lnTo>
                    <a:pt x="10" y="3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8" name="Freeform 8"/>
            <p:cNvSpPr>
              <a:spLocks/>
            </p:cNvSpPr>
            <p:nvPr/>
          </p:nvSpPr>
          <p:spPr bwMode="auto">
            <a:xfrm>
              <a:off x="3225" y="2321"/>
              <a:ext cx="97" cy="107"/>
            </a:xfrm>
            <a:custGeom>
              <a:avLst/>
              <a:gdLst>
                <a:gd name="T0" fmla="*/ 77 w 97"/>
                <a:gd name="T1" fmla="*/ 46 h 107"/>
                <a:gd name="T2" fmla="*/ 82 w 97"/>
                <a:gd name="T3" fmla="*/ 56 h 107"/>
                <a:gd name="T4" fmla="*/ 97 w 97"/>
                <a:gd name="T5" fmla="*/ 61 h 107"/>
                <a:gd name="T6" fmla="*/ 92 w 97"/>
                <a:gd name="T7" fmla="*/ 71 h 107"/>
                <a:gd name="T8" fmla="*/ 97 w 97"/>
                <a:gd name="T9" fmla="*/ 82 h 107"/>
                <a:gd name="T10" fmla="*/ 61 w 97"/>
                <a:gd name="T11" fmla="*/ 102 h 107"/>
                <a:gd name="T12" fmla="*/ 36 w 97"/>
                <a:gd name="T13" fmla="*/ 107 h 107"/>
                <a:gd name="T14" fmla="*/ 26 w 97"/>
                <a:gd name="T15" fmla="*/ 102 h 107"/>
                <a:gd name="T16" fmla="*/ 15 w 97"/>
                <a:gd name="T17" fmla="*/ 87 h 107"/>
                <a:gd name="T18" fmla="*/ 36 w 97"/>
                <a:gd name="T19" fmla="*/ 82 h 107"/>
                <a:gd name="T20" fmla="*/ 0 w 97"/>
                <a:gd name="T21" fmla="*/ 61 h 107"/>
                <a:gd name="T22" fmla="*/ 5 w 97"/>
                <a:gd name="T23" fmla="*/ 31 h 107"/>
                <a:gd name="T24" fmla="*/ 20 w 97"/>
                <a:gd name="T25" fmla="*/ 36 h 107"/>
                <a:gd name="T26" fmla="*/ 10 w 97"/>
                <a:gd name="T27" fmla="*/ 26 h 107"/>
                <a:gd name="T28" fmla="*/ 15 w 97"/>
                <a:gd name="T29" fmla="*/ 0 h 107"/>
                <a:gd name="T30" fmla="*/ 61 w 97"/>
                <a:gd name="T31" fmla="*/ 16 h 107"/>
                <a:gd name="T32" fmla="*/ 77 w 97"/>
                <a:gd name="T33" fmla="*/ 46 h 1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7" h="107">
                  <a:moveTo>
                    <a:pt x="77" y="46"/>
                  </a:moveTo>
                  <a:lnTo>
                    <a:pt x="82" y="56"/>
                  </a:lnTo>
                  <a:lnTo>
                    <a:pt x="97" y="61"/>
                  </a:lnTo>
                  <a:lnTo>
                    <a:pt x="92" y="71"/>
                  </a:lnTo>
                  <a:lnTo>
                    <a:pt x="97" y="82"/>
                  </a:lnTo>
                  <a:lnTo>
                    <a:pt x="61" y="102"/>
                  </a:lnTo>
                  <a:lnTo>
                    <a:pt x="36" y="107"/>
                  </a:lnTo>
                  <a:lnTo>
                    <a:pt x="26" y="102"/>
                  </a:lnTo>
                  <a:lnTo>
                    <a:pt x="15" y="87"/>
                  </a:lnTo>
                  <a:lnTo>
                    <a:pt x="36" y="82"/>
                  </a:lnTo>
                  <a:lnTo>
                    <a:pt x="0" y="61"/>
                  </a:lnTo>
                  <a:lnTo>
                    <a:pt x="5" y="31"/>
                  </a:lnTo>
                  <a:lnTo>
                    <a:pt x="20" y="36"/>
                  </a:lnTo>
                  <a:lnTo>
                    <a:pt x="10" y="26"/>
                  </a:lnTo>
                  <a:lnTo>
                    <a:pt x="15" y="0"/>
                  </a:lnTo>
                  <a:lnTo>
                    <a:pt x="61" y="16"/>
                  </a:lnTo>
                  <a:lnTo>
                    <a:pt x="77" y="4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9" name="Freeform 9"/>
            <p:cNvSpPr>
              <a:spLocks/>
            </p:cNvSpPr>
            <p:nvPr/>
          </p:nvSpPr>
          <p:spPr bwMode="auto">
            <a:xfrm>
              <a:off x="3332" y="2270"/>
              <a:ext cx="21" cy="16"/>
            </a:xfrm>
            <a:custGeom>
              <a:avLst/>
              <a:gdLst>
                <a:gd name="T0" fmla="*/ 16 w 21"/>
                <a:gd name="T1" fmla="*/ 16 h 16"/>
                <a:gd name="T2" fmla="*/ 0 w 21"/>
                <a:gd name="T3" fmla="*/ 6 h 16"/>
                <a:gd name="T4" fmla="*/ 11 w 21"/>
                <a:gd name="T5" fmla="*/ 0 h 16"/>
                <a:gd name="T6" fmla="*/ 21 w 21"/>
                <a:gd name="T7" fmla="*/ 11 h 16"/>
                <a:gd name="T8" fmla="*/ 16 w 21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" h="16">
                  <a:moveTo>
                    <a:pt x="16" y="16"/>
                  </a:moveTo>
                  <a:lnTo>
                    <a:pt x="0" y="6"/>
                  </a:lnTo>
                  <a:lnTo>
                    <a:pt x="11" y="0"/>
                  </a:lnTo>
                  <a:lnTo>
                    <a:pt x="21" y="11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0" name="Freeform 10"/>
            <p:cNvSpPr>
              <a:spLocks/>
            </p:cNvSpPr>
            <p:nvPr/>
          </p:nvSpPr>
          <p:spPr bwMode="auto">
            <a:xfrm>
              <a:off x="4109" y="2220"/>
              <a:ext cx="82" cy="71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1" name="Freeform 11"/>
            <p:cNvSpPr>
              <a:spLocks/>
            </p:cNvSpPr>
            <p:nvPr/>
          </p:nvSpPr>
          <p:spPr bwMode="auto">
            <a:xfrm>
              <a:off x="3281" y="2230"/>
              <a:ext cx="16" cy="25"/>
            </a:xfrm>
            <a:custGeom>
              <a:avLst/>
              <a:gdLst>
                <a:gd name="T0" fmla="*/ 10 w 16"/>
                <a:gd name="T1" fmla="*/ 25 h 25"/>
                <a:gd name="T2" fmla="*/ 0 w 16"/>
                <a:gd name="T3" fmla="*/ 20 h 25"/>
                <a:gd name="T4" fmla="*/ 0 w 16"/>
                <a:gd name="T5" fmla="*/ 10 h 25"/>
                <a:gd name="T6" fmla="*/ 16 w 16"/>
                <a:gd name="T7" fmla="*/ 0 h 25"/>
                <a:gd name="T8" fmla="*/ 10 w 16"/>
                <a:gd name="T9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25">
                  <a:moveTo>
                    <a:pt x="10" y="25"/>
                  </a:moveTo>
                  <a:lnTo>
                    <a:pt x="0" y="20"/>
                  </a:lnTo>
                  <a:lnTo>
                    <a:pt x="0" y="10"/>
                  </a:lnTo>
                  <a:lnTo>
                    <a:pt x="16" y="0"/>
                  </a:lnTo>
                  <a:lnTo>
                    <a:pt x="10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2" name="Freeform 12"/>
            <p:cNvSpPr>
              <a:spLocks/>
            </p:cNvSpPr>
            <p:nvPr/>
          </p:nvSpPr>
          <p:spPr bwMode="auto">
            <a:xfrm>
              <a:off x="3245" y="2072"/>
              <a:ext cx="36" cy="26"/>
            </a:xfrm>
            <a:custGeom>
              <a:avLst/>
              <a:gdLst>
                <a:gd name="T0" fmla="*/ 36 w 36"/>
                <a:gd name="T1" fmla="*/ 5 h 26"/>
                <a:gd name="T2" fmla="*/ 21 w 36"/>
                <a:gd name="T3" fmla="*/ 26 h 26"/>
                <a:gd name="T4" fmla="*/ 0 w 36"/>
                <a:gd name="T5" fmla="*/ 5 h 26"/>
                <a:gd name="T6" fmla="*/ 11 w 36"/>
                <a:gd name="T7" fmla="*/ 0 h 26"/>
                <a:gd name="T8" fmla="*/ 36 w 36"/>
                <a:gd name="T9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26">
                  <a:moveTo>
                    <a:pt x="36" y="5"/>
                  </a:moveTo>
                  <a:lnTo>
                    <a:pt x="21" y="26"/>
                  </a:lnTo>
                  <a:lnTo>
                    <a:pt x="0" y="5"/>
                  </a:lnTo>
                  <a:lnTo>
                    <a:pt x="11" y="0"/>
                  </a:lnTo>
                  <a:lnTo>
                    <a:pt x="36" y="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4217" y="1747"/>
              <a:ext cx="46" cy="40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160" y="1640"/>
              <a:ext cx="36" cy="56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5" name="Freeform 15"/>
            <p:cNvSpPr>
              <a:spLocks/>
            </p:cNvSpPr>
            <p:nvPr/>
          </p:nvSpPr>
          <p:spPr bwMode="auto">
            <a:xfrm>
              <a:off x="3036" y="1508"/>
              <a:ext cx="15" cy="20"/>
            </a:xfrm>
            <a:custGeom>
              <a:avLst/>
              <a:gdLst>
                <a:gd name="T0" fmla="*/ 10 w 15"/>
                <a:gd name="T1" fmla="*/ 20 h 20"/>
                <a:gd name="T2" fmla="*/ 0 w 15"/>
                <a:gd name="T3" fmla="*/ 0 h 20"/>
                <a:gd name="T4" fmla="*/ 10 w 15"/>
                <a:gd name="T5" fmla="*/ 0 h 20"/>
                <a:gd name="T6" fmla="*/ 15 w 15"/>
                <a:gd name="T7" fmla="*/ 10 h 20"/>
                <a:gd name="T8" fmla="*/ 10 w 1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0">
                  <a:moveTo>
                    <a:pt x="10" y="20"/>
                  </a:moveTo>
                  <a:lnTo>
                    <a:pt x="0" y="0"/>
                  </a:lnTo>
                  <a:lnTo>
                    <a:pt x="10" y="0"/>
                  </a:lnTo>
                  <a:lnTo>
                    <a:pt x="15" y="10"/>
                  </a:lnTo>
                  <a:lnTo>
                    <a:pt x="1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>
              <a:off x="4140" y="1523"/>
              <a:ext cx="10" cy="25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7" name="Freeform 17"/>
            <p:cNvSpPr>
              <a:spLocks/>
            </p:cNvSpPr>
            <p:nvPr/>
          </p:nvSpPr>
          <p:spPr bwMode="auto">
            <a:xfrm>
              <a:off x="4094" y="1482"/>
              <a:ext cx="20" cy="41"/>
            </a:xfrm>
            <a:custGeom>
              <a:avLst/>
              <a:gdLst>
                <a:gd name="T0" fmla="*/ 20 w 20"/>
                <a:gd name="T1" fmla="*/ 41 h 41"/>
                <a:gd name="T2" fmla="*/ 5 w 20"/>
                <a:gd name="T3" fmla="*/ 26 h 41"/>
                <a:gd name="T4" fmla="*/ 0 w 20"/>
                <a:gd name="T5" fmla="*/ 10 h 41"/>
                <a:gd name="T6" fmla="*/ 5 w 20"/>
                <a:gd name="T7" fmla="*/ 0 h 41"/>
                <a:gd name="T8" fmla="*/ 20 w 20"/>
                <a:gd name="T9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41">
                  <a:moveTo>
                    <a:pt x="20" y="41"/>
                  </a:moveTo>
                  <a:lnTo>
                    <a:pt x="5" y="26"/>
                  </a:lnTo>
                  <a:lnTo>
                    <a:pt x="0" y="10"/>
                  </a:lnTo>
                  <a:lnTo>
                    <a:pt x="5" y="0"/>
                  </a:lnTo>
                  <a:lnTo>
                    <a:pt x="20" y="4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8" name="Freeform 18"/>
            <p:cNvSpPr>
              <a:spLocks/>
            </p:cNvSpPr>
            <p:nvPr/>
          </p:nvSpPr>
          <p:spPr bwMode="auto">
            <a:xfrm>
              <a:off x="4038" y="1330"/>
              <a:ext cx="30" cy="35"/>
            </a:xfrm>
            <a:custGeom>
              <a:avLst/>
              <a:gdLst>
                <a:gd name="T0" fmla="*/ 30 w 30"/>
                <a:gd name="T1" fmla="*/ 20 h 35"/>
                <a:gd name="T2" fmla="*/ 25 w 30"/>
                <a:gd name="T3" fmla="*/ 35 h 35"/>
                <a:gd name="T4" fmla="*/ 10 w 30"/>
                <a:gd name="T5" fmla="*/ 35 h 35"/>
                <a:gd name="T6" fmla="*/ 0 w 30"/>
                <a:gd name="T7" fmla="*/ 20 h 35"/>
                <a:gd name="T8" fmla="*/ 20 w 30"/>
                <a:gd name="T9" fmla="*/ 0 h 35"/>
                <a:gd name="T10" fmla="*/ 30 w 30"/>
                <a:gd name="T11" fmla="*/ 2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0" h="35">
                  <a:moveTo>
                    <a:pt x="30" y="20"/>
                  </a:moveTo>
                  <a:lnTo>
                    <a:pt x="25" y="35"/>
                  </a:lnTo>
                  <a:lnTo>
                    <a:pt x="10" y="35"/>
                  </a:lnTo>
                  <a:lnTo>
                    <a:pt x="0" y="20"/>
                  </a:lnTo>
                  <a:lnTo>
                    <a:pt x="20" y="0"/>
                  </a:lnTo>
                  <a:lnTo>
                    <a:pt x="3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9" name="Freeform 19"/>
            <p:cNvSpPr>
              <a:spLocks/>
            </p:cNvSpPr>
            <p:nvPr/>
          </p:nvSpPr>
          <p:spPr bwMode="auto">
            <a:xfrm>
              <a:off x="3951" y="1157"/>
              <a:ext cx="20" cy="25"/>
            </a:xfrm>
            <a:custGeom>
              <a:avLst/>
              <a:gdLst>
                <a:gd name="T0" fmla="*/ 20 w 20"/>
                <a:gd name="T1" fmla="*/ 20 h 25"/>
                <a:gd name="T2" fmla="*/ 15 w 20"/>
                <a:gd name="T3" fmla="*/ 25 h 25"/>
                <a:gd name="T4" fmla="*/ 0 w 20"/>
                <a:gd name="T5" fmla="*/ 0 h 25"/>
                <a:gd name="T6" fmla="*/ 20 w 20"/>
                <a:gd name="T7" fmla="*/ 20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0" h="25">
                  <a:moveTo>
                    <a:pt x="20" y="20"/>
                  </a:moveTo>
                  <a:lnTo>
                    <a:pt x="15" y="25"/>
                  </a:lnTo>
                  <a:lnTo>
                    <a:pt x="0" y="0"/>
                  </a:lnTo>
                  <a:lnTo>
                    <a:pt x="2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0" name="Freeform 20"/>
            <p:cNvSpPr>
              <a:spLocks/>
            </p:cNvSpPr>
            <p:nvPr/>
          </p:nvSpPr>
          <p:spPr bwMode="auto">
            <a:xfrm>
              <a:off x="3588" y="1157"/>
              <a:ext cx="31" cy="61"/>
            </a:xfrm>
            <a:custGeom>
              <a:avLst/>
              <a:gdLst>
                <a:gd name="T0" fmla="*/ 31 w 31"/>
                <a:gd name="T1" fmla="*/ 61 h 61"/>
                <a:gd name="T2" fmla="*/ 5 w 31"/>
                <a:gd name="T3" fmla="*/ 30 h 61"/>
                <a:gd name="T4" fmla="*/ 0 w 31"/>
                <a:gd name="T5" fmla="*/ 5 h 61"/>
                <a:gd name="T6" fmla="*/ 10 w 31"/>
                <a:gd name="T7" fmla="*/ 0 h 61"/>
                <a:gd name="T8" fmla="*/ 31 w 31"/>
                <a:gd name="T9" fmla="*/ 20 h 61"/>
                <a:gd name="T10" fmla="*/ 31 w 31"/>
                <a:gd name="T11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61">
                  <a:moveTo>
                    <a:pt x="31" y="61"/>
                  </a:moveTo>
                  <a:lnTo>
                    <a:pt x="5" y="30"/>
                  </a:lnTo>
                  <a:lnTo>
                    <a:pt x="0" y="5"/>
                  </a:lnTo>
                  <a:lnTo>
                    <a:pt x="10" y="0"/>
                  </a:lnTo>
                  <a:lnTo>
                    <a:pt x="31" y="20"/>
                  </a:lnTo>
                  <a:lnTo>
                    <a:pt x="31" y="61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1" name="Freeform 21"/>
            <p:cNvSpPr>
              <a:spLocks/>
            </p:cNvSpPr>
            <p:nvPr/>
          </p:nvSpPr>
          <p:spPr bwMode="auto">
            <a:xfrm>
              <a:off x="3076" y="1082"/>
              <a:ext cx="1263" cy="2296"/>
            </a:xfrm>
            <a:custGeom>
              <a:avLst/>
              <a:gdLst>
                <a:gd name="T0" fmla="*/ 823 w 1273"/>
                <a:gd name="T1" fmla="*/ 51 h 2314"/>
                <a:gd name="T2" fmla="*/ 843 w 1273"/>
                <a:gd name="T3" fmla="*/ 132 h 2314"/>
                <a:gd name="T4" fmla="*/ 935 w 1273"/>
                <a:gd name="T5" fmla="*/ 148 h 2314"/>
                <a:gd name="T6" fmla="*/ 1027 w 1273"/>
                <a:gd name="T7" fmla="*/ 224 h 2314"/>
                <a:gd name="T8" fmla="*/ 1027 w 1273"/>
                <a:gd name="T9" fmla="*/ 366 h 2314"/>
                <a:gd name="T10" fmla="*/ 1068 w 1273"/>
                <a:gd name="T11" fmla="*/ 488 h 2314"/>
                <a:gd name="T12" fmla="*/ 1084 w 1273"/>
                <a:gd name="T13" fmla="*/ 570 h 2314"/>
                <a:gd name="T14" fmla="*/ 1125 w 1273"/>
                <a:gd name="T15" fmla="*/ 651 h 2314"/>
                <a:gd name="T16" fmla="*/ 1135 w 1273"/>
                <a:gd name="T17" fmla="*/ 743 h 2314"/>
                <a:gd name="T18" fmla="*/ 1140 w 1273"/>
                <a:gd name="T19" fmla="*/ 829 h 2314"/>
                <a:gd name="T20" fmla="*/ 1099 w 1273"/>
                <a:gd name="T21" fmla="*/ 890 h 2314"/>
                <a:gd name="T22" fmla="*/ 1033 w 1273"/>
                <a:gd name="T23" fmla="*/ 982 h 2314"/>
                <a:gd name="T24" fmla="*/ 1104 w 1273"/>
                <a:gd name="T25" fmla="*/ 961 h 2314"/>
                <a:gd name="T26" fmla="*/ 1201 w 1273"/>
                <a:gd name="T27" fmla="*/ 1048 h 2314"/>
                <a:gd name="T28" fmla="*/ 1232 w 1273"/>
                <a:gd name="T29" fmla="*/ 1144 h 2314"/>
                <a:gd name="T30" fmla="*/ 1073 w 1273"/>
                <a:gd name="T31" fmla="*/ 1124 h 2314"/>
                <a:gd name="T32" fmla="*/ 1114 w 1273"/>
                <a:gd name="T33" fmla="*/ 1221 h 2314"/>
                <a:gd name="T34" fmla="*/ 1268 w 1273"/>
                <a:gd name="T35" fmla="*/ 1216 h 2314"/>
                <a:gd name="T36" fmla="*/ 1165 w 1273"/>
                <a:gd name="T37" fmla="*/ 1388 h 2314"/>
                <a:gd name="T38" fmla="*/ 946 w 1273"/>
                <a:gd name="T39" fmla="*/ 1536 h 2314"/>
                <a:gd name="T40" fmla="*/ 849 w 1273"/>
                <a:gd name="T41" fmla="*/ 1724 h 2314"/>
                <a:gd name="T42" fmla="*/ 787 w 1273"/>
                <a:gd name="T43" fmla="*/ 1688 h 2314"/>
                <a:gd name="T44" fmla="*/ 700 w 1273"/>
                <a:gd name="T45" fmla="*/ 1805 h 2314"/>
                <a:gd name="T46" fmla="*/ 639 w 1273"/>
                <a:gd name="T47" fmla="*/ 1887 h 2314"/>
                <a:gd name="T48" fmla="*/ 659 w 1273"/>
                <a:gd name="T49" fmla="*/ 1983 h 2314"/>
                <a:gd name="T50" fmla="*/ 613 w 1273"/>
                <a:gd name="T51" fmla="*/ 2105 h 2314"/>
                <a:gd name="T52" fmla="*/ 562 w 1273"/>
                <a:gd name="T53" fmla="*/ 2263 h 2314"/>
                <a:gd name="T54" fmla="*/ 496 w 1273"/>
                <a:gd name="T55" fmla="*/ 2294 h 2314"/>
                <a:gd name="T56" fmla="*/ 434 w 1273"/>
                <a:gd name="T57" fmla="*/ 2197 h 2314"/>
                <a:gd name="T58" fmla="*/ 348 w 1273"/>
                <a:gd name="T59" fmla="*/ 2192 h 2314"/>
                <a:gd name="T60" fmla="*/ 296 w 1273"/>
                <a:gd name="T61" fmla="*/ 2080 h 2314"/>
                <a:gd name="T62" fmla="*/ 220 w 1273"/>
                <a:gd name="T63" fmla="*/ 1958 h 2314"/>
                <a:gd name="T64" fmla="*/ 230 w 1273"/>
                <a:gd name="T65" fmla="*/ 1831 h 2314"/>
                <a:gd name="T66" fmla="*/ 240 w 1273"/>
                <a:gd name="T67" fmla="*/ 1826 h 2314"/>
                <a:gd name="T68" fmla="*/ 256 w 1273"/>
                <a:gd name="T69" fmla="*/ 1714 h 2314"/>
                <a:gd name="T70" fmla="*/ 245 w 1273"/>
                <a:gd name="T71" fmla="*/ 1627 h 2314"/>
                <a:gd name="T72" fmla="*/ 179 w 1273"/>
                <a:gd name="T73" fmla="*/ 1541 h 2314"/>
                <a:gd name="T74" fmla="*/ 179 w 1273"/>
                <a:gd name="T75" fmla="*/ 1531 h 2314"/>
                <a:gd name="T76" fmla="*/ 240 w 1273"/>
                <a:gd name="T77" fmla="*/ 1424 h 2314"/>
                <a:gd name="T78" fmla="*/ 302 w 1273"/>
                <a:gd name="T79" fmla="*/ 1383 h 2314"/>
                <a:gd name="T80" fmla="*/ 276 w 1273"/>
                <a:gd name="T81" fmla="*/ 1297 h 2314"/>
                <a:gd name="T82" fmla="*/ 332 w 1273"/>
                <a:gd name="T83" fmla="*/ 1266 h 2314"/>
                <a:gd name="T84" fmla="*/ 286 w 1273"/>
                <a:gd name="T85" fmla="*/ 1154 h 2314"/>
                <a:gd name="T86" fmla="*/ 271 w 1273"/>
                <a:gd name="T87" fmla="*/ 1119 h 2314"/>
                <a:gd name="T88" fmla="*/ 210 w 1273"/>
                <a:gd name="T89" fmla="*/ 1068 h 2314"/>
                <a:gd name="T90" fmla="*/ 245 w 1273"/>
                <a:gd name="T91" fmla="*/ 971 h 2314"/>
                <a:gd name="T92" fmla="*/ 245 w 1273"/>
                <a:gd name="T93" fmla="*/ 849 h 2314"/>
                <a:gd name="T94" fmla="*/ 82 w 1273"/>
                <a:gd name="T95" fmla="*/ 631 h 2314"/>
                <a:gd name="T96" fmla="*/ 26 w 1273"/>
                <a:gd name="T97" fmla="*/ 514 h 2314"/>
                <a:gd name="T98" fmla="*/ 77 w 1273"/>
                <a:gd name="T99" fmla="*/ 493 h 2314"/>
                <a:gd name="T100" fmla="*/ 56 w 1273"/>
                <a:gd name="T101" fmla="*/ 437 h 2314"/>
                <a:gd name="T102" fmla="*/ 164 w 1273"/>
                <a:gd name="T103" fmla="*/ 346 h 2314"/>
                <a:gd name="T104" fmla="*/ 276 w 1273"/>
                <a:gd name="T105" fmla="*/ 198 h 2314"/>
                <a:gd name="T106" fmla="*/ 404 w 1273"/>
                <a:gd name="T107" fmla="*/ 204 h 2314"/>
                <a:gd name="T108" fmla="*/ 491 w 1273"/>
                <a:gd name="T109" fmla="*/ 153 h 2314"/>
                <a:gd name="T110" fmla="*/ 572 w 1273"/>
                <a:gd name="T111" fmla="*/ 92 h 2314"/>
                <a:gd name="T112" fmla="*/ 613 w 1273"/>
                <a:gd name="T113" fmla="*/ 46 h 2314"/>
                <a:gd name="T114" fmla="*/ 746 w 1273"/>
                <a:gd name="T115" fmla="*/ 0 h 2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1273" h="2314">
                  <a:moveTo>
                    <a:pt x="746" y="0"/>
                  </a:moveTo>
                  <a:lnTo>
                    <a:pt x="797" y="15"/>
                  </a:lnTo>
                  <a:lnTo>
                    <a:pt x="797" y="26"/>
                  </a:lnTo>
                  <a:lnTo>
                    <a:pt x="731" y="51"/>
                  </a:lnTo>
                  <a:lnTo>
                    <a:pt x="736" y="61"/>
                  </a:lnTo>
                  <a:lnTo>
                    <a:pt x="751" y="46"/>
                  </a:lnTo>
                  <a:lnTo>
                    <a:pt x="792" y="41"/>
                  </a:lnTo>
                  <a:lnTo>
                    <a:pt x="808" y="26"/>
                  </a:lnTo>
                  <a:lnTo>
                    <a:pt x="823" y="51"/>
                  </a:lnTo>
                  <a:lnTo>
                    <a:pt x="833" y="46"/>
                  </a:lnTo>
                  <a:lnTo>
                    <a:pt x="864" y="56"/>
                  </a:lnTo>
                  <a:lnTo>
                    <a:pt x="869" y="76"/>
                  </a:lnTo>
                  <a:lnTo>
                    <a:pt x="859" y="97"/>
                  </a:lnTo>
                  <a:lnTo>
                    <a:pt x="782" y="132"/>
                  </a:lnTo>
                  <a:lnTo>
                    <a:pt x="777" y="142"/>
                  </a:lnTo>
                  <a:lnTo>
                    <a:pt x="787" y="153"/>
                  </a:lnTo>
                  <a:lnTo>
                    <a:pt x="808" y="137"/>
                  </a:lnTo>
                  <a:lnTo>
                    <a:pt x="843" y="132"/>
                  </a:lnTo>
                  <a:lnTo>
                    <a:pt x="864" y="158"/>
                  </a:lnTo>
                  <a:lnTo>
                    <a:pt x="869" y="122"/>
                  </a:lnTo>
                  <a:lnTo>
                    <a:pt x="889" y="112"/>
                  </a:lnTo>
                  <a:lnTo>
                    <a:pt x="910" y="168"/>
                  </a:lnTo>
                  <a:lnTo>
                    <a:pt x="905" y="234"/>
                  </a:lnTo>
                  <a:lnTo>
                    <a:pt x="925" y="178"/>
                  </a:lnTo>
                  <a:lnTo>
                    <a:pt x="925" y="142"/>
                  </a:lnTo>
                  <a:lnTo>
                    <a:pt x="930" y="137"/>
                  </a:lnTo>
                  <a:lnTo>
                    <a:pt x="935" y="148"/>
                  </a:lnTo>
                  <a:lnTo>
                    <a:pt x="966" y="153"/>
                  </a:lnTo>
                  <a:lnTo>
                    <a:pt x="971" y="102"/>
                  </a:lnTo>
                  <a:lnTo>
                    <a:pt x="997" y="92"/>
                  </a:lnTo>
                  <a:lnTo>
                    <a:pt x="1038" y="102"/>
                  </a:lnTo>
                  <a:lnTo>
                    <a:pt x="1038" y="148"/>
                  </a:lnTo>
                  <a:lnTo>
                    <a:pt x="1022" y="163"/>
                  </a:lnTo>
                  <a:lnTo>
                    <a:pt x="1033" y="188"/>
                  </a:lnTo>
                  <a:lnTo>
                    <a:pt x="1007" y="219"/>
                  </a:lnTo>
                  <a:lnTo>
                    <a:pt x="1027" y="224"/>
                  </a:lnTo>
                  <a:lnTo>
                    <a:pt x="1027" y="244"/>
                  </a:lnTo>
                  <a:lnTo>
                    <a:pt x="1007" y="265"/>
                  </a:lnTo>
                  <a:lnTo>
                    <a:pt x="981" y="259"/>
                  </a:lnTo>
                  <a:lnTo>
                    <a:pt x="976" y="290"/>
                  </a:lnTo>
                  <a:lnTo>
                    <a:pt x="987" y="310"/>
                  </a:lnTo>
                  <a:lnTo>
                    <a:pt x="1002" y="310"/>
                  </a:lnTo>
                  <a:lnTo>
                    <a:pt x="1012" y="346"/>
                  </a:lnTo>
                  <a:lnTo>
                    <a:pt x="1027" y="351"/>
                  </a:lnTo>
                  <a:lnTo>
                    <a:pt x="1027" y="366"/>
                  </a:lnTo>
                  <a:lnTo>
                    <a:pt x="1017" y="376"/>
                  </a:lnTo>
                  <a:lnTo>
                    <a:pt x="1022" y="397"/>
                  </a:lnTo>
                  <a:lnTo>
                    <a:pt x="1012" y="402"/>
                  </a:lnTo>
                  <a:lnTo>
                    <a:pt x="1007" y="417"/>
                  </a:lnTo>
                  <a:lnTo>
                    <a:pt x="1017" y="422"/>
                  </a:lnTo>
                  <a:lnTo>
                    <a:pt x="1027" y="504"/>
                  </a:lnTo>
                  <a:lnTo>
                    <a:pt x="1038" y="514"/>
                  </a:lnTo>
                  <a:lnTo>
                    <a:pt x="1043" y="483"/>
                  </a:lnTo>
                  <a:lnTo>
                    <a:pt x="1068" y="488"/>
                  </a:lnTo>
                  <a:lnTo>
                    <a:pt x="1084" y="504"/>
                  </a:lnTo>
                  <a:lnTo>
                    <a:pt x="1063" y="498"/>
                  </a:lnTo>
                  <a:lnTo>
                    <a:pt x="1053" y="509"/>
                  </a:lnTo>
                  <a:lnTo>
                    <a:pt x="1063" y="524"/>
                  </a:lnTo>
                  <a:lnTo>
                    <a:pt x="1094" y="534"/>
                  </a:lnTo>
                  <a:lnTo>
                    <a:pt x="1109" y="524"/>
                  </a:lnTo>
                  <a:lnTo>
                    <a:pt x="1125" y="544"/>
                  </a:lnTo>
                  <a:lnTo>
                    <a:pt x="1130" y="570"/>
                  </a:lnTo>
                  <a:lnTo>
                    <a:pt x="1084" y="570"/>
                  </a:lnTo>
                  <a:lnTo>
                    <a:pt x="1068" y="600"/>
                  </a:lnTo>
                  <a:lnTo>
                    <a:pt x="1048" y="595"/>
                  </a:lnTo>
                  <a:lnTo>
                    <a:pt x="1043" y="605"/>
                  </a:lnTo>
                  <a:lnTo>
                    <a:pt x="1063" y="615"/>
                  </a:lnTo>
                  <a:lnTo>
                    <a:pt x="1084" y="641"/>
                  </a:lnTo>
                  <a:lnTo>
                    <a:pt x="1094" y="631"/>
                  </a:lnTo>
                  <a:lnTo>
                    <a:pt x="1104" y="636"/>
                  </a:lnTo>
                  <a:lnTo>
                    <a:pt x="1114" y="631"/>
                  </a:lnTo>
                  <a:lnTo>
                    <a:pt x="1125" y="651"/>
                  </a:lnTo>
                  <a:lnTo>
                    <a:pt x="1145" y="666"/>
                  </a:lnTo>
                  <a:lnTo>
                    <a:pt x="1165" y="707"/>
                  </a:lnTo>
                  <a:lnTo>
                    <a:pt x="1165" y="727"/>
                  </a:lnTo>
                  <a:lnTo>
                    <a:pt x="1140" y="717"/>
                  </a:lnTo>
                  <a:lnTo>
                    <a:pt x="1135" y="737"/>
                  </a:lnTo>
                  <a:lnTo>
                    <a:pt x="1119" y="753"/>
                  </a:lnTo>
                  <a:lnTo>
                    <a:pt x="1104" y="753"/>
                  </a:lnTo>
                  <a:lnTo>
                    <a:pt x="1125" y="758"/>
                  </a:lnTo>
                  <a:lnTo>
                    <a:pt x="1135" y="743"/>
                  </a:lnTo>
                  <a:lnTo>
                    <a:pt x="1155" y="783"/>
                  </a:lnTo>
                  <a:lnTo>
                    <a:pt x="1150" y="748"/>
                  </a:lnTo>
                  <a:lnTo>
                    <a:pt x="1160" y="743"/>
                  </a:lnTo>
                  <a:lnTo>
                    <a:pt x="1201" y="783"/>
                  </a:lnTo>
                  <a:lnTo>
                    <a:pt x="1201" y="804"/>
                  </a:lnTo>
                  <a:lnTo>
                    <a:pt x="1181" y="809"/>
                  </a:lnTo>
                  <a:lnTo>
                    <a:pt x="1186" y="819"/>
                  </a:lnTo>
                  <a:lnTo>
                    <a:pt x="1165" y="834"/>
                  </a:lnTo>
                  <a:lnTo>
                    <a:pt x="1140" y="829"/>
                  </a:lnTo>
                  <a:lnTo>
                    <a:pt x="1130" y="799"/>
                  </a:lnTo>
                  <a:lnTo>
                    <a:pt x="1135" y="849"/>
                  </a:lnTo>
                  <a:lnTo>
                    <a:pt x="1145" y="854"/>
                  </a:lnTo>
                  <a:lnTo>
                    <a:pt x="1191" y="849"/>
                  </a:lnTo>
                  <a:lnTo>
                    <a:pt x="1201" y="890"/>
                  </a:lnTo>
                  <a:lnTo>
                    <a:pt x="1181" y="895"/>
                  </a:lnTo>
                  <a:lnTo>
                    <a:pt x="1165" y="921"/>
                  </a:lnTo>
                  <a:lnTo>
                    <a:pt x="1114" y="910"/>
                  </a:lnTo>
                  <a:lnTo>
                    <a:pt x="1099" y="890"/>
                  </a:lnTo>
                  <a:lnTo>
                    <a:pt x="1094" y="910"/>
                  </a:lnTo>
                  <a:lnTo>
                    <a:pt x="1058" y="895"/>
                  </a:lnTo>
                  <a:lnTo>
                    <a:pt x="1089" y="921"/>
                  </a:lnTo>
                  <a:lnTo>
                    <a:pt x="1063" y="956"/>
                  </a:lnTo>
                  <a:lnTo>
                    <a:pt x="1022" y="946"/>
                  </a:lnTo>
                  <a:lnTo>
                    <a:pt x="1048" y="956"/>
                  </a:lnTo>
                  <a:lnTo>
                    <a:pt x="1048" y="966"/>
                  </a:lnTo>
                  <a:lnTo>
                    <a:pt x="1022" y="977"/>
                  </a:lnTo>
                  <a:lnTo>
                    <a:pt x="1033" y="982"/>
                  </a:lnTo>
                  <a:lnTo>
                    <a:pt x="1033" y="971"/>
                  </a:lnTo>
                  <a:lnTo>
                    <a:pt x="1063" y="961"/>
                  </a:lnTo>
                  <a:lnTo>
                    <a:pt x="1079" y="946"/>
                  </a:lnTo>
                  <a:lnTo>
                    <a:pt x="1079" y="936"/>
                  </a:lnTo>
                  <a:lnTo>
                    <a:pt x="1099" y="926"/>
                  </a:lnTo>
                  <a:lnTo>
                    <a:pt x="1181" y="951"/>
                  </a:lnTo>
                  <a:lnTo>
                    <a:pt x="1201" y="1027"/>
                  </a:lnTo>
                  <a:lnTo>
                    <a:pt x="1150" y="1017"/>
                  </a:lnTo>
                  <a:lnTo>
                    <a:pt x="1104" y="961"/>
                  </a:lnTo>
                  <a:lnTo>
                    <a:pt x="1058" y="1007"/>
                  </a:lnTo>
                  <a:lnTo>
                    <a:pt x="1068" y="1012"/>
                  </a:lnTo>
                  <a:lnTo>
                    <a:pt x="1104" y="977"/>
                  </a:lnTo>
                  <a:lnTo>
                    <a:pt x="1119" y="1007"/>
                  </a:lnTo>
                  <a:lnTo>
                    <a:pt x="1109" y="1027"/>
                  </a:lnTo>
                  <a:lnTo>
                    <a:pt x="1114" y="1032"/>
                  </a:lnTo>
                  <a:lnTo>
                    <a:pt x="1125" y="1017"/>
                  </a:lnTo>
                  <a:lnTo>
                    <a:pt x="1130" y="1027"/>
                  </a:lnTo>
                  <a:lnTo>
                    <a:pt x="1201" y="1048"/>
                  </a:lnTo>
                  <a:lnTo>
                    <a:pt x="1206" y="1063"/>
                  </a:lnTo>
                  <a:lnTo>
                    <a:pt x="1222" y="1058"/>
                  </a:lnTo>
                  <a:lnTo>
                    <a:pt x="1211" y="1088"/>
                  </a:lnTo>
                  <a:lnTo>
                    <a:pt x="1222" y="1109"/>
                  </a:lnTo>
                  <a:lnTo>
                    <a:pt x="1222" y="1088"/>
                  </a:lnTo>
                  <a:lnTo>
                    <a:pt x="1237" y="1083"/>
                  </a:lnTo>
                  <a:lnTo>
                    <a:pt x="1273" y="1175"/>
                  </a:lnTo>
                  <a:lnTo>
                    <a:pt x="1247" y="1180"/>
                  </a:lnTo>
                  <a:lnTo>
                    <a:pt x="1232" y="1144"/>
                  </a:lnTo>
                  <a:lnTo>
                    <a:pt x="1242" y="1185"/>
                  </a:lnTo>
                  <a:lnTo>
                    <a:pt x="1232" y="1190"/>
                  </a:lnTo>
                  <a:lnTo>
                    <a:pt x="1201" y="1185"/>
                  </a:lnTo>
                  <a:lnTo>
                    <a:pt x="1176" y="1160"/>
                  </a:lnTo>
                  <a:lnTo>
                    <a:pt x="1176" y="1144"/>
                  </a:lnTo>
                  <a:lnTo>
                    <a:pt x="1160" y="1134"/>
                  </a:lnTo>
                  <a:lnTo>
                    <a:pt x="1109" y="1109"/>
                  </a:lnTo>
                  <a:lnTo>
                    <a:pt x="1073" y="1114"/>
                  </a:lnTo>
                  <a:lnTo>
                    <a:pt x="1073" y="1124"/>
                  </a:lnTo>
                  <a:lnTo>
                    <a:pt x="1114" y="1119"/>
                  </a:lnTo>
                  <a:lnTo>
                    <a:pt x="1125" y="1144"/>
                  </a:lnTo>
                  <a:lnTo>
                    <a:pt x="1104" y="1175"/>
                  </a:lnTo>
                  <a:lnTo>
                    <a:pt x="1048" y="1185"/>
                  </a:lnTo>
                  <a:lnTo>
                    <a:pt x="1063" y="1190"/>
                  </a:lnTo>
                  <a:lnTo>
                    <a:pt x="1063" y="1216"/>
                  </a:lnTo>
                  <a:lnTo>
                    <a:pt x="1038" y="1241"/>
                  </a:lnTo>
                  <a:lnTo>
                    <a:pt x="1089" y="1236"/>
                  </a:lnTo>
                  <a:lnTo>
                    <a:pt x="1114" y="1221"/>
                  </a:lnTo>
                  <a:lnTo>
                    <a:pt x="1119" y="1231"/>
                  </a:lnTo>
                  <a:lnTo>
                    <a:pt x="1104" y="1241"/>
                  </a:lnTo>
                  <a:lnTo>
                    <a:pt x="1094" y="1271"/>
                  </a:lnTo>
                  <a:lnTo>
                    <a:pt x="1104" y="1271"/>
                  </a:lnTo>
                  <a:lnTo>
                    <a:pt x="1109" y="1251"/>
                  </a:lnTo>
                  <a:lnTo>
                    <a:pt x="1155" y="1221"/>
                  </a:lnTo>
                  <a:lnTo>
                    <a:pt x="1217" y="1226"/>
                  </a:lnTo>
                  <a:lnTo>
                    <a:pt x="1263" y="1210"/>
                  </a:lnTo>
                  <a:lnTo>
                    <a:pt x="1268" y="1216"/>
                  </a:lnTo>
                  <a:lnTo>
                    <a:pt x="1242" y="1241"/>
                  </a:lnTo>
                  <a:lnTo>
                    <a:pt x="1247" y="1251"/>
                  </a:lnTo>
                  <a:lnTo>
                    <a:pt x="1222" y="1266"/>
                  </a:lnTo>
                  <a:lnTo>
                    <a:pt x="1232" y="1277"/>
                  </a:lnTo>
                  <a:lnTo>
                    <a:pt x="1211" y="1282"/>
                  </a:lnTo>
                  <a:lnTo>
                    <a:pt x="1222" y="1292"/>
                  </a:lnTo>
                  <a:lnTo>
                    <a:pt x="1191" y="1322"/>
                  </a:lnTo>
                  <a:lnTo>
                    <a:pt x="1201" y="1332"/>
                  </a:lnTo>
                  <a:lnTo>
                    <a:pt x="1165" y="1388"/>
                  </a:lnTo>
                  <a:lnTo>
                    <a:pt x="1079" y="1449"/>
                  </a:lnTo>
                  <a:lnTo>
                    <a:pt x="1053" y="1449"/>
                  </a:lnTo>
                  <a:lnTo>
                    <a:pt x="1043" y="1465"/>
                  </a:lnTo>
                  <a:lnTo>
                    <a:pt x="1027" y="1465"/>
                  </a:lnTo>
                  <a:lnTo>
                    <a:pt x="1033" y="1475"/>
                  </a:lnTo>
                  <a:lnTo>
                    <a:pt x="1017" y="1485"/>
                  </a:lnTo>
                  <a:lnTo>
                    <a:pt x="966" y="1455"/>
                  </a:lnTo>
                  <a:lnTo>
                    <a:pt x="976" y="1505"/>
                  </a:lnTo>
                  <a:lnTo>
                    <a:pt x="946" y="1536"/>
                  </a:lnTo>
                  <a:lnTo>
                    <a:pt x="920" y="1643"/>
                  </a:lnTo>
                  <a:lnTo>
                    <a:pt x="915" y="1638"/>
                  </a:lnTo>
                  <a:lnTo>
                    <a:pt x="910" y="1643"/>
                  </a:lnTo>
                  <a:lnTo>
                    <a:pt x="910" y="1658"/>
                  </a:lnTo>
                  <a:lnTo>
                    <a:pt x="884" y="1683"/>
                  </a:lnTo>
                  <a:lnTo>
                    <a:pt x="859" y="1663"/>
                  </a:lnTo>
                  <a:lnTo>
                    <a:pt x="869" y="1699"/>
                  </a:lnTo>
                  <a:lnTo>
                    <a:pt x="854" y="1709"/>
                  </a:lnTo>
                  <a:lnTo>
                    <a:pt x="849" y="1724"/>
                  </a:lnTo>
                  <a:lnTo>
                    <a:pt x="838" y="1709"/>
                  </a:lnTo>
                  <a:lnTo>
                    <a:pt x="828" y="1734"/>
                  </a:lnTo>
                  <a:lnTo>
                    <a:pt x="818" y="1724"/>
                  </a:lnTo>
                  <a:lnTo>
                    <a:pt x="803" y="1750"/>
                  </a:lnTo>
                  <a:lnTo>
                    <a:pt x="792" y="1755"/>
                  </a:lnTo>
                  <a:lnTo>
                    <a:pt x="782" y="1750"/>
                  </a:lnTo>
                  <a:lnTo>
                    <a:pt x="803" y="1683"/>
                  </a:lnTo>
                  <a:lnTo>
                    <a:pt x="767" y="1678"/>
                  </a:lnTo>
                  <a:lnTo>
                    <a:pt x="787" y="1688"/>
                  </a:lnTo>
                  <a:lnTo>
                    <a:pt x="772" y="1724"/>
                  </a:lnTo>
                  <a:lnTo>
                    <a:pt x="757" y="1714"/>
                  </a:lnTo>
                  <a:lnTo>
                    <a:pt x="772" y="1729"/>
                  </a:lnTo>
                  <a:lnTo>
                    <a:pt x="772" y="1744"/>
                  </a:lnTo>
                  <a:lnTo>
                    <a:pt x="757" y="1755"/>
                  </a:lnTo>
                  <a:lnTo>
                    <a:pt x="690" y="1765"/>
                  </a:lnTo>
                  <a:lnTo>
                    <a:pt x="716" y="1780"/>
                  </a:lnTo>
                  <a:lnTo>
                    <a:pt x="716" y="1790"/>
                  </a:lnTo>
                  <a:lnTo>
                    <a:pt x="700" y="1805"/>
                  </a:lnTo>
                  <a:lnTo>
                    <a:pt x="690" y="1811"/>
                  </a:lnTo>
                  <a:lnTo>
                    <a:pt x="654" y="1805"/>
                  </a:lnTo>
                  <a:lnTo>
                    <a:pt x="659" y="1831"/>
                  </a:lnTo>
                  <a:lnTo>
                    <a:pt x="675" y="1826"/>
                  </a:lnTo>
                  <a:lnTo>
                    <a:pt x="695" y="1861"/>
                  </a:lnTo>
                  <a:lnTo>
                    <a:pt x="685" y="1882"/>
                  </a:lnTo>
                  <a:lnTo>
                    <a:pt x="675" y="1882"/>
                  </a:lnTo>
                  <a:lnTo>
                    <a:pt x="670" y="1892"/>
                  </a:lnTo>
                  <a:lnTo>
                    <a:pt x="639" y="1887"/>
                  </a:lnTo>
                  <a:lnTo>
                    <a:pt x="659" y="1902"/>
                  </a:lnTo>
                  <a:lnTo>
                    <a:pt x="665" y="1897"/>
                  </a:lnTo>
                  <a:lnTo>
                    <a:pt x="680" y="1902"/>
                  </a:lnTo>
                  <a:lnTo>
                    <a:pt x="675" y="1922"/>
                  </a:lnTo>
                  <a:lnTo>
                    <a:pt x="680" y="1943"/>
                  </a:lnTo>
                  <a:lnTo>
                    <a:pt x="675" y="1958"/>
                  </a:lnTo>
                  <a:lnTo>
                    <a:pt x="659" y="1963"/>
                  </a:lnTo>
                  <a:lnTo>
                    <a:pt x="654" y="1978"/>
                  </a:lnTo>
                  <a:lnTo>
                    <a:pt x="659" y="1983"/>
                  </a:lnTo>
                  <a:lnTo>
                    <a:pt x="644" y="2004"/>
                  </a:lnTo>
                  <a:lnTo>
                    <a:pt x="624" y="2004"/>
                  </a:lnTo>
                  <a:lnTo>
                    <a:pt x="613" y="1994"/>
                  </a:lnTo>
                  <a:lnTo>
                    <a:pt x="634" y="2014"/>
                  </a:lnTo>
                  <a:lnTo>
                    <a:pt x="624" y="2039"/>
                  </a:lnTo>
                  <a:lnTo>
                    <a:pt x="578" y="2039"/>
                  </a:lnTo>
                  <a:lnTo>
                    <a:pt x="613" y="2055"/>
                  </a:lnTo>
                  <a:lnTo>
                    <a:pt x="603" y="2095"/>
                  </a:lnTo>
                  <a:lnTo>
                    <a:pt x="613" y="2105"/>
                  </a:lnTo>
                  <a:lnTo>
                    <a:pt x="613" y="2121"/>
                  </a:lnTo>
                  <a:lnTo>
                    <a:pt x="608" y="2131"/>
                  </a:lnTo>
                  <a:lnTo>
                    <a:pt x="593" y="2131"/>
                  </a:lnTo>
                  <a:lnTo>
                    <a:pt x="603" y="2136"/>
                  </a:lnTo>
                  <a:lnTo>
                    <a:pt x="603" y="2146"/>
                  </a:lnTo>
                  <a:lnTo>
                    <a:pt x="583" y="2228"/>
                  </a:lnTo>
                  <a:lnTo>
                    <a:pt x="562" y="2253"/>
                  </a:lnTo>
                  <a:lnTo>
                    <a:pt x="526" y="2243"/>
                  </a:lnTo>
                  <a:lnTo>
                    <a:pt x="562" y="2263"/>
                  </a:lnTo>
                  <a:lnTo>
                    <a:pt x="562" y="2294"/>
                  </a:lnTo>
                  <a:lnTo>
                    <a:pt x="552" y="2304"/>
                  </a:lnTo>
                  <a:lnTo>
                    <a:pt x="521" y="2294"/>
                  </a:lnTo>
                  <a:lnTo>
                    <a:pt x="537" y="2314"/>
                  </a:lnTo>
                  <a:lnTo>
                    <a:pt x="516" y="2314"/>
                  </a:lnTo>
                  <a:lnTo>
                    <a:pt x="516" y="2304"/>
                  </a:lnTo>
                  <a:lnTo>
                    <a:pt x="501" y="2309"/>
                  </a:lnTo>
                  <a:lnTo>
                    <a:pt x="511" y="2273"/>
                  </a:lnTo>
                  <a:lnTo>
                    <a:pt x="496" y="2294"/>
                  </a:lnTo>
                  <a:lnTo>
                    <a:pt x="480" y="2294"/>
                  </a:lnTo>
                  <a:lnTo>
                    <a:pt x="455" y="2278"/>
                  </a:lnTo>
                  <a:lnTo>
                    <a:pt x="455" y="2258"/>
                  </a:lnTo>
                  <a:lnTo>
                    <a:pt x="470" y="2258"/>
                  </a:lnTo>
                  <a:lnTo>
                    <a:pt x="486" y="2233"/>
                  </a:lnTo>
                  <a:lnTo>
                    <a:pt x="460" y="2253"/>
                  </a:lnTo>
                  <a:lnTo>
                    <a:pt x="424" y="2233"/>
                  </a:lnTo>
                  <a:lnTo>
                    <a:pt x="419" y="2217"/>
                  </a:lnTo>
                  <a:lnTo>
                    <a:pt x="434" y="2197"/>
                  </a:lnTo>
                  <a:lnTo>
                    <a:pt x="440" y="2182"/>
                  </a:lnTo>
                  <a:lnTo>
                    <a:pt x="434" y="2177"/>
                  </a:lnTo>
                  <a:lnTo>
                    <a:pt x="388" y="2212"/>
                  </a:lnTo>
                  <a:lnTo>
                    <a:pt x="358" y="2207"/>
                  </a:lnTo>
                  <a:lnTo>
                    <a:pt x="342" y="2207"/>
                  </a:lnTo>
                  <a:lnTo>
                    <a:pt x="342" y="2217"/>
                  </a:lnTo>
                  <a:lnTo>
                    <a:pt x="322" y="2212"/>
                  </a:lnTo>
                  <a:lnTo>
                    <a:pt x="322" y="2202"/>
                  </a:lnTo>
                  <a:lnTo>
                    <a:pt x="348" y="2192"/>
                  </a:lnTo>
                  <a:lnTo>
                    <a:pt x="317" y="2187"/>
                  </a:lnTo>
                  <a:lnTo>
                    <a:pt x="317" y="2172"/>
                  </a:lnTo>
                  <a:lnTo>
                    <a:pt x="291" y="2161"/>
                  </a:lnTo>
                  <a:lnTo>
                    <a:pt x="291" y="2136"/>
                  </a:lnTo>
                  <a:lnTo>
                    <a:pt x="281" y="2131"/>
                  </a:lnTo>
                  <a:lnTo>
                    <a:pt x="286" y="2121"/>
                  </a:lnTo>
                  <a:lnTo>
                    <a:pt x="281" y="2095"/>
                  </a:lnTo>
                  <a:lnTo>
                    <a:pt x="307" y="2085"/>
                  </a:lnTo>
                  <a:lnTo>
                    <a:pt x="296" y="2080"/>
                  </a:lnTo>
                  <a:lnTo>
                    <a:pt x="266" y="2085"/>
                  </a:lnTo>
                  <a:lnTo>
                    <a:pt x="276" y="2065"/>
                  </a:lnTo>
                  <a:lnTo>
                    <a:pt x="256" y="2055"/>
                  </a:lnTo>
                  <a:lnTo>
                    <a:pt x="245" y="2039"/>
                  </a:lnTo>
                  <a:lnTo>
                    <a:pt x="250" y="2019"/>
                  </a:lnTo>
                  <a:lnTo>
                    <a:pt x="245" y="2014"/>
                  </a:lnTo>
                  <a:lnTo>
                    <a:pt x="271" y="1983"/>
                  </a:lnTo>
                  <a:lnTo>
                    <a:pt x="245" y="2004"/>
                  </a:lnTo>
                  <a:lnTo>
                    <a:pt x="220" y="1958"/>
                  </a:lnTo>
                  <a:lnTo>
                    <a:pt x="204" y="1907"/>
                  </a:lnTo>
                  <a:lnTo>
                    <a:pt x="215" y="1892"/>
                  </a:lnTo>
                  <a:lnTo>
                    <a:pt x="210" y="1882"/>
                  </a:lnTo>
                  <a:lnTo>
                    <a:pt x="266" y="1872"/>
                  </a:lnTo>
                  <a:lnTo>
                    <a:pt x="256" y="1872"/>
                  </a:lnTo>
                  <a:lnTo>
                    <a:pt x="261" y="1861"/>
                  </a:lnTo>
                  <a:lnTo>
                    <a:pt x="210" y="1877"/>
                  </a:lnTo>
                  <a:lnTo>
                    <a:pt x="204" y="1861"/>
                  </a:lnTo>
                  <a:lnTo>
                    <a:pt x="230" y="1831"/>
                  </a:lnTo>
                  <a:lnTo>
                    <a:pt x="245" y="1836"/>
                  </a:lnTo>
                  <a:lnTo>
                    <a:pt x="250" y="1826"/>
                  </a:lnTo>
                  <a:lnTo>
                    <a:pt x="271" y="1826"/>
                  </a:lnTo>
                  <a:lnTo>
                    <a:pt x="281" y="1851"/>
                  </a:lnTo>
                  <a:lnTo>
                    <a:pt x="281" y="1826"/>
                  </a:lnTo>
                  <a:lnTo>
                    <a:pt x="266" y="1816"/>
                  </a:lnTo>
                  <a:lnTo>
                    <a:pt x="250" y="1770"/>
                  </a:lnTo>
                  <a:lnTo>
                    <a:pt x="256" y="1811"/>
                  </a:lnTo>
                  <a:lnTo>
                    <a:pt x="240" y="1826"/>
                  </a:lnTo>
                  <a:lnTo>
                    <a:pt x="230" y="1826"/>
                  </a:lnTo>
                  <a:lnTo>
                    <a:pt x="235" y="1811"/>
                  </a:lnTo>
                  <a:lnTo>
                    <a:pt x="204" y="1856"/>
                  </a:lnTo>
                  <a:lnTo>
                    <a:pt x="199" y="1861"/>
                  </a:lnTo>
                  <a:lnTo>
                    <a:pt x="194" y="1856"/>
                  </a:lnTo>
                  <a:lnTo>
                    <a:pt x="199" y="1770"/>
                  </a:lnTo>
                  <a:lnTo>
                    <a:pt x="189" y="1750"/>
                  </a:lnTo>
                  <a:lnTo>
                    <a:pt x="230" y="1719"/>
                  </a:lnTo>
                  <a:lnTo>
                    <a:pt x="256" y="1714"/>
                  </a:lnTo>
                  <a:lnTo>
                    <a:pt x="225" y="1719"/>
                  </a:lnTo>
                  <a:lnTo>
                    <a:pt x="189" y="1739"/>
                  </a:lnTo>
                  <a:lnTo>
                    <a:pt x="184" y="1724"/>
                  </a:lnTo>
                  <a:lnTo>
                    <a:pt x="169" y="1724"/>
                  </a:lnTo>
                  <a:lnTo>
                    <a:pt x="179" y="1683"/>
                  </a:lnTo>
                  <a:lnTo>
                    <a:pt x="169" y="1683"/>
                  </a:lnTo>
                  <a:lnTo>
                    <a:pt x="169" y="1673"/>
                  </a:lnTo>
                  <a:lnTo>
                    <a:pt x="235" y="1627"/>
                  </a:lnTo>
                  <a:lnTo>
                    <a:pt x="245" y="1627"/>
                  </a:lnTo>
                  <a:lnTo>
                    <a:pt x="266" y="1607"/>
                  </a:lnTo>
                  <a:lnTo>
                    <a:pt x="184" y="1663"/>
                  </a:lnTo>
                  <a:lnTo>
                    <a:pt x="158" y="1663"/>
                  </a:lnTo>
                  <a:lnTo>
                    <a:pt x="174" y="1617"/>
                  </a:lnTo>
                  <a:lnTo>
                    <a:pt x="194" y="1602"/>
                  </a:lnTo>
                  <a:lnTo>
                    <a:pt x="220" y="1602"/>
                  </a:lnTo>
                  <a:lnTo>
                    <a:pt x="179" y="1592"/>
                  </a:lnTo>
                  <a:lnTo>
                    <a:pt x="169" y="1566"/>
                  </a:lnTo>
                  <a:lnTo>
                    <a:pt x="179" y="1541"/>
                  </a:lnTo>
                  <a:lnTo>
                    <a:pt x="225" y="1516"/>
                  </a:lnTo>
                  <a:lnTo>
                    <a:pt x="296" y="1551"/>
                  </a:lnTo>
                  <a:lnTo>
                    <a:pt x="276" y="1531"/>
                  </a:lnTo>
                  <a:lnTo>
                    <a:pt x="291" y="1526"/>
                  </a:lnTo>
                  <a:lnTo>
                    <a:pt x="286" y="1521"/>
                  </a:lnTo>
                  <a:lnTo>
                    <a:pt x="256" y="1526"/>
                  </a:lnTo>
                  <a:lnTo>
                    <a:pt x="235" y="1510"/>
                  </a:lnTo>
                  <a:lnTo>
                    <a:pt x="194" y="1531"/>
                  </a:lnTo>
                  <a:lnTo>
                    <a:pt x="179" y="1531"/>
                  </a:lnTo>
                  <a:lnTo>
                    <a:pt x="215" y="1470"/>
                  </a:lnTo>
                  <a:lnTo>
                    <a:pt x="261" y="1495"/>
                  </a:lnTo>
                  <a:lnTo>
                    <a:pt x="281" y="1480"/>
                  </a:lnTo>
                  <a:lnTo>
                    <a:pt x="286" y="1460"/>
                  </a:lnTo>
                  <a:lnTo>
                    <a:pt x="276" y="1460"/>
                  </a:lnTo>
                  <a:lnTo>
                    <a:pt x="271" y="1475"/>
                  </a:lnTo>
                  <a:lnTo>
                    <a:pt x="240" y="1475"/>
                  </a:lnTo>
                  <a:lnTo>
                    <a:pt x="210" y="1455"/>
                  </a:lnTo>
                  <a:lnTo>
                    <a:pt x="240" y="1424"/>
                  </a:lnTo>
                  <a:lnTo>
                    <a:pt x="276" y="1449"/>
                  </a:lnTo>
                  <a:lnTo>
                    <a:pt x="302" y="1439"/>
                  </a:lnTo>
                  <a:lnTo>
                    <a:pt x="307" y="1424"/>
                  </a:lnTo>
                  <a:lnTo>
                    <a:pt x="291" y="1429"/>
                  </a:lnTo>
                  <a:lnTo>
                    <a:pt x="302" y="1394"/>
                  </a:lnTo>
                  <a:lnTo>
                    <a:pt x="327" y="1394"/>
                  </a:lnTo>
                  <a:lnTo>
                    <a:pt x="322" y="1383"/>
                  </a:lnTo>
                  <a:lnTo>
                    <a:pt x="312" y="1388"/>
                  </a:lnTo>
                  <a:lnTo>
                    <a:pt x="302" y="1383"/>
                  </a:lnTo>
                  <a:lnTo>
                    <a:pt x="317" y="1343"/>
                  </a:lnTo>
                  <a:lnTo>
                    <a:pt x="337" y="1332"/>
                  </a:lnTo>
                  <a:lnTo>
                    <a:pt x="332" y="1317"/>
                  </a:lnTo>
                  <a:lnTo>
                    <a:pt x="342" y="1312"/>
                  </a:lnTo>
                  <a:lnTo>
                    <a:pt x="337" y="1307"/>
                  </a:lnTo>
                  <a:lnTo>
                    <a:pt x="322" y="1312"/>
                  </a:lnTo>
                  <a:lnTo>
                    <a:pt x="312" y="1302"/>
                  </a:lnTo>
                  <a:lnTo>
                    <a:pt x="296" y="1307"/>
                  </a:lnTo>
                  <a:lnTo>
                    <a:pt x="276" y="1297"/>
                  </a:lnTo>
                  <a:lnTo>
                    <a:pt x="245" y="1261"/>
                  </a:lnTo>
                  <a:lnTo>
                    <a:pt x="220" y="1246"/>
                  </a:lnTo>
                  <a:lnTo>
                    <a:pt x="215" y="1221"/>
                  </a:lnTo>
                  <a:lnTo>
                    <a:pt x="230" y="1210"/>
                  </a:lnTo>
                  <a:lnTo>
                    <a:pt x="250" y="1226"/>
                  </a:lnTo>
                  <a:lnTo>
                    <a:pt x="271" y="1226"/>
                  </a:lnTo>
                  <a:lnTo>
                    <a:pt x="307" y="1266"/>
                  </a:lnTo>
                  <a:lnTo>
                    <a:pt x="327" y="1277"/>
                  </a:lnTo>
                  <a:lnTo>
                    <a:pt x="332" y="1266"/>
                  </a:lnTo>
                  <a:lnTo>
                    <a:pt x="317" y="1256"/>
                  </a:lnTo>
                  <a:lnTo>
                    <a:pt x="322" y="1226"/>
                  </a:lnTo>
                  <a:lnTo>
                    <a:pt x="307" y="1210"/>
                  </a:lnTo>
                  <a:lnTo>
                    <a:pt x="322" y="1216"/>
                  </a:lnTo>
                  <a:lnTo>
                    <a:pt x="332" y="1210"/>
                  </a:lnTo>
                  <a:lnTo>
                    <a:pt x="286" y="1185"/>
                  </a:lnTo>
                  <a:lnTo>
                    <a:pt x="271" y="1185"/>
                  </a:lnTo>
                  <a:lnTo>
                    <a:pt x="271" y="1170"/>
                  </a:lnTo>
                  <a:lnTo>
                    <a:pt x="286" y="1154"/>
                  </a:lnTo>
                  <a:lnTo>
                    <a:pt x="317" y="1144"/>
                  </a:lnTo>
                  <a:lnTo>
                    <a:pt x="291" y="1139"/>
                  </a:lnTo>
                  <a:lnTo>
                    <a:pt x="271" y="1149"/>
                  </a:lnTo>
                  <a:lnTo>
                    <a:pt x="266" y="1144"/>
                  </a:lnTo>
                  <a:lnTo>
                    <a:pt x="276" y="1129"/>
                  </a:lnTo>
                  <a:lnTo>
                    <a:pt x="266" y="1088"/>
                  </a:lnTo>
                  <a:lnTo>
                    <a:pt x="271" y="1068"/>
                  </a:lnTo>
                  <a:lnTo>
                    <a:pt x="266" y="1068"/>
                  </a:lnTo>
                  <a:lnTo>
                    <a:pt x="271" y="1119"/>
                  </a:lnTo>
                  <a:lnTo>
                    <a:pt x="250" y="1134"/>
                  </a:lnTo>
                  <a:lnTo>
                    <a:pt x="250" y="1149"/>
                  </a:lnTo>
                  <a:lnTo>
                    <a:pt x="225" y="1160"/>
                  </a:lnTo>
                  <a:lnTo>
                    <a:pt x="199" y="1144"/>
                  </a:lnTo>
                  <a:lnTo>
                    <a:pt x="199" y="1114"/>
                  </a:lnTo>
                  <a:lnTo>
                    <a:pt x="240" y="1063"/>
                  </a:lnTo>
                  <a:lnTo>
                    <a:pt x="235" y="1058"/>
                  </a:lnTo>
                  <a:lnTo>
                    <a:pt x="220" y="1073"/>
                  </a:lnTo>
                  <a:lnTo>
                    <a:pt x="210" y="1068"/>
                  </a:lnTo>
                  <a:lnTo>
                    <a:pt x="225" y="1058"/>
                  </a:lnTo>
                  <a:lnTo>
                    <a:pt x="220" y="1048"/>
                  </a:lnTo>
                  <a:lnTo>
                    <a:pt x="225" y="1043"/>
                  </a:lnTo>
                  <a:lnTo>
                    <a:pt x="235" y="1048"/>
                  </a:lnTo>
                  <a:lnTo>
                    <a:pt x="250" y="1027"/>
                  </a:lnTo>
                  <a:lnTo>
                    <a:pt x="250" y="1002"/>
                  </a:lnTo>
                  <a:lnTo>
                    <a:pt x="230" y="997"/>
                  </a:lnTo>
                  <a:lnTo>
                    <a:pt x="230" y="987"/>
                  </a:lnTo>
                  <a:lnTo>
                    <a:pt x="245" y="971"/>
                  </a:lnTo>
                  <a:lnTo>
                    <a:pt x="245" y="951"/>
                  </a:lnTo>
                  <a:lnTo>
                    <a:pt x="235" y="956"/>
                  </a:lnTo>
                  <a:lnTo>
                    <a:pt x="230" y="941"/>
                  </a:lnTo>
                  <a:lnTo>
                    <a:pt x="240" y="921"/>
                  </a:lnTo>
                  <a:lnTo>
                    <a:pt x="240" y="885"/>
                  </a:lnTo>
                  <a:lnTo>
                    <a:pt x="215" y="880"/>
                  </a:lnTo>
                  <a:lnTo>
                    <a:pt x="230" y="875"/>
                  </a:lnTo>
                  <a:lnTo>
                    <a:pt x="235" y="849"/>
                  </a:lnTo>
                  <a:lnTo>
                    <a:pt x="245" y="849"/>
                  </a:lnTo>
                  <a:lnTo>
                    <a:pt x="210" y="753"/>
                  </a:lnTo>
                  <a:lnTo>
                    <a:pt x="225" y="743"/>
                  </a:lnTo>
                  <a:lnTo>
                    <a:pt x="220" y="717"/>
                  </a:lnTo>
                  <a:lnTo>
                    <a:pt x="210" y="712"/>
                  </a:lnTo>
                  <a:lnTo>
                    <a:pt x="194" y="682"/>
                  </a:lnTo>
                  <a:lnTo>
                    <a:pt x="133" y="626"/>
                  </a:lnTo>
                  <a:lnTo>
                    <a:pt x="118" y="636"/>
                  </a:lnTo>
                  <a:lnTo>
                    <a:pt x="112" y="621"/>
                  </a:lnTo>
                  <a:lnTo>
                    <a:pt x="82" y="631"/>
                  </a:lnTo>
                  <a:lnTo>
                    <a:pt x="77" y="615"/>
                  </a:lnTo>
                  <a:lnTo>
                    <a:pt x="56" y="621"/>
                  </a:lnTo>
                  <a:lnTo>
                    <a:pt x="46" y="610"/>
                  </a:lnTo>
                  <a:lnTo>
                    <a:pt x="46" y="631"/>
                  </a:lnTo>
                  <a:lnTo>
                    <a:pt x="20" y="610"/>
                  </a:lnTo>
                  <a:lnTo>
                    <a:pt x="5" y="570"/>
                  </a:lnTo>
                  <a:lnTo>
                    <a:pt x="46" y="559"/>
                  </a:lnTo>
                  <a:lnTo>
                    <a:pt x="15" y="534"/>
                  </a:lnTo>
                  <a:lnTo>
                    <a:pt x="26" y="514"/>
                  </a:lnTo>
                  <a:lnTo>
                    <a:pt x="5" y="524"/>
                  </a:lnTo>
                  <a:lnTo>
                    <a:pt x="0" y="519"/>
                  </a:lnTo>
                  <a:lnTo>
                    <a:pt x="5" y="509"/>
                  </a:lnTo>
                  <a:lnTo>
                    <a:pt x="0" y="498"/>
                  </a:lnTo>
                  <a:lnTo>
                    <a:pt x="5" y="488"/>
                  </a:lnTo>
                  <a:lnTo>
                    <a:pt x="41" y="493"/>
                  </a:lnTo>
                  <a:lnTo>
                    <a:pt x="51" y="504"/>
                  </a:lnTo>
                  <a:lnTo>
                    <a:pt x="61" y="493"/>
                  </a:lnTo>
                  <a:lnTo>
                    <a:pt x="77" y="493"/>
                  </a:lnTo>
                  <a:lnTo>
                    <a:pt x="97" y="504"/>
                  </a:lnTo>
                  <a:lnTo>
                    <a:pt x="107" y="519"/>
                  </a:lnTo>
                  <a:lnTo>
                    <a:pt x="118" y="498"/>
                  </a:lnTo>
                  <a:lnTo>
                    <a:pt x="112" y="478"/>
                  </a:lnTo>
                  <a:lnTo>
                    <a:pt x="82" y="483"/>
                  </a:lnTo>
                  <a:lnTo>
                    <a:pt x="77" y="468"/>
                  </a:lnTo>
                  <a:lnTo>
                    <a:pt x="56" y="478"/>
                  </a:lnTo>
                  <a:lnTo>
                    <a:pt x="41" y="443"/>
                  </a:lnTo>
                  <a:lnTo>
                    <a:pt x="56" y="437"/>
                  </a:lnTo>
                  <a:lnTo>
                    <a:pt x="51" y="432"/>
                  </a:lnTo>
                  <a:lnTo>
                    <a:pt x="46" y="437"/>
                  </a:lnTo>
                  <a:lnTo>
                    <a:pt x="26" y="412"/>
                  </a:lnTo>
                  <a:lnTo>
                    <a:pt x="26" y="381"/>
                  </a:lnTo>
                  <a:lnTo>
                    <a:pt x="46" y="356"/>
                  </a:lnTo>
                  <a:lnTo>
                    <a:pt x="82" y="361"/>
                  </a:lnTo>
                  <a:lnTo>
                    <a:pt x="123" y="356"/>
                  </a:lnTo>
                  <a:lnTo>
                    <a:pt x="128" y="346"/>
                  </a:lnTo>
                  <a:lnTo>
                    <a:pt x="164" y="346"/>
                  </a:lnTo>
                  <a:lnTo>
                    <a:pt x="189" y="356"/>
                  </a:lnTo>
                  <a:lnTo>
                    <a:pt x="210" y="336"/>
                  </a:lnTo>
                  <a:lnTo>
                    <a:pt x="235" y="285"/>
                  </a:lnTo>
                  <a:lnTo>
                    <a:pt x="250" y="280"/>
                  </a:lnTo>
                  <a:lnTo>
                    <a:pt x="245" y="275"/>
                  </a:lnTo>
                  <a:lnTo>
                    <a:pt x="220" y="280"/>
                  </a:lnTo>
                  <a:lnTo>
                    <a:pt x="204" y="265"/>
                  </a:lnTo>
                  <a:lnTo>
                    <a:pt x="210" y="244"/>
                  </a:lnTo>
                  <a:lnTo>
                    <a:pt x="276" y="198"/>
                  </a:lnTo>
                  <a:lnTo>
                    <a:pt x="291" y="198"/>
                  </a:lnTo>
                  <a:lnTo>
                    <a:pt x="296" y="219"/>
                  </a:lnTo>
                  <a:lnTo>
                    <a:pt x="307" y="188"/>
                  </a:lnTo>
                  <a:lnTo>
                    <a:pt x="327" y="204"/>
                  </a:lnTo>
                  <a:lnTo>
                    <a:pt x="358" y="137"/>
                  </a:lnTo>
                  <a:lnTo>
                    <a:pt x="368" y="132"/>
                  </a:lnTo>
                  <a:lnTo>
                    <a:pt x="383" y="148"/>
                  </a:lnTo>
                  <a:lnTo>
                    <a:pt x="383" y="163"/>
                  </a:lnTo>
                  <a:lnTo>
                    <a:pt x="404" y="204"/>
                  </a:lnTo>
                  <a:lnTo>
                    <a:pt x="383" y="132"/>
                  </a:lnTo>
                  <a:lnTo>
                    <a:pt x="409" y="122"/>
                  </a:lnTo>
                  <a:lnTo>
                    <a:pt x="440" y="122"/>
                  </a:lnTo>
                  <a:lnTo>
                    <a:pt x="450" y="112"/>
                  </a:lnTo>
                  <a:lnTo>
                    <a:pt x="460" y="122"/>
                  </a:lnTo>
                  <a:lnTo>
                    <a:pt x="450" y="183"/>
                  </a:lnTo>
                  <a:lnTo>
                    <a:pt x="465" y="163"/>
                  </a:lnTo>
                  <a:lnTo>
                    <a:pt x="470" y="122"/>
                  </a:lnTo>
                  <a:lnTo>
                    <a:pt x="491" y="153"/>
                  </a:lnTo>
                  <a:lnTo>
                    <a:pt x="491" y="168"/>
                  </a:lnTo>
                  <a:lnTo>
                    <a:pt x="511" y="168"/>
                  </a:lnTo>
                  <a:lnTo>
                    <a:pt x="501" y="148"/>
                  </a:lnTo>
                  <a:lnTo>
                    <a:pt x="501" y="112"/>
                  </a:lnTo>
                  <a:lnTo>
                    <a:pt x="511" y="112"/>
                  </a:lnTo>
                  <a:lnTo>
                    <a:pt x="578" y="183"/>
                  </a:lnTo>
                  <a:lnTo>
                    <a:pt x="578" y="153"/>
                  </a:lnTo>
                  <a:lnTo>
                    <a:pt x="588" y="127"/>
                  </a:lnTo>
                  <a:lnTo>
                    <a:pt x="572" y="92"/>
                  </a:lnTo>
                  <a:lnTo>
                    <a:pt x="578" y="87"/>
                  </a:lnTo>
                  <a:lnTo>
                    <a:pt x="608" y="92"/>
                  </a:lnTo>
                  <a:lnTo>
                    <a:pt x="619" y="102"/>
                  </a:lnTo>
                  <a:lnTo>
                    <a:pt x="624" y="92"/>
                  </a:lnTo>
                  <a:lnTo>
                    <a:pt x="562" y="81"/>
                  </a:lnTo>
                  <a:lnTo>
                    <a:pt x="567" y="61"/>
                  </a:lnTo>
                  <a:lnTo>
                    <a:pt x="572" y="66"/>
                  </a:lnTo>
                  <a:lnTo>
                    <a:pt x="603" y="46"/>
                  </a:lnTo>
                  <a:lnTo>
                    <a:pt x="613" y="46"/>
                  </a:lnTo>
                  <a:lnTo>
                    <a:pt x="624" y="61"/>
                  </a:lnTo>
                  <a:lnTo>
                    <a:pt x="634" y="36"/>
                  </a:lnTo>
                  <a:lnTo>
                    <a:pt x="659" y="66"/>
                  </a:lnTo>
                  <a:lnTo>
                    <a:pt x="665" y="51"/>
                  </a:lnTo>
                  <a:lnTo>
                    <a:pt x="654" y="46"/>
                  </a:lnTo>
                  <a:lnTo>
                    <a:pt x="649" y="31"/>
                  </a:lnTo>
                  <a:lnTo>
                    <a:pt x="659" y="31"/>
                  </a:lnTo>
                  <a:lnTo>
                    <a:pt x="659" y="20"/>
                  </a:lnTo>
                  <a:lnTo>
                    <a:pt x="746" y="0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>
            <a:spLocks/>
          </p:cNvSpPr>
          <p:nvPr/>
        </p:nvSpPr>
        <p:spPr>
          <a:xfrm>
            <a:off x="3932404" y="2416629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6480389" y="5063749"/>
            <a:ext cx="219076" cy="322263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>
            <a:spLocks/>
          </p:cNvSpPr>
          <p:nvPr/>
        </p:nvSpPr>
        <p:spPr>
          <a:xfrm>
            <a:off x="6310916" y="5476178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accent1"/>
                </a:solidFill>
              </a:rPr>
              <a:t>Faroe </a:t>
            </a:r>
            <a:br>
              <a:rPr lang="en-GB" sz="900" b="1" dirty="0">
                <a:solidFill>
                  <a:schemeClr val="accent1"/>
                </a:solidFill>
              </a:rPr>
            </a:br>
            <a:r>
              <a:rPr lang="en-GB" sz="900" b="1" dirty="0">
                <a:solidFill>
                  <a:schemeClr val="accent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>
            <a:spLocks/>
          </p:cNvSpPr>
          <p:nvPr/>
        </p:nvSpPr>
        <p:spPr>
          <a:xfrm>
            <a:off x="9732683" y="466515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chemeClr val="accent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8716448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5869970" y="594201"/>
            <a:ext cx="5439342" cy="5600739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1565954" y="3938138"/>
            <a:ext cx="2076589" cy="117420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>
            <a:spLocks/>
          </p:cNvSpPr>
          <p:nvPr/>
        </p:nvSpPr>
        <p:spPr>
          <a:xfrm>
            <a:off x="6951757" y="6300514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Denmark</a:t>
            </a:r>
          </a:p>
        </p:txBody>
      </p:sp>
      <p:sp>
        <p:nvSpPr>
          <p:cNvPr id="17" name="Finland Text"/>
          <p:cNvSpPr txBox="1">
            <a:spLocks/>
          </p:cNvSpPr>
          <p:nvPr/>
        </p:nvSpPr>
        <p:spPr>
          <a:xfrm>
            <a:off x="9395451" y="1490970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Finland</a:t>
            </a:r>
          </a:p>
        </p:txBody>
      </p:sp>
      <p:sp>
        <p:nvSpPr>
          <p:cNvPr id="18" name="Sweden Text"/>
          <p:cNvSpPr txBox="1">
            <a:spLocks/>
          </p:cNvSpPr>
          <p:nvPr/>
        </p:nvSpPr>
        <p:spPr>
          <a:xfrm>
            <a:off x="7923002" y="4135144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Sweden</a:t>
            </a:r>
          </a:p>
        </p:txBody>
      </p:sp>
      <p:sp>
        <p:nvSpPr>
          <p:cNvPr id="19" name="Norway Text"/>
          <p:cNvSpPr txBox="1">
            <a:spLocks/>
          </p:cNvSpPr>
          <p:nvPr/>
        </p:nvSpPr>
        <p:spPr>
          <a:xfrm>
            <a:off x="6835114" y="4395685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Norway</a:t>
            </a:r>
          </a:p>
        </p:txBody>
      </p:sp>
      <p:sp>
        <p:nvSpPr>
          <p:cNvPr id="20" name="Iceland Text"/>
          <p:cNvSpPr txBox="1">
            <a:spLocks/>
          </p:cNvSpPr>
          <p:nvPr/>
        </p:nvSpPr>
        <p:spPr>
          <a:xfrm>
            <a:off x="2541418" y="4563309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>
                <a:solidFill>
                  <a:srgbClr val="385988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noFill/>
            </a:endParaRPr>
          </a:p>
        </p:txBody>
      </p:sp>
      <p:grpSp>
        <p:nvGrpSpPr>
          <p:cNvPr id="23" name="Greenland"/>
          <p:cNvGrpSpPr>
            <a:grpSpLocks/>
          </p:cNvGrpSpPr>
          <p:nvPr/>
        </p:nvGrpSpPr>
        <p:grpSpPr>
          <a:xfrm>
            <a:off x="-585190" y="-350005"/>
            <a:ext cx="3236080" cy="4498713"/>
            <a:chOff x="-585190" y="-350005"/>
            <a:chExt cx="3236080" cy="4498713"/>
          </a:xfrm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solidFill>
              <a:schemeClr val="accent3"/>
            </a:solidFill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>
            <a:spLocks/>
          </p:cNvSpPr>
          <p:nvPr/>
        </p:nvSpPr>
        <p:spPr>
          <a:xfrm>
            <a:off x="983302" y="2023002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4222342" y="5112343"/>
            <a:ext cx="453102" cy="666518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>
            <a:spLocks/>
          </p:cNvSpPr>
          <p:nvPr/>
        </p:nvSpPr>
        <p:spPr>
          <a:xfrm>
            <a:off x="4501296" y="527313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accent1"/>
                </a:solidFill>
              </a:rPr>
              <a:t>Faroe </a:t>
            </a:r>
            <a:br>
              <a:rPr lang="en-GB" sz="900" b="1" dirty="0">
                <a:solidFill>
                  <a:schemeClr val="accent1"/>
                </a:solidFill>
              </a:rPr>
            </a:br>
            <a:r>
              <a:rPr lang="en-GB" sz="900" b="1" dirty="0">
                <a:solidFill>
                  <a:schemeClr val="accent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>
            <a:spLocks/>
          </p:cNvSpPr>
          <p:nvPr/>
        </p:nvSpPr>
        <p:spPr>
          <a:xfrm>
            <a:off x="8775837" y="388259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chemeClr val="accent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653452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eece"/>
          <p:cNvGrpSpPr>
            <a:grpSpLocks/>
          </p:cNvGrpSpPr>
          <p:nvPr/>
        </p:nvGrpSpPr>
        <p:grpSpPr>
          <a:xfrm>
            <a:off x="10557401" y="5599113"/>
            <a:ext cx="1063625" cy="1130300"/>
            <a:chOff x="10578421" y="5599113"/>
            <a:chExt cx="1063625" cy="1130300"/>
          </a:xfrm>
          <a:solidFill>
            <a:schemeClr val="accent3"/>
          </a:solidFill>
        </p:grpSpPr>
        <p:sp>
          <p:nvSpPr>
            <p:cNvPr id="8" name="Freeform 54"/>
            <p:cNvSpPr>
              <a:spLocks/>
            </p:cNvSpPr>
            <p:nvPr/>
          </p:nvSpPr>
          <p:spPr bwMode="auto">
            <a:xfrm>
              <a:off x="10578421" y="5599113"/>
              <a:ext cx="1063625" cy="863600"/>
            </a:xfrm>
            <a:custGeom>
              <a:avLst/>
              <a:gdLst>
                <a:gd name="T0" fmla="*/ 348 w 371"/>
                <a:gd name="T1" fmla="*/ 82 h 301"/>
                <a:gd name="T2" fmla="*/ 328 w 371"/>
                <a:gd name="T3" fmla="*/ 66 h 301"/>
                <a:gd name="T4" fmla="*/ 287 w 371"/>
                <a:gd name="T5" fmla="*/ 66 h 301"/>
                <a:gd name="T6" fmla="*/ 246 w 371"/>
                <a:gd name="T7" fmla="*/ 74 h 301"/>
                <a:gd name="T8" fmla="*/ 214 w 371"/>
                <a:gd name="T9" fmla="*/ 94 h 301"/>
                <a:gd name="T10" fmla="*/ 221 w 371"/>
                <a:gd name="T11" fmla="*/ 122 h 301"/>
                <a:gd name="T12" fmla="*/ 209 w 371"/>
                <a:gd name="T13" fmla="*/ 133 h 301"/>
                <a:gd name="T14" fmla="*/ 188 w 371"/>
                <a:gd name="T15" fmla="*/ 138 h 301"/>
                <a:gd name="T16" fmla="*/ 158 w 371"/>
                <a:gd name="T17" fmla="*/ 122 h 301"/>
                <a:gd name="T18" fmla="*/ 146 w 371"/>
                <a:gd name="T19" fmla="*/ 122 h 301"/>
                <a:gd name="T20" fmla="*/ 146 w 371"/>
                <a:gd name="T21" fmla="*/ 149 h 301"/>
                <a:gd name="T22" fmla="*/ 178 w 371"/>
                <a:gd name="T23" fmla="*/ 193 h 301"/>
                <a:gd name="T24" fmla="*/ 225 w 371"/>
                <a:gd name="T25" fmla="*/ 214 h 301"/>
                <a:gd name="T26" fmla="*/ 259 w 371"/>
                <a:gd name="T27" fmla="*/ 224 h 301"/>
                <a:gd name="T28" fmla="*/ 271 w 371"/>
                <a:gd name="T29" fmla="*/ 245 h 301"/>
                <a:gd name="T30" fmla="*/ 295 w 371"/>
                <a:gd name="T31" fmla="*/ 261 h 301"/>
                <a:gd name="T32" fmla="*/ 263 w 371"/>
                <a:gd name="T33" fmla="*/ 249 h 301"/>
                <a:gd name="T34" fmla="*/ 234 w 371"/>
                <a:gd name="T35" fmla="*/ 243 h 301"/>
                <a:gd name="T36" fmla="*/ 197 w 371"/>
                <a:gd name="T37" fmla="*/ 219 h 301"/>
                <a:gd name="T38" fmla="*/ 187 w 371"/>
                <a:gd name="T39" fmla="*/ 239 h 301"/>
                <a:gd name="T40" fmla="*/ 209 w 371"/>
                <a:gd name="T41" fmla="*/ 238 h 301"/>
                <a:gd name="T42" fmla="*/ 226 w 371"/>
                <a:gd name="T43" fmla="*/ 249 h 301"/>
                <a:gd name="T44" fmla="*/ 256 w 371"/>
                <a:gd name="T45" fmla="*/ 258 h 301"/>
                <a:gd name="T46" fmla="*/ 267 w 371"/>
                <a:gd name="T47" fmla="*/ 291 h 301"/>
                <a:gd name="T48" fmla="*/ 237 w 371"/>
                <a:gd name="T49" fmla="*/ 283 h 301"/>
                <a:gd name="T50" fmla="*/ 209 w 371"/>
                <a:gd name="T51" fmla="*/ 289 h 301"/>
                <a:gd name="T52" fmla="*/ 201 w 371"/>
                <a:gd name="T53" fmla="*/ 294 h 301"/>
                <a:gd name="T54" fmla="*/ 208 w 371"/>
                <a:gd name="T55" fmla="*/ 278 h 301"/>
                <a:gd name="T56" fmla="*/ 184 w 371"/>
                <a:gd name="T57" fmla="*/ 271 h 301"/>
                <a:gd name="T58" fmla="*/ 160 w 371"/>
                <a:gd name="T59" fmla="*/ 269 h 301"/>
                <a:gd name="T60" fmla="*/ 115 w 371"/>
                <a:gd name="T61" fmla="*/ 275 h 301"/>
                <a:gd name="T62" fmla="*/ 83 w 371"/>
                <a:gd name="T63" fmla="*/ 280 h 301"/>
                <a:gd name="T64" fmla="*/ 63 w 371"/>
                <a:gd name="T65" fmla="*/ 252 h 301"/>
                <a:gd name="T66" fmla="*/ 55 w 371"/>
                <a:gd name="T67" fmla="*/ 237 h 301"/>
                <a:gd name="T68" fmla="*/ 18 w 371"/>
                <a:gd name="T69" fmla="*/ 201 h 301"/>
                <a:gd name="T70" fmla="*/ 6 w 371"/>
                <a:gd name="T71" fmla="*/ 195 h 301"/>
                <a:gd name="T72" fmla="*/ 14 w 371"/>
                <a:gd name="T73" fmla="*/ 171 h 301"/>
                <a:gd name="T74" fmla="*/ 35 w 371"/>
                <a:gd name="T75" fmla="*/ 122 h 301"/>
                <a:gd name="T76" fmla="*/ 56 w 371"/>
                <a:gd name="T77" fmla="*/ 105 h 301"/>
                <a:gd name="T78" fmla="*/ 92 w 371"/>
                <a:gd name="T79" fmla="*/ 81 h 301"/>
                <a:gd name="T80" fmla="*/ 119 w 371"/>
                <a:gd name="T81" fmla="*/ 66 h 301"/>
                <a:gd name="T82" fmla="*/ 241 w 371"/>
                <a:gd name="T83" fmla="*/ 32 h 301"/>
                <a:gd name="T84" fmla="*/ 269 w 371"/>
                <a:gd name="T85" fmla="*/ 37 h 301"/>
                <a:gd name="T86" fmla="*/ 333 w 371"/>
                <a:gd name="T87" fmla="*/ 32 h 301"/>
                <a:gd name="T88" fmla="*/ 339 w 371"/>
                <a:gd name="T89" fmla="*/ 0 h 301"/>
                <a:gd name="T90" fmla="*/ 350 w 371"/>
                <a:gd name="T91" fmla="*/ 32 h 301"/>
                <a:gd name="T92" fmla="*/ 366 w 371"/>
                <a:gd name="T93" fmla="*/ 76 h 3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71" h="301">
                  <a:moveTo>
                    <a:pt x="366" y="76"/>
                  </a:moveTo>
                  <a:cubicBezTo>
                    <a:pt x="348" y="82"/>
                    <a:pt x="348" y="82"/>
                    <a:pt x="348" y="82"/>
                  </a:cubicBezTo>
                  <a:cubicBezTo>
                    <a:pt x="339" y="72"/>
                    <a:pt x="339" y="72"/>
                    <a:pt x="339" y="72"/>
                  </a:cubicBezTo>
                  <a:cubicBezTo>
                    <a:pt x="328" y="66"/>
                    <a:pt x="328" y="66"/>
                    <a:pt x="328" y="66"/>
                  </a:cubicBezTo>
                  <a:cubicBezTo>
                    <a:pt x="309" y="72"/>
                    <a:pt x="309" y="72"/>
                    <a:pt x="309" y="72"/>
                  </a:cubicBezTo>
                  <a:cubicBezTo>
                    <a:pt x="287" y="66"/>
                    <a:pt x="287" y="66"/>
                    <a:pt x="287" y="66"/>
                  </a:cubicBezTo>
                  <a:cubicBezTo>
                    <a:pt x="263" y="82"/>
                    <a:pt x="263" y="82"/>
                    <a:pt x="263" y="82"/>
                  </a:cubicBezTo>
                  <a:cubicBezTo>
                    <a:pt x="246" y="74"/>
                    <a:pt x="246" y="74"/>
                    <a:pt x="246" y="74"/>
                  </a:cubicBezTo>
                  <a:cubicBezTo>
                    <a:pt x="232" y="91"/>
                    <a:pt x="232" y="91"/>
                    <a:pt x="232" y="91"/>
                  </a:cubicBezTo>
                  <a:cubicBezTo>
                    <a:pt x="214" y="94"/>
                    <a:pt x="214" y="94"/>
                    <a:pt x="214" y="94"/>
                  </a:cubicBezTo>
                  <a:cubicBezTo>
                    <a:pt x="214" y="109"/>
                    <a:pt x="214" y="109"/>
                    <a:pt x="214" y="109"/>
                  </a:cubicBezTo>
                  <a:cubicBezTo>
                    <a:pt x="221" y="122"/>
                    <a:pt x="221" y="122"/>
                    <a:pt x="221" y="122"/>
                  </a:cubicBezTo>
                  <a:cubicBezTo>
                    <a:pt x="212" y="122"/>
                    <a:pt x="212" y="122"/>
                    <a:pt x="212" y="122"/>
                  </a:cubicBezTo>
                  <a:cubicBezTo>
                    <a:pt x="209" y="133"/>
                    <a:pt x="209" y="133"/>
                    <a:pt x="209" y="133"/>
                  </a:cubicBezTo>
                  <a:cubicBezTo>
                    <a:pt x="199" y="133"/>
                    <a:pt x="199" y="133"/>
                    <a:pt x="199" y="133"/>
                  </a:cubicBezTo>
                  <a:cubicBezTo>
                    <a:pt x="188" y="138"/>
                    <a:pt x="188" y="138"/>
                    <a:pt x="188" y="138"/>
                  </a:cubicBezTo>
                  <a:cubicBezTo>
                    <a:pt x="167" y="128"/>
                    <a:pt x="167" y="128"/>
                    <a:pt x="167" y="128"/>
                  </a:cubicBezTo>
                  <a:cubicBezTo>
                    <a:pt x="158" y="122"/>
                    <a:pt x="158" y="122"/>
                    <a:pt x="158" y="122"/>
                  </a:cubicBezTo>
                  <a:cubicBezTo>
                    <a:pt x="162" y="112"/>
                    <a:pt x="162" y="112"/>
                    <a:pt x="162" y="112"/>
                  </a:cubicBezTo>
                  <a:cubicBezTo>
                    <a:pt x="146" y="122"/>
                    <a:pt x="146" y="122"/>
                    <a:pt x="146" y="122"/>
                  </a:cubicBezTo>
                  <a:cubicBezTo>
                    <a:pt x="152" y="140"/>
                    <a:pt x="152" y="140"/>
                    <a:pt x="152" y="140"/>
                  </a:cubicBezTo>
                  <a:cubicBezTo>
                    <a:pt x="146" y="149"/>
                    <a:pt x="146" y="149"/>
                    <a:pt x="146" y="149"/>
                  </a:cubicBezTo>
                  <a:cubicBezTo>
                    <a:pt x="173" y="176"/>
                    <a:pt x="173" y="176"/>
                    <a:pt x="173" y="176"/>
                  </a:cubicBezTo>
                  <a:cubicBezTo>
                    <a:pt x="178" y="193"/>
                    <a:pt x="178" y="193"/>
                    <a:pt x="178" y="193"/>
                  </a:cubicBezTo>
                  <a:cubicBezTo>
                    <a:pt x="201" y="204"/>
                    <a:pt x="201" y="204"/>
                    <a:pt x="201" y="204"/>
                  </a:cubicBezTo>
                  <a:cubicBezTo>
                    <a:pt x="225" y="214"/>
                    <a:pt x="225" y="214"/>
                    <a:pt x="225" y="214"/>
                  </a:cubicBezTo>
                  <a:cubicBezTo>
                    <a:pt x="242" y="224"/>
                    <a:pt x="242" y="224"/>
                    <a:pt x="242" y="224"/>
                  </a:cubicBezTo>
                  <a:cubicBezTo>
                    <a:pt x="259" y="224"/>
                    <a:pt x="259" y="224"/>
                    <a:pt x="259" y="224"/>
                  </a:cubicBezTo>
                  <a:cubicBezTo>
                    <a:pt x="269" y="226"/>
                    <a:pt x="269" y="226"/>
                    <a:pt x="269" y="226"/>
                  </a:cubicBezTo>
                  <a:cubicBezTo>
                    <a:pt x="271" y="245"/>
                    <a:pt x="271" y="245"/>
                    <a:pt x="271" y="245"/>
                  </a:cubicBezTo>
                  <a:cubicBezTo>
                    <a:pt x="294" y="250"/>
                    <a:pt x="294" y="250"/>
                    <a:pt x="294" y="250"/>
                  </a:cubicBezTo>
                  <a:cubicBezTo>
                    <a:pt x="295" y="261"/>
                    <a:pt x="295" y="261"/>
                    <a:pt x="295" y="261"/>
                  </a:cubicBezTo>
                  <a:cubicBezTo>
                    <a:pt x="278" y="266"/>
                    <a:pt x="278" y="266"/>
                    <a:pt x="278" y="266"/>
                  </a:cubicBezTo>
                  <a:cubicBezTo>
                    <a:pt x="263" y="249"/>
                    <a:pt x="263" y="249"/>
                    <a:pt x="263" y="249"/>
                  </a:cubicBezTo>
                  <a:cubicBezTo>
                    <a:pt x="259" y="240"/>
                    <a:pt x="259" y="240"/>
                    <a:pt x="259" y="240"/>
                  </a:cubicBezTo>
                  <a:cubicBezTo>
                    <a:pt x="234" y="243"/>
                    <a:pt x="234" y="243"/>
                    <a:pt x="234" y="243"/>
                  </a:cubicBezTo>
                  <a:cubicBezTo>
                    <a:pt x="225" y="231"/>
                    <a:pt x="225" y="231"/>
                    <a:pt x="225" y="231"/>
                  </a:cubicBezTo>
                  <a:cubicBezTo>
                    <a:pt x="197" y="219"/>
                    <a:pt x="197" y="219"/>
                    <a:pt x="197" y="219"/>
                  </a:cubicBezTo>
                  <a:cubicBezTo>
                    <a:pt x="171" y="230"/>
                    <a:pt x="171" y="230"/>
                    <a:pt x="171" y="230"/>
                  </a:cubicBezTo>
                  <a:cubicBezTo>
                    <a:pt x="187" y="239"/>
                    <a:pt x="187" y="239"/>
                    <a:pt x="187" y="239"/>
                  </a:cubicBezTo>
                  <a:cubicBezTo>
                    <a:pt x="203" y="245"/>
                    <a:pt x="203" y="245"/>
                    <a:pt x="203" y="245"/>
                  </a:cubicBezTo>
                  <a:cubicBezTo>
                    <a:pt x="203" y="245"/>
                    <a:pt x="208" y="237"/>
                    <a:pt x="209" y="238"/>
                  </a:cubicBezTo>
                  <a:cubicBezTo>
                    <a:pt x="210" y="240"/>
                    <a:pt x="217" y="247"/>
                    <a:pt x="217" y="247"/>
                  </a:cubicBezTo>
                  <a:cubicBezTo>
                    <a:pt x="226" y="249"/>
                    <a:pt x="226" y="249"/>
                    <a:pt x="226" y="249"/>
                  </a:cubicBezTo>
                  <a:cubicBezTo>
                    <a:pt x="229" y="256"/>
                    <a:pt x="229" y="256"/>
                    <a:pt x="229" y="256"/>
                  </a:cubicBezTo>
                  <a:cubicBezTo>
                    <a:pt x="256" y="258"/>
                    <a:pt x="256" y="258"/>
                    <a:pt x="256" y="258"/>
                  </a:cubicBezTo>
                  <a:cubicBezTo>
                    <a:pt x="256" y="271"/>
                    <a:pt x="256" y="271"/>
                    <a:pt x="256" y="271"/>
                  </a:cubicBezTo>
                  <a:cubicBezTo>
                    <a:pt x="267" y="291"/>
                    <a:pt x="267" y="291"/>
                    <a:pt x="267" y="291"/>
                  </a:cubicBezTo>
                  <a:cubicBezTo>
                    <a:pt x="260" y="301"/>
                    <a:pt x="260" y="301"/>
                    <a:pt x="260" y="301"/>
                  </a:cubicBezTo>
                  <a:cubicBezTo>
                    <a:pt x="237" y="283"/>
                    <a:pt x="237" y="283"/>
                    <a:pt x="237" y="283"/>
                  </a:cubicBezTo>
                  <a:cubicBezTo>
                    <a:pt x="227" y="278"/>
                    <a:pt x="227" y="278"/>
                    <a:pt x="227" y="278"/>
                  </a:cubicBezTo>
                  <a:cubicBezTo>
                    <a:pt x="209" y="289"/>
                    <a:pt x="209" y="289"/>
                    <a:pt x="209" y="289"/>
                  </a:cubicBezTo>
                  <a:cubicBezTo>
                    <a:pt x="201" y="288"/>
                    <a:pt x="201" y="288"/>
                    <a:pt x="201" y="288"/>
                  </a:cubicBezTo>
                  <a:cubicBezTo>
                    <a:pt x="201" y="294"/>
                    <a:pt x="201" y="294"/>
                    <a:pt x="201" y="294"/>
                  </a:cubicBezTo>
                  <a:cubicBezTo>
                    <a:pt x="194" y="279"/>
                    <a:pt x="194" y="279"/>
                    <a:pt x="194" y="279"/>
                  </a:cubicBezTo>
                  <a:cubicBezTo>
                    <a:pt x="208" y="278"/>
                    <a:pt x="208" y="278"/>
                    <a:pt x="208" y="278"/>
                  </a:cubicBezTo>
                  <a:cubicBezTo>
                    <a:pt x="209" y="269"/>
                    <a:pt x="209" y="269"/>
                    <a:pt x="209" y="269"/>
                  </a:cubicBezTo>
                  <a:cubicBezTo>
                    <a:pt x="184" y="271"/>
                    <a:pt x="184" y="271"/>
                    <a:pt x="184" y="271"/>
                  </a:cubicBezTo>
                  <a:cubicBezTo>
                    <a:pt x="173" y="260"/>
                    <a:pt x="173" y="260"/>
                    <a:pt x="173" y="260"/>
                  </a:cubicBezTo>
                  <a:cubicBezTo>
                    <a:pt x="160" y="269"/>
                    <a:pt x="160" y="269"/>
                    <a:pt x="160" y="269"/>
                  </a:cubicBezTo>
                  <a:cubicBezTo>
                    <a:pt x="128" y="266"/>
                    <a:pt x="128" y="266"/>
                    <a:pt x="128" y="266"/>
                  </a:cubicBezTo>
                  <a:cubicBezTo>
                    <a:pt x="115" y="275"/>
                    <a:pt x="115" y="275"/>
                    <a:pt x="115" y="275"/>
                  </a:cubicBezTo>
                  <a:cubicBezTo>
                    <a:pt x="94" y="273"/>
                    <a:pt x="94" y="273"/>
                    <a:pt x="94" y="273"/>
                  </a:cubicBezTo>
                  <a:cubicBezTo>
                    <a:pt x="83" y="280"/>
                    <a:pt x="83" y="280"/>
                    <a:pt x="83" y="280"/>
                  </a:cubicBezTo>
                  <a:cubicBezTo>
                    <a:pt x="76" y="264"/>
                    <a:pt x="76" y="264"/>
                    <a:pt x="76" y="264"/>
                  </a:cubicBezTo>
                  <a:cubicBezTo>
                    <a:pt x="63" y="252"/>
                    <a:pt x="63" y="252"/>
                    <a:pt x="63" y="252"/>
                  </a:cubicBezTo>
                  <a:cubicBezTo>
                    <a:pt x="55" y="247"/>
                    <a:pt x="55" y="247"/>
                    <a:pt x="55" y="247"/>
                  </a:cubicBezTo>
                  <a:cubicBezTo>
                    <a:pt x="55" y="237"/>
                    <a:pt x="55" y="237"/>
                    <a:pt x="55" y="237"/>
                  </a:cubicBezTo>
                  <a:cubicBezTo>
                    <a:pt x="18" y="212"/>
                    <a:pt x="18" y="212"/>
                    <a:pt x="18" y="212"/>
                  </a:cubicBezTo>
                  <a:cubicBezTo>
                    <a:pt x="18" y="201"/>
                    <a:pt x="18" y="201"/>
                    <a:pt x="18" y="201"/>
                  </a:cubicBezTo>
                  <a:cubicBezTo>
                    <a:pt x="0" y="203"/>
                    <a:pt x="0" y="203"/>
                    <a:pt x="0" y="203"/>
                  </a:cubicBezTo>
                  <a:cubicBezTo>
                    <a:pt x="6" y="195"/>
                    <a:pt x="6" y="195"/>
                    <a:pt x="6" y="195"/>
                  </a:cubicBezTo>
                  <a:cubicBezTo>
                    <a:pt x="21" y="187"/>
                    <a:pt x="21" y="187"/>
                    <a:pt x="21" y="187"/>
                  </a:cubicBezTo>
                  <a:cubicBezTo>
                    <a:pt x="14" y="171"/>
                    <a:pt x="14" y="171"/>
                    <a:pt x="14" y="171"/>
                  </a:cubicBezTo>
                  <a:cubicBezTo>
                    <a:pt x="37" y="163"/>
                    <a:pt x="37" y="163"/>
                    <a:pt x="37" y="163"/>
                  </a:cubicBezTo>
                  <a:cubicBezTo>
                    <a:pt x="35" y="122"/>
                    <a:pt x="35" y="122"/>
                    <a:pt x="35" y="122"/>
                  </a:cubicBezTo>
                  <a:cubicBezTo>
                    <a:pt x="45" y="112"/>
                    <a:pt x="45" y="112"/>
                    <a:pt x="45" y="112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92" y="90"/>
                    <a:pt x="92" y="90"/>
                    <a:pt x="92" y="90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108" y="77"/>
                    <a:pt x="108" y="77"/>
                    <a:pt x="108" y="77"/>
                  </a:cubicBezTo>
                  <a:cubicBezTo>
                    <a:pt x="119" y="66"/>
                    <a:pt x="119" y="66"/>
                    <a:pt x="119" y="66"/>
                  </a:cubicBezTo>
                  <a:cubicBezTo>
                    <a:pt x="143" y="66"/>
                    <a:pt x="143" y="66"/>
                    <a:pt x="143" y="66"/>
                  </a:cubicBezTo>
                  <a:cubicBezTo>
                    <a:pt x="241" y="32"/>
                    <a:pt x="241" y="32"/>
                    <a:pt x="241" y="32"/>
                  </a:cubicBezTo>
                  <a:cubicBezTo>
                    <a:pt x="251" y="42"/>
                    <a:pt x="251" y="42"/>
                    <a:pt x="251" y="42"/>
                  </a:cubicBezTo>
                  <a:cubicBezTo>
                    <a:pt x="269" y="37"/>
                    <a:pt x="269" y="37"/>
                    <a:pt x="269" y="37"/>
                  </a:cubicBezTo>
                  <a:cubicBezTo>
                    <a:pt x="287" y="47"/>
                    <a:pt x="287" y="47"/>
                    <a:pt x="287" y="47"/>
                  </a:cubicBezTo>
                  <a:cubicBezTo>
                    <a:pt x="333" y="32"/>
                    <a:pt x="333" y="32"/>
                    <a:pt x="333" y="32"/>
                  </a:cubicBezTo>
                  <a:cubicBezTo>
                    <a:pt x="327" y="10"/>
                    <a:pt x="327" y="10"/>
                    <a:pt x="327" y="10"/>
                  </a:cubicBezTo>
                  <a:cubicBezTo>
                    <a:pt x="339" y="0"/>
                    <a:pt x="339" y="0"/>
                    <a:pt x="339" y="0"/>
                  </a:cubicBezTo>
                  <a:cubicBezTo>
                    <a:pt x="371" y="16"/>
                    <a:pt x="371" y="16"/>
                    <a:pt x="371" y="16"/>
                  </a:cubicBezTo>
                  <a:cubicBezTo>
                    <a:pt x="350" y="32"/>
                    <a:pt x="350" y="32"/>
                    <a:pt x="350" y="32"/>
                  </a:cubicBezTo>
                  <a:cubicBezTo>
                    <a:pt x="342" y="66"/>
                    <a:pt x="342" y="66"/>
                    <a:pt x="342" y="66"/>
                  </a:cubicBezTo>
                  <a:lnTo>
                    <a:pt x="366" y="76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55"/>
            <p:cNvSpPr>
              <a:spLocks/>
            </p:cNvSpPr>
            <p:nvPr/>
          </p:nvSpPr>
          <p:spPr bwMode="auto">
            <a:xfrm>
              <a:off x="10837183" y="6388100"/>
              <a:ext cx="409575" cy="341313"/>
            </a:xfrm>
            <a:custGeom>
              <a:avLst/>
              <a:gdLst>
                <a:gd name="T0" fmla="*/ 103 w 143"/>
                <a:gd name="T1" fmla="*/ 21 h 119"/>
                <a:gd name="T2" fmla="*/ 113 w 143"/>
                <a:gd name="T3" fmla="*/ 21 h 119"/>
                <a:gd name="T4" fmla="*/ 120 w 143"/>
                <a:gd name="T5" fmla="*/ 21 h 119"/>
                <a:gd name="T6" fmla="*/ 126 w 143"/>
                <a:gd name="T7" fmla="*/ 36 h 119"/>
                <a:gd name="T8" fmla="*/ 143 w 143"/>
                <a:gd name="T9" fmla="*/ 36 h 119"/>
                <a:gd name="T10" fmla="*/ 143 w 143"/>
                <a:gd name="T11" fmla="*/ 52 h 119"/>
                <a:gd name="T12" fmla="*/ 123 w 143"/>
                <a:gd name="T13" fmla="*/ 48 h 119"/>
                <a:gd name="T14" fmla="*/ 109 w 143"/>
                <a:gd name="T15" fmla="*/ 42 h 119"/>
                <a:gd name="T16" fmla="*/ 95 w 143"/>
                <a:gd name="T17" fmla="*/ 43 h 119"/>
                <a:gd name="T18" fmla="*/ 104 w 143"/>
                <a:gd name="T19" fmla="*/ 55 h 119"/>
                <a:gd name="T20" fmla="*/ 127 w 143"/>
                <a:gd name="T21" fmla="*/ 80 h 119"/>
                <a:gd name="T22" fmla="*/ 131 w 143"/>
                <a:gd name="T23" fmla="*/ 102 h 119"/>
                <a:gd name="T24" fmla="*/ 116 w 143"/>
                <a:gd name="T25" fmla="*/ 99 h 119"/>
                <a:gd name="T26" fmla="*/ 101 w 143"/>
                <a:gd name="T27" fmla="*/ 93 h 119"/>
                <a:gd name="T28" fmla="*/ 99 w 143"/>
                <a:gd name="T29" fmla="*/ 106 h 119"/>
                <a:gd name="T30" fmla="*/ 100 w 143"/>
                <a:gd name="T31" fmla="*/ 119 h 119"/>
                <a:gd name="T32" fmla="*/ 86 w 143"/>
                <a:gd name="T33" fmla="*/ 119 h 119"/>
                <a:gd name="T34" fmla="*/ 86 w 143"/>
                <a:gd name="T35" fmla="*/ 103 h 119"/>
                <a:gd name="T36" fmla="*/ 73 w 143"/>
                <a:gd name="T37" fmla="*/ 83 h 119"/>
                <a:gd name="T38" fmla="*/ 62 w 143"/>
                <a:gd name="T39" fmla="*/ 84 h 119"/>
                <a:gd name="T40" fmla="*/ 62 w 143"/>
                <a:gd name="T41" fmla="*/ 106 h 119"/>
                <a:gd name="T42" fmla="*/ 48 w 143"/>
                <a:gd name="T43" fmla="*/ 109 h 119"/>
                <a:gd name="T44" fmla="*/ 41 w 143"/>
                <a:gd name="T45" fmla="*/ 93 h 119"/>
                <a:gd name="T46" fmla="*/ 29 w 143"/>
                <a:gd name="T47" fmla="*/ 80 h 119"/>
                <a:gd name="T48" fmla="*/ 38 w 143"/>
                <a:gd name="T49" fmla="*/ 67 h 119"/>
                <a:gd name="T50" fmla="*/ 19 w 143"/>
                <a:gd name="T51" fmla="*/ 46 h 119"/>
                <a:gd name="T52" fmla="*/ 0 w 143"/>
                <a:gd name="T53" fmla="*/ 33 h 119"/>
                <a:gd name="T54" fmla="*/ 12 w 143"/>
                <a:gd name="T55" fmla="*/ 15 h 119"/>
                <a:gd name="T56" fmla="*/ 29 w 143"/>
                <a:gd name="T57" fmla="*/ 8 h 119"/>
                <a:gd name="T58" fmla="*/ 39 w 143"/>
                <a:gd name="T59" fmla="*/ 0 h 119"/>
                <a:gd name="T60" fmla="*/ 74 w 143"/>
                <a:gd name="T61" fmla="*/ 5 h 119"/>
                <a:gd name="T62" fmla="*/ 89 w 143"/>
                <a:gd name="T63" fmla="*/ 6 h 119"/>
                <a:gd name="T64" fmla="*/ 101 w 143"/>
                <a:gd name="T65" fmla="*/ 16 h 119"/>
                <a:gd name="T66" fmla="*/ 103 w 143"/>
                <a:gd name="T67" fmla="*/ 21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43" h="119">
                  <a:moveTo>
                    <a:pt x="103" y="21"/>
                  </a:moveTo>
                  <a:cubicBezTo>
                    <a:pt x="113" y="21"/>
                    <a:pt x="113" y="21"/>
                    <a:pt x="113" y="21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43" y="36"/>
                    <a:pt x="143" y="36"/>
                    <a:pt x="143" y="36"/>
                  </a:cubicBezTo>
                  <a:cubicBezTo>
                    <a:pt x="143" y="52"/>
                    <a:pt x="143" y="52"/>
                    <a:pt x="143" y="52"/>
                  </a:cubicBezTo>
                  <a:cubicBezTo>
                    <a:pt x="123" y="48"/>
                    <a:pt x="123" y="48"/>
                    <a:pt x="123" y="48"/>
                  </a:cubicBezTo>
                  <a:cubicBezTo>
                    <a:pt x="109" y="42"/>
                    <a:pt x="109" y="42"/>
                    <a:pt x="109" y="42"/>
                  </a:cubicBezTo>
                  <a:cubicBezTo>
                    <a:pt x="95" y="43"/>
                    <a:pt x="95" y="43"/>
                    <a:pt x="95" y="43"/>
                  </a:cubicBezTo>
                  <a:cubicBezTo>
                    <a:pt x="104" y="55"/>
                    <a:pt x="104" y="55"/>
                    <a:pt x="104" y="55"/>
                  </a:cubicBezTo>
                  <a:cubicBezTo>
                    <a:pt x="127" y="80"/>
                    <a:pt x="127" y="80"/>
                    <a:pt x="127" y="80"/>
                  </a:cubicBezTo>
                  <a:cubicBezTo>
                    <a:pt x="131" y="102"/>
                    <a:pt x="131" y="102"/>
                    <a:pt x="131" y="102"/>
                  </a:cubicBezTo>
                  <a:cubicBezTo>
                    <a:pt x="116" y="99"/>
                    <a:pt x="116" y="99"/>
                    <a:pt x="116" y="99"/>
                  </a:cubicBezTo>
                  <a:cubicBezTo>
                    <a:pt x="101" y="93"/>
                    <a:pt x="101" y="93"/>
                    <a:pt x="101" y="93"/>
                  </a:cubicBezTo>
                  <a:cubicBezTo>
                    <a:pt x="99" y="106"/>
                    <a:pt x="99" y="106"/>
                    <a:pt x="99" y="106"/>
                  </a:cubicBezTo>
                  <a:cubicBezTo>
                    <a:pt x="99" y="106"/>
                    <a:pt x="102" y="119"/>
                    <a:pt x="100" y="119"/>
                  </a:cubicBezTo>
                  <a:cubicBezTo>
                    <a:pt x="98" y="119"/>
                    <a:pt x="86" y="119"/>
                    <a:pt x="86" y="119"/>
                  </a:cubicBezTo>
                  <a:cubicBezTo>
                    <a:pt x="86" y="103"/>
                    <a:pt x="86" y="103"/>
                    <a:pt x="86" y="103"/>
                  </a:cubicBezTo>
                  <a:cubicBezTo>
                    <a:pt x="73" y="83"/>
                    <a:pt x="73" y="83"/>
                    <a:pt x="73" y="83"/>
                  </a:cubicBezTo>
                  <a:cubicBezTo>
                    <a:pt x="62" y="84"/>
                    <a:pt x="62" y="84"/>
                    <a:pt x="62" y="84"/>
                  </a:cubicBezTo>
                  <a:cubicBezTo>
                    <a:pt x="62" y="106"/>
                    <a:pt x="62" y="106"/>
                    <a:pt x="62" y="106"/>
                  </a:cubicBezTo>
                  <a:cubicBezTo>
                    <a:pt x="62" y="106"/>
                    <a:pt x="49" y="112"/>
                    <a:pt x="48" y="109"/>
                  </a:cubicBezTo>
                  <a:cubicBezTo>
                    <a:pt x="47" y="106"/>
                    <a:pt x="41" y="93"/>
                    <a:pt x="41" y="93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29" y="80"/>
                    <a:pt x="38" y="68"/>
                    <a:pt x="38" y="67"/>
                  </a:cubicBezTo>
                  <a:cubicBezTo>
                    <a:pt x="37" y="65"/>
                    <a:pt x="19" y="46"/>
                    <a:pt x="19" y="4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74" y="5"/>
                    <a:pt x="74" y="5"/>
                    <a:pt x="74" y="5"/>
                  </a:cubicBezTo>
                  <a:cubicBezTo>
                    <a:pt x="89" y="6"/>
                    <a:pt x="89" y="6"/>
                    <a:pt x="89" y="6"/>
                  </a:cubicBezTo>
                  <a:cubicBezTo>
                    <a:pt x="101" y="16"/>
                    <a:pt x="101" y="16"/>
                    <a:pt x="101" y="16"/>
                  </a:cubicBezTo>
                  <a:lnTo>
                    <a:pt x="103" y="21"/>
                  </a:lnTo>
                  <a:close/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0" name="Bulgaria"/>
          <p:cNvSpPr>
            <a:spLocks/>
          </p:cNvSpPr>
          <p:nvPr/>
        </p:nvSpPr>
        <p:spPr bwMode="auto">
          <a:xfrm>
            <a:off x="10827276" y="5108575"/>
            <a:ext cx="971550" cy="679450"/>
          </a:xfrm>
          <a:custGeom>
            <a:avLst/>
            <a:gdLst>
              <a:gd name="T0" fmla="*/ 612 w 612"/>
              <a:gd name="T1" fmla="*/ 72 h 428"/>
              <a:gd name="T2" fmla="*/ 572 w 612"/>
              <a:gd name="T3" fmla="*/ 72 h 428"/>
              <a:gd name="T4" fmla="*/ 560 w 612"/>
              <a:gd name="T5" fmla="*/ 101 h 428"/>
              <a:gd name="T6" fmla="*/ 576 w 612"/>
              <a:gd name="T7" fmla="*/ 157 h 428"/>
              <a:gd name="T8" fmla="*/ 535 w 612"/>
              <a:gd name="T9" fmla="*/ 197 h 428"/>
              <a:gd name="T10" fmla="*/ 565 w 612"/>
              <a:gd name="T11" fmla="*/ 215 h 428"/>
              <a:gd name="T12" fmla="*/ 600 w 612"/>
              <a:gd name="T13" fmla="*/ 238 h 428"/>
              <a:gd name="T14" fmla="*/ 565 w 612"/>
              <a:gd name="T15" fmla="*/ 262 h 428"/>
              <a:gd name="T16" fmla="*/ 535 w 612"/>
              <a:gd name="T17" fmla="*/ 247 h 428"/>
              <a:gd name="T18" fmla="*/ 462 w 612"/>
              <a:gd name="T19" fmla="*/ 276 h 428"/>
              <a:gd name="T20" fmla="*/ 442 w 612"/>
              <a:gd name="T21" fmla="*/ 309 h 428"/>
              <a:gd name="T22" fmla="*/ 421 w 612"/>
              <a:gd name="T23" fmla="*/ 327 h 428"/>
              <a:gd name="T24" fmla="*/ 432 w 612"/>
              <a:gd name="T25" fmla="*/ 367 h 428"/>
              <a:gd name="T26" fmla="*/ 374 w 612"/>
              <a:gd name="T27" fmla="*/ 385 h 428"/>
              <a:gd name="T28" fmla="*/ 348 w 612"/>
              <a:gd name="T29" fmla="*/ 394 h 428"/>
              <a:gd name="T30" fmla="*/ 316 w 612"/>
              <a:gd name="T31" fmla="*/ 376 h 428"/>
              <a:gd name="T32" fmla="*/ 283 w 612"/>
              <a:gd name="T33" fmla="*/ 385 h 428"/>
              <a:gd name="T34" fmla="*/ 265 w 612"/>
              <a:gd name="T35" fmla="*/ 367 h 428"/>
              <a:gd name="T36" fmla="*/ 164 w 612"/>
              <a:gd name="T37" fmla="*/ 406 h 428"/>
              <a:gd name="T38" fmla="*/ 88 w 612"/>
              <a:gd name="T39" fmla="*/ 428 h 428"/>
              <a:gd name="T40" fmla="*/ 105 w 612"/>
              <a:gd name="T41" fmla="*/ 383 h 428"/>
              <a:gd name="T42" fmla="*/ 88 w 612"/>
              <a:gd name="T43" fmla="*/ 339 h 428"/>
              <a:gd name="T44" fmla="*/ 23 w 612"/>
              <a:gd name="T45" fmla="*/ 316 h 428"/>
              <a:gd name="T46" fmla="*/ 41 w 612"/>
              <a:gd name="T47" fmla="*/ 287 h 428"/>
              <a:gd name="T48" fmla="*/ 23 w 612"/>
              <a:gd name="T49" fmla="*/ 251 h 428"/>
              <a:gd name="T50" fmla="*/ 74 w 612"/>
              <a:gd name="T51" fmla="*/ 195 h 428"/>
              <a:gd name="T52" fmla="*/ 0 w 612"/>
              <a:gd name="T53" fmla="*/ 153 h 428"/>
              <a:gd name="T54" fmla="*/ 0 w 612"/>
              <a:gd name="T55" fmla="*/ 106 h 428"/>
              <a:gd name="T56" fmla="*/ 36 w 612"/>
              <a:gd name="T57" fmla="*/ 85 h 428"/>
              <a:gd name="T58" fmla="*/ 40 w 612"/>
              <a:gd name="T59" fmla="*/ 112 h 428"/>
              <a:gd name="T60" fmla="*/ 72 w 612"/>
              <a:gd name="T61" fmla="*/ 123 h 428"/>
              <a:gd name="T62" fmla="*/ 108 w 612"/>
              <a:gd name="T63" fmla="*/ 103 h 428"/>
              <a:gd name="T64" fmla="*/ 188 w 612"/>
              <a:gd name="T65" fmla="*/ 115 h 428"/>
              <a:gd name="T66" fmla="*/ 206 w 612"/>
              <a:gd name="T67" fmla="*/ 99 h 428"/>
              <a:gd name="T68" fmla="*/ 309 w 612"/>
              <a:gd name="T69" fmla="*/ 99 h 428"/>
              <a:gd name="T70" fmla="*/ 354 w 612"/>
              <a:gd name="T71" fmla="*/ 41 h 428"/>
              <a:gd name="T72" fmla="*/ 451 w 612"/>
              <a:gd name="T73" fmla="*/ 0 h 428"/>
              <a:gd name="T74" fmla="*/ 489 w 612"/>
              <a:gd name="T75" fmla="*/ 5 h 428"/>
              <a:gd name="T76" fmla="*/ 520 w 612"/>
              <a:gd name="T77" fmla="*/ 14 h 428"/>
              <a:gd name="T78" fmla="*/ 531 w 612"/>
              <a:gd name="T79" fmla="*/ 5 h 428"/>
              <a:gd name="T80" fmla="*/ 556 w 612"/>
              <a:gd name="T81" fmla="*/ 20 h 428"/>
              <a:gd name="T82" fmla="*/ 607 w 612"/>
              <a:gd name="T83" fmla="*/ 20 h 428"/>
              <a:gd name="T84" fmla="*/ 612 w 612"/>
              <a:gd name="T85" fmla="*/ 72 h 4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612" h="428">
                <a:moveTo>
                  <a:pt x="612" y="72"/>
                </a:moveTo>
                <a:lnTo>
                  <a:pt x="572" y="72"/>
                </a:lnTo>
                <a:lnTo>
                  <a:pt x="560" y="101"/>
                </a:lnTo>
                <a:lnTo>
                  <a:pt x="576" y="157"/>
                </a:lnTo>
                <a:lnTo>
                  <a:pt x="535" y="197"/>
                </a:lnTo>
                <a:lnTo>
                  <a:pt x="565" y="215"/>
                </a:lnTo>
                <a:lnTo>
                  <a:pt x="600" y="238"/>
                </a:lnTo>
                <a:lnTo>
                  <a:pt x="565" y="262"/>
                </a:lnTo>
                <a:lnTo>
                  <a:pt x="535" y="247"/>
                </a:lnTo>
                <a:lnTo>
                  <a:pt x="462" y="276"/>
                </a:lnTo>
                <a:lnTo>
                  <a:pt x="442" y="309"/>
                </a:lnTo>
                <a:lnTo>
                  <a:pt x="421" y="327"/>
                </a:lnTo>
                <a:lnTo>
                  <a:pt x="432" y="367"/>
                </a:lnTo>
                <a:lnTo>
                  <a:pt x="374" y="385"/>
                </a:lnTo>
                <a:lnTo>
                  <a:pt x="348" y="394"/>
                </a:lnTo>
                <a:lnTo>
                  <a:pt x="316" y="376"/>
                </a:lnTo>
                <a:lnTo>
                  <a:pt x="283" y="385"/>
                </a:lnTo>
                <a:lnTo>
                  <a:pt x="265" y="367"/>
                </a:lnTo>
                <a:lnTo>
                  <a:pt x="164" y="406"/>
                </a:lnTo>
                <a:lnTo>
                  <a:pt x="88" y="428"/>
                </a:lnTo>
                <a:lnTo>
                  <a:pt x="105" y="383"/>
                </a:lnTo>
                <a:lnTo>
                  <a:pt x="88" y="339"/>
                </a:lnTo>
                <a:lnTo>
                  <a:pt x="23" y="316"/>
                </a:lnTo>
                <a:lnTo>
                  <a:pt x="41" y="287"/>
                </a:lnTo>
                <a:lnTo>
                  <a:pt x="23" y="251"/>
                </a:lnTo>
                <a:lnTo>
                  <a:pt x="74" y="195"/>
                </a:lnTo>
                <a:lnTo>
                  <a:pt x="0" y="153"/>
                </a:lnTo>
                <a:lnTo>
                  <a:pt x="0" y="106"/>
                </a:lnTo>
                <a:lnTo>
                  <a:pt x="36" y="85"/>
                </a:lnTo>
                <a:lnTo>
                  <a:pt x="40" y="112"/>
                </a:lnTo>
                <a:lnTo>
                  <a:pt x="72" y="123"/>
                </a:lnTo>
                <a:lnTo>
                  <a:pt x="108" y="103"/>
                </a:lnTo>
                <a:lnTo>
                  <a:pt x="188" y="115"/>
                </a:lnTo>
                <a:lnTo>
                  <a:pt x="206" y="99"/>
                </a:lnTo>
                <a:lnTo>
                  <a:pt x="309" y="99"/>
                </a:lnTo>
                <a:lnTo>
                  <a:pt x="354" y="41"/>
                </a:lnTo>
                <a:lnTo>
                  <a:pt x="451" y="0"/>
                </a:lnTo>
                <a:lnTo>
                  <a:pt x="489" y="5"/>
                </a:lnTo>
                <a:lnTo>
                  <a:pt x="520" y="14"/>
                </a:lnTo>
                <a:lnTo>
                  <a:pt x="531" y="5"/>
                </a:lnTo>
                <a:lnTo>
                  <a:pt x="556" y="20"/>
                </a:lnTo>
                <a:lnTo>
                  <a:pt x="607" y="20"/>
                </a:lnTo>
                <a:lnTo>
                  <a:pt x="612" y="7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Macedonia"/>
          <p:cNvSpPr>
            <a:spLocks/>
          </p:cNvSpPr>
          <p:nvPr/>
        </p:nvSpPr>
        <p:spPr bwMode="auto">
          <a:xfrm>
            <a:off x="10574863" y="5589588"/>
            <a:ext cx="419100" cy="330200"/>
          </a:xfrm>
          <a:custGeom>
            <a:avLst/>
            <a:gdLst>
              <a:gd name="T0" fmla="*/ 159 w 264"/>
              <a:gd name="T1" fmla="*/ 0 h 208"/>
              <a:gd name="T2" fmla="*/ 182 w 264"/>
              <a:gd name="T3" fmla="*/ 13 h 208"/>
              <a:gd name="T4" fmla="*/ 247 w 264"/>
              <a:gd name="T5" fmla="*/ 36 h 208"/>
              <a:gd name="T6" fmla="*/ 264 w 264"/>
              <a:gd name="T7" fmla="*/ 80 h 208"/>
              <a:gd name="T8" fmla="*/ 247 w 264"/>
              <a:gd name="T9" fmla="*/ 125 h 208"/>
              <a:gd name="T10" fmla="*/ 204 w 264"/>
              <a:gd name="T11" fmla="*/ 125 h 208"/>
              <a:gd name="T12" fmla="*/ 184 w 264"/>
              <a:gd name="T13" fmla="*/ 145 h 208"/>
              <a:gd name="T14" fmla="*/ 155 w 264"/>
              <a:gd name="T15" fmla="*/ 152 h 208"/>
              <a:gd name="T16" fmla="*/ 155 w 264"/>
              <a:gd name="T17" fmla="*/ 172 h 208"/>
              <a:gd name="T18" fmla="*/ 90 w 264"/>
              <a:gd name="T19" fmla="*/ 195 h 208"/>
              <a:gd name="T20" fmla="*/ 70 w 264"/>
              <a:gd name="T21" fmla="*/ 208 h 208"/>
              <a:gd name="T22" fmla="*/ 63 w 264"/>
              <a:gd name="T23" fmla="*/ 192 h 208"/>
              <a:gd name="T24" fmla="*/ 43 w 264"/>
              <a:gd name="T25" fmla="*/ 195 h 208"/>
              <a:gd name="T26" fmla="*/ 12 w 264"/>
              <a:gd name="T27" fmla="*/ 154 h 208"/>
              <a:gd name="T28" fmla="*/ 12 w 264"/>
              <a:gd name="T29" fmla="*/ 129 h 208"/>
              <a:gd name="T30" fmla="*/ 0 w 264"/>
              <a:gd name="T31" fmla="*/ 96 h 208"/>
              <a:gd name="T32" fmla="*/ 0 w 264"/>
              <a:gd name="T33" fmla="*/ 36 h 208"/>
              <a:gd name="T34" fmla="*/ 63 w 264"/>
              <a:gd name="T35" fmla="*/ 42 h 208"/>
              <a:gd name="T36" fmla="*/ 97 w 264"/>
              <a:gd name="T37" fmla="*/ 20 h 208"/>
              <a:gd name="T38" fmla="*/ 132 w 264"/>
              <a:gd name="T39" fmla="*/ 17 h 208"/>
              <a:gd name="T40" fmla="*/ 159 w 264"/>
              <a:gd name="T41" fmla="*/ 0 h 20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264" h="208">
                <a:moveTo>
                  <a:pt x="159" y="0"/>
                </a:moveTo>
                <a:lnTo>
                  <a:pt x="182" y="13"/>
                </a:lnTo>
                <a:lnTo>
                  <a:pt x="247" y="36"/>
                </a:lnTo>
                <a:lnTo>
                  <a:pt x="264" y="80"/>
                </a:lnTo>
                <a:lnTo>
                  <a:pt x="247" y="125"/>
                </a:lnTo>
                <a:lnTo>
                  <a:pt x="204" y="125"/>
                </a:lnTo>
                <a:lnTo>
                  <a:pt x="184" y="145"/>
                </a:lnTo>
                <a:lnTo>
                  <a:pt x="155" y="152"/>
                </a:lnTo>
                <a:lnTo>
                  <a:pt x="155" y="172"/>
                </a:lnTo>
                <a:lnTo>
                  <a:pt x="90" y="195"/>
                </a:lnTo>
                <a:lnTo>
                  <a:pt x="70" y="208"/>
                </a:lnTo>
                <a:lnTo>
                  <a:pt x="63" y="192"/>
                </a:lnTo>
                <a:lnTo>
                  <a:pt x="43" y="195"/>
                </a:lnTo>
                <a:lnTo>
                  <a:pt x="12" y="154"/>
                </a:lnTo>
                <a:lnTo>
                  <a:pt x="12" y="129"/>
                </a:lnTo>
                <a:lnTo>
                  <a:pt x="0" y="96"/>
                </a:lnTo>
                <a:lnTo>
                  <a:pt x="0" y="36"/>
                </a:lnTo>
                <a:lnTo>
                  <a:pt x="63" y="42"/>
                </a:lnTo>
                <a:lnTo>
                  <a:pt x="97" y="20"/>
                </a:lnTo>
                <a:lnTo>
                  <a:pt x="132" y="17"/>
                </a:lnTo>
                <a:lnTo>
                  <a:pt x="159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Albania"/>
          <p:cNvSpPr>
            <a:spLocks/>
          </p:cNvSpPr>
          <p:nvPr/>
        </p:nvSpPr>
        <p:spPr bwMode="auto">
          <a:xfrm>
            <a:off x="10376426" y="5602288"/>
            <a:ext cx="309563" cy="561975"/>
          </a:xfrm>
          <a:custGeom>
            <a:avLst/>
            <a:gdLst>
              <a:gd name="T0" fmla="*/ 2 w 195"/>
              <a:gd name="T1" fmla="*/ 85 h 354"/>
              <a:gd name="T2" fmla="*/ 11 w 195"/>
              <a:gd name="T3" fmla="*/ 85 h 354"/>
              <a:gd name="T4" fmla="*/ 29 w 195"/>
              <a:gd name="T5" fmla="*/ 59 h 354"/>
              <a:gd name="T6" fmla="*/ 33 w 195"/>
              <a:gd name="T7" fmla="*/ 25 h 354"/>
              <a:gd name="T8" fmla="*/ 47 w 195"/>
              <a:gd name="T9" fmla="*/ 0 h 354"/>
              <a:gd name="T10" fmla="*/ 65 w 195"/>
              <a:gd name="T11" fmla="*/ 14 h 354"/>
              <a:gd name="T12" fmla="*/ 78 w 195"/>
              <a:gd name="T13" fmla="*/ 1 h 354"/>
              <a:gd name="T14" fmla="*/ 114 w 195"/>
              <a:gd name="T15" fmla="*/ 27 h 354"/>
              <a:gd name="T16" fmla="*/ 125 w 195"/>
              <a:gd name="T17" fmla="*/ 28 h 354"/>
              <a:gd name="T18" fmla="*/ 125 w 195"/>
              <a:gd name="T19" fmla="*/ 88 h 354"/>
              <a:gd name="T20" fmla="*/ 137 w 195"/>
              <a:gd name="T21" fmla="*/ 121 h 354"/>
              <a:gd name="T22" fmla="*/ 137 w 195"/>
              <a:gd name="T23" fmla="*/ 146 h 354"/>
              <a:gd name="T24" fmla="*/ 168 w 195"/>
              <a:gd name="T25" fmla="*/ 187 h 354"/>
              <a:gd name="T26" fmla="*/ 188 w 195"/>
              <a:gd name="T27" fmla="*/ 184 h 354"/>
              <a:gd name="T28" fmla="*/ 195 w 195"/>
              <a:gd name="T29" fmla="*/ 200 h 354"/>
              <a:gd name="T30" fmla="*/ 177 w 195"/>
              <a:gd name="T31" fmla="*/ 218 h 354"/>
              <a:gd name="T32" fmla="*/ 181 w 195"/>
              <a:gd name="T33" fmla="*/ 292 h 354"/>
              <a:gd name="T34" fmla="*/ 139 w 195"/>
              <a:gd name="T35" fmla="*/ 307 h 354"/>
              <a:gd name="T36" fmla="*/ 152 w 195"/>
              <a:gd name="T37" fmla="*/ 336 h 354"/>
              <a:gd name="T38" fmla="*/ 121 w 195"/>
              <a:gd name="T39" fmla="*/ 354 h 354"/>
              <a:gd name="T40" fmla="*/ 105 w 195"/>
              <a:gd name="T41" fmla="*/ 325 h 354"/>
              <a:gd name="T42" fmla="*/ 89 w 195"/>
              <a:gd name="T43" fmla="*/ 301 h 354"/>
              <a:gd name="T44" fmla="*/ 29 w 195"/>
              <a:gd name="T45" fmla="*/ 283 h 354"/>
              <a:gd name="T46" fmla="*/ 36 w 195"/>
              <a:gd name="T47" fmla="*/ 249 h 354"/>
              <a:gd name="T48" fmla="*/ 42 w 195"/>
              <a:gd name="T49" fmla="*/ 200 h 354"/>
              <a:gd name="T50" fmla="*/ 33 w 195"/>
              <a:gd name="T51" fmla="*/ 177 h 354"/>
              <a:gd name="T52" fmla="*/ 40 w 195"/>
              <a:gd name="T53" fmla="*/ 171 h 354"/>
              <a:gd name="T54" fmla="*/ 22 w 195"/>
              <a:gd name="T55" fmla="*/ 144 h 354"/>
              <a:gd name="T56" fmla="*/ 42 w 195"/>
              <a:gd name="T57" fmla="*/ 117 h 354"/>
              <a:gd name="T58" fmla="*/ 34 w 195"/>
              <a:gd name="T59" fmla="*/ 95 h 354"/>
              <a:gd name="T60" fmla="*/ 18 w 195"/>
              <a:gd name="T61" fmla="*/ 95 h 354"/>
              <a:gd name="T62" fmla="*/ 0 w 195"/>
              <a:gd name="T63" fmla="*/ 95 h 354"/>
              <a:gd name="T64" fmla="*/ 2 w 195"/>
              <a:gd name="T65" fmla="*/ 85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195" h="354">
                <a:moveTo>
                  <a:pt x="2" y="85"/>
                </a:moveTo>
                <a:lnTo>
                  <a:pt x="11" y="85"/>
                </a:lnTo>
                <a:lnTo>
                  <a:pt x="29" y="59"/>
                </a:lnTo>
                <a:lnTo>
                  <a:pt x="33" y="25"/>
                </a:lnTo>
                <a:lnTo>
                  <a:pt x="47" y="0"/>
                </a:lnTo>
                <a:lnTo>
                  <a:pt x="65" y="14"/>
                </a:lnTo>
                <a:lnTo>
                  <a:pt x="78" y="1"/>
                </a:lnTo>
                <a:lnTo>
                  <a:pt x="114" y="27"/>
                </a:lnTo>
                <a:lnTo>
                  <a:pt x="125" y="28"/>
                </a:lnTo>
                <a:lnTo>
                  <a:pt x="125" y="88"/>
                </a:lnTo>
                <a:lnTo>
                  <a:pt x="137" y="121"/>
                </a:lnTo>
                <a:lnTo>
                  <a:pt x="137" y="146"/>
                </a:lnTo>
                <a:lnTo>
                  <a:pt x="168" y="187"/>
                </a:lnTo>
                <a:lnTo>
                  <a:pt x="188" y="184"/>
                </a:lnTo>
                <a:lnTo>
                  <a:pt x="195" y="200"/>
                </a:lnTo>
                <a:lnTo>
                  <a:pt x="177" y="218"/>
                </a:lnTo>
                <a:lnTo>
                  <a:pt x="181" y="292"/>
                </a:lnTo>
                <a:lnTo>
                  <a:pt x="139" y="307"/>
                </a:lnTo>
                <a:lnTo>
                  <a:pt x="152" y="336"/>
                </a:lnTo>
                <a:lnTo>
                  <a:pt x="121" y="354"/>
                </a:lnTo>
                <a:lnTo>
                  <a:pt x="105" y="325"/>
                </a:lnTo>
                <a:lnTo>
                  <a:pt x="89" y="301"/>
                </a:lnTo>
                <a:lnTo>
                  <a:pt x="29" y="283"/>
                </a:lnTo>
                <a:lnTo>
                  <a:pt x="36" y="249"/>
                </a:lnTo>
                <a:lnTo>
                  <a:pt x="42" y="200"/>
                </a:lnTo>
                <a:lnTo>
                  <a:pt x="33" y="177"/>
                </a:lnTo>
                <a:lnTo>
                  <a:pt x="40" y="171"/>
                </a:lnTo>
                <a:lnTo>
                  <a:pt x="22" y="144"/>
                </a:lnTo>
                <a:lnTo>
                  <a:pt x="42" y="117"/>
                </a:lnTo>
                <a:lnTo>
                  <a:pt x="34" y="95"/>
                </a:lnTo>
                <a:lnTo>
                  <a:pt x="18" y="95"/>
                </a:lnTo>
                <a:lnTo>
                  <a:pt x="0" y="95"/>
                </a:lnTo>
                <a:lnTo>
                  <a:pt x="2" y="8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Romania"/>
          <p:cNvSpPr>
            <a:spLocks/>
          </p:cNvSpPr>
          <p:nvPr/>
        </p:nvSpPr>
        <p:spPr bwMode="auto">
          <a:xfrm>
            <a:off x="10428813" y="4348163"/>
            <a:ext cx="1450975" cy="955675"/>
          </a:xfrm>
          <a:custGeom>
            <a:avLst/>
            <a:gdLst>
              <a:gd name="T0" fmla="*/ 335 w 506"/>
              <a:gd name="T1" fmla="*/ 34 h 333"/>
              <a:gd name="T2" fmla="*/ 404 w 506"/>
              <a:gd name="T3" fmla="*/ 136 h 333"/>
              <a:gd name="T4" fmla="*/ 440 w 506"/>
              <a:gd name="T5" fmla="*/ 170 h 333"/>
              <a:gd name="T6" fmla="*/ 473 w 506"/>
              <a:gd name="T7" fmla="*/ 156 h 333"/>
              <a:gd name="T8" fmla="*/ 506 w 506"/>
              <a:gd name="T9" fmla="*/ 163 h 333"/>
              <a:gd name="T10" fmla="*/ 482 w 506"/>
              <a:gd name="T11" fmla="*/ 204 h 333"/>
              <a:gd name="T12" fmla="*/ 467 w 506"/>
              <a:gd name="T13" fmla="*/ 200 h 333"/>
              <a:gd name="T14" fmla="*/ 473 w 506"/>
              <a:gd name="T15" fmla="*/ 220 h 333"/>
              <a:gd name="T16" fmla="*/ 471 w 506"/>
              <a:gd name="T17" fmla="*/ 264 h 333"/>
              <a:gd name="T18" fmla="*/ 447 w 506"/>
              <a:gd name="T19" fmla="*/ 276 h 333"/>
              <a:gd name="T20" fmla="*/ 427 w 506"/>
              <a:gd name="T21" fmla="*/ 273 h 333"/>
              <a:gd name="T22" fmla="*/ 389 w 506"/>
              <a:gd name="T23" fmla="*/ 265 h 333"/>
              <a:gd name="T24" fmla="*/ 310 w 506"/>
              <a:gd name="T25" fmla="*/ 320 h 333"/>
              <a:gd name="T26" fmla="*/ 243 w 506"/>
              <a:gd name="T27" fmla="*/ 329 h 333"/>
              <a:gd name="T28" fmla="*/ 179 w 506"/>
              <a:gd name="T29" fmla="*/ 333 h 333"/>
              <a:gd name="T30" fmla="*/ 157 w 506"/>
              <a:gd name="T31" fmla="*/ 300 h 333"/>
              <a:gd name="T32" fmla="*/ 153 w 506"/>
              <a:gd name="T33" fmla="*/ 284 h 333"/>
              <a:gd name="T34" fmla="*/ 139 w 506"/>
              <a:gd name="T35" fmla="*/ 288 h 333"/>
              <a:gd name="T36" fmla="*/ 105 w 506"/>
              <a:gd name="T37" fmla="*/ 283 h 333"/>
              <a:gd name="T38" fmla="*/ 75 w 506"/>
              <a:gd name="T39" fmla="*/ 254 h 333"/>
              <a:gd name="T40" fmla="*/ 37 w 506"/>
              <a:gd name="T41" fmla="*/ 220 h 333"/>
              <a:gd name="T42" fmla="*/ 18 w 506"/>
              <a:gd name="T43" fmla="*/ 187 h 333"/>
              <a:gd name="T44" fmla="*/ 52 w 506"/>
              <a:gd name="T45" fmla="*/ 152 h 333"/>
              <a:gd name="T46" fmla="*/ 67 w 506"/>
              <a:gd name="T47" fmla="*/ 111 h 333"/>
              <a:gd name="T48" fmla="*/ 83 w 506"/>
              <a:gd name="T49" fmla="*/ 76 h 333"/>
              <a:gd name="T50" fmla="*/ 108 w 506"/>
              <a:gd name="T51" fmla="*/ 62 h 333"/>
              <a:gd name="T52" fmla="*/ 108 w 506"/>
              <a:gd name="T53" fmla="*/ 48 h 333"/>
              <a:gd name="T54" fmla="*/ 129 w 506"/>
              <a:gd name="T55" fmla="*/ 43 h 333"/>
              <a:gd name="T56" fmla="*/ 205 w 506"/>
              <a:gd name="T57" fmla="*/ 40 h 333"/>
              <a:gd name="T58" fmla="*/ 234 w 506"/>
              <a:gd name="T59" fmla="*/ 36 h 333"/>
              <a:gd name="T60" fmla="*/ 281 w 506"/>
              <a:gd name="T61" fmla="*/ 13 h 333"/>
              <a:gd name="T62" fmla="*/ 312 w 506"/>
              <a:gd name="T63" fmla="*/ 1 h 3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506" h="333">
                <a:moveTo>
                  <a:pt x="315" y="0"/>
                </a:moveTo>
                <a:cubicBezTo>
                  <a:pt x="335" y="34"/>
                  <a:pt x="335" y="34"/>
                  <a:pt x="335" y="34"/>
                </a:cubicBezTo>
                <a:cubicBezTo>
                  <a:pt x="406" y="93"/>
                  <a:pt x="406" y="93"/>
                  <a:pt x="406" y="93"/>
                </a:cubicBezTo>
                <a:cubicBezTo>
                  <a:pt x="404" y="136"/>
                  <a:pt x="404" y="136"/>
                  <a:pt x="404" y="136"/>
                </a:cubicBezTo>
                <a:cubicBezTo>
                  <a:pt x="425" y="163"/>
                  <a:pt x="425" y="163"/>
                  <a:pt x="425" y="163"/>
                </a:cubicBezTo>
                <a:cubicBezTo>
                  <a:pt x="440" y="170"/>
                  <a:pt x="440" y="170"/>
                  <a:pt x="440" y="170"/>
                </a:cubicBezTo>
                <a:cubicBezTo>
                  <a:pt x="458" y="165"/>
                  <a:pt x="458" y="165"/>
                  <a:pt x="458" y="165"/>
                </a:cubicBezTo>
                <a:cubicBezTo>
                  <a:pt x="473" y="156"/>
                  <a:pt x="473" y="156"/>
                  <a:pt x="473" y="156"/>
                </a:cubicBezTo>
                <a:cubicBezTo>
                  <a:pt x="485" y="152"/>
                  <a:pt x="485" y="152"/>
                  <a:pt x="485" y="152"/>
                </a:cubicBezTo>
                <a:cubicBezTo>
                  <a:pt x="506" y="163"/>
                  <a:pt x="506" y="163"/>
                  <a:pt x="506" y="163"/>
                </a:cubicBezTo>
                <a:cubicBezTo>
                  <a:pt x="506" y="187"/>
                  <a:pt x="506" y="187"/>
                  <a:pt x="506" y="187"/>
                </a:cubicBezTo>
                <a:cubicBezTo>
                  <a:pt x="482" y="204"/>
                  <a:pt x="482" y="204"/>
                  <a:pt x="482" y="204"/>
                </a:cubicBezTo>
                <a:cubicBezTo>
                  <a:pt x="475" y="192"/>
                  <a:pt x="475" y="192"/>
                  <a:pt x="475" y="192"/>
                </a:cubicBezTo>
                <a:cubicBezTo>
                  <a:pt x="467" y="200"/>
                  <a:pt x="467" y="200"/>
                  <a:pt x="467" y="200"/>
                </a:cubicBezTo>
                <a:cubicBezTo>
                  <a:pt x="471" y="204"/>
                  <a:pt x="471" y="204"/>
                  <a:pt x="471" y="204"/>
                </a:cubicBezTo>
                <a:cubicBezTo>
                  <a:pt x="473" y="220"/>
                  <a:pt x="473" y="220"/>
                  <a:pt x="473" y="220"/>
                </a:cubicBezTo>
                <a:cubicBezTo>
                  <a:pt x="464" y="236"/>
                  <a:pt x="464" y="236"/>
                  <a:pt x="464" y="236"/>
                </a:cubicBezTo>
                <a:cubicBezTo>
                  <a:pt x="471" y="264"/>
                  <a:pt x="471" y="264"/>
                  <a:pt x="471" y="264"/>
                </a:cubicBezTo>
                <a:cubicBezTo>
                  <a:pt x="475" y="276"/>
                  <a:pt x="475" y="276"/>
                  <a:pt x="475" y="276"/>
                </a:cubicBezTo>
                <a:cubicBezTo>
                  <a:pt x="447" y="276"/>
                  <a:pt x="447" y="276"/>
                  <a:pt x="447" y="276"/>
                </a:cubicBezTo>
                <a:cubicBezTo>
                  <a:pt x="433" y="268"/>
                  <a:pt x="433" y="268"/>
                  <a:pt x="433" y="268"/>
                </a:cubicBezTo>
                <a:cubicBezTo>
                  <a:pt x="427" y="273"/>
                  <a:pt x="427" y="273"/>
                  <a:pt x="427" y="273"/>
                </a:cubicBezTo>
                <a:cubicBezTo>
                  <a:pt x="410" y="268"/>
                  <a:pt x="410" y="268"/>
                  <a:pt x="410" y="268"/>
                </a:cubicBezTo>
                <a:cubicBezTo>
                  <a:pt x="389" y="265"/>
                  <a:pt x="389" y="265"/>
                  <a:pt x="389" y="265"/>
                </a:cubicBezTo>
                <a:cubicBezTo>
                  <a:pt x="335" y="288"/>
                  <a:pt x="335" y="288"/>
                  <a:pt x="335" y="288"/>
                </a:cubicBezTo>
                <a:cubicBezTo>
                  <a:pt x="310" y="320"/>
                  <a:pt x="310" y="320"/>
                  <a:pt x="310" y="320"/>
                </a:cubicBezTo>
                <a:cubicBezTo>
                  <a:pt x="253" y="320"/>
                  <a:pt x="253" y="320"/>
                  <a:pt x="253" y="320"/>
                </a:cubicBezTo>
                <a:cubicBezTo>
                  <a:pt x="243" y="329"/>
                  <a:pt x="243" y="329"/>
                  <a:pt x="243" y="329"/>
                </a:cubicBezTo>
                <a:cubicBezTo>
                  <a:pt x="199" y="322"/>
                  <a:pt x="199" y="322"/>
                  <a:pt x="199" y="322"/>
                </a:cubicBezTo>
                <a:cubicBezTo>
                  <a:pt x="179" y="333"/>
                  <a:pt x="179" y="333"/>
                  <a:pt x="179" y="333"/>
                </a:cubicBezTo>
                <a:cubicBezTo>
                  <a:pt x="179" y="333"/>
                  <a:pt x="161" y="330"/>
                  <a:pt x="161" y="327"/>
                </a:cubicBezTo>
                <a:cubicBezTo>
                  <a:pt x="162" y="324"/>
                  <a:pt x="157" y="300"/>
                  <a:pt x="157" y="300"/>
                </a:cubicBezTo>
                <a:cubicBezTo>
                  <a:pt x="149" y="294"/>
                  <a:pt x="149" y="294"/>
                  <a:pt x="149" y="294"/>
                </a:cubicBezTo>
                <a:cubicBezTo>
                  <a:pt x="153" y="284"/>
                  <a:pt x="153" y="284"/>
                  <a:pt x="153" y="284"/>
                </a:cubicBezTo>
                <a:cubicBezTo>
                  <a:pt x="139" y="275"/>
                  <a:pt x="139" y="275"/>
                  <a:pt x="139" y="275"/>
                </a:cubicBezTo>
                <a:cubicBezTo>
                  <a:pt x="139" y="288"/>
                  <a:pt x="139" y="288"/>
                  <a:pt x="139" y="288"/>
                </a:cubicBezTo>
                <a:cubicBezTo>
                  <a:pt x="127" y="298"/>
                  <a:pt x="127" y="298"/>
                  <a:pt x="127" y="298"/>
                </a:cubicBezTo>
                <a:cubicBezTo>
                  <a:pt x="105" y="283"/>
                  <a:pt x="105" y="283"/>
                  <a:pt x="105" y="283"/>
                </a:cubicBezTo>
                <a:cubicBezTo>
                  <a:pt x="87" y="281"/>
                  <a:pt x="87" y="281"/>
                  <a:pt x="87" y="281"/>
                </a:cubicBezTo>
                <a:cubicBezTo>
                  <a:pt x="75" y="254"/>
                  <a:pt x="75" y="254"/>
                  <a:pt x="75" y="254"/>
                </a:cubicBezTo>
                <a:cubicBezTo>
                  <a:pt x="37" y="244"/>
                  <a:pt x="37" y="244"/>
                  <a:pt x="37" y="244"/>
                </a:cubicBezTo>
                <a:cubicBezTo>
                  <a:pt x="37" y="220"/>
                  <a:pt x="37" y="220"/>
                  <a:pt x="37" y="220"/>
                </a:cubicBezTo>
                <a:cubicBezTo>
                  <a:pt x="0" y="199"/>
                  <a:pt x="0" y="199"/>
                  <a:pt x="0" y="199"/>
                </a:cubicBezTo>
                <a:cubicBezTo>
                  <a:pt x="18" y="187"/>
                  <a:pt x="18" y="187"/>
                  <a:pt x="18" y="187"/>
                </a:cubicBezTo>
                <a:cubicBezTo>
                  <a:pt x="38" y="182"/>
                  <a:pt x="38" y="182"/>
                  <a:pt x="38" y="182"/>
                </a:cubicBezTo>
                <a:cubicBezTo>
                  <a:pt x="52" y="152"/>
                  <a:pt x="52" y="152"/>
                  <a:pt x="52" y="152"/>
                </a:cubicBezTo>
                <a:cubicBezTo>
                  <a:pt x="54" y="135"/>
                  <a:pt x="54" y="135"/>
                  <a:pt x="54" y="135"/>
                </a:cubicBezTo>
                <a:cubicBezTo>
                  <a:pt x="67" y="111"/>
                  <a:pt x="67" y="111"/>
                  <a:pt x="67" y="111"/>
                </a:cubicBezTo>
                <a:cubicBezTo>
                  <a:pt x="69" y="92"/>
                  <a:pt x="69" y="92"/>
                  <a:pt x="69" y="92"/>
                </a:cubicBezTo>
                <a:cubicBezTo>
                  <a:pt x="83" y="76"/>
                  <a:pt x="83" y="76"/>
                  <a:pt x="83" y="76"/>
                </a:cubicBezTo>
                <a:cubicBezTo>
                  <a:pt x="103" y="74"/>
                  <a:pt x="103" y="74"/>
                  <a:pt x="103" y="74"/>
                </a:cubicBezTo>
                <a:cubicBezTo>
                  <a:pt x="108" y="62"/>
                  <a:pt x="108" y="62"/>
                  <a:pt x="108" y="62"/>
                </a:cubicBezTo>
                <a:cubicBezTo>
                  <a:pt x="105" y="54"/>
                  <a:pt x="105" y="54"/>
                  <a:pt x="105" y="54"/>
                </a:cubicBezTo>
                <a:cubicBezTo>
                  <a:pt x="108" y="48"/>
                  <a:pt x="108" y="48"/>
                  <a:pt x="108" y="48"/>
                </a:cubicBezTo>
                <a:cubicBezTo>
                  <a:pt x="115" y="56"/>
                  <a:pt x="115" y="56"/>
                  <a:pt x="115" y="56"/>
                </a:cubicBezTo>
                <a:cubicBezTo>
                  <a:pt x="129" y="43"/>
                  <a:pt x="129" y="43"/>
                  <a:pt x="129" y="43"/>
                </a:cubicBezTo>
                <a:cubicBezTo>
                  <a:pt x="175" y="46"/>
                  <a:pt x="175" y="46"/>
                  <a:pt x="175" y="46"/>
                </a:cubicBezTo>
                <a:cubicBezTo>
                  <a:pt x="205" y="40"/>
                  <a:pt x="205" y="40"/>
                  <a:pt x="205" y="40"/>
                </a:cubicBezTo>
                <a:cubicBezTo>
                  <a:pt x="225" y="54"/>
                  <a:pt x="225" y="54"/>
                  <a:pt x="225" y="54"/>
                </a:cubicBezTo>
                <a:cubicBezTo>
                  <a:pt x="234" y="36"/>
                  <a:pt x="234" y="36"/>
                  <a:pt x="234" y="36"/>
                </a:cubicBezTo>
                <a:cubicBezTo>
                  <a:pt x="273" y="27"/>
                  <a:pt x="273" y="27"/>
                  <a:pt x="273" y="27"/>
                </a:cubicBezTo>
                <a:cubicBezTo>
                  <a:pt x="281" y="13"/>
                  <a:pt x="281" y="13"/>
                  <a:pt x="281" y="13"/>
                </a:cubicBezTo>
                <a:cubicBezTo>
                  <a:pt x="286" y="7"/>
                  <a:pt x="286" y="7"/>
                  <a:pt x="286" y="7"/>
                </a:cubicBezTo>
                <a:cubicBezTo>
                  <a:pt x="312" y="1"/>
                  <a:pt x="312" y="1"/>
                  <a:pt x="312" y="1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4" name="Serbia"/>
          <p:cNvSpPr>
            <a:spLocks/>
          </p:cNvSpPr>
          <p:nvPr/>
        </p:nvSpPr>
        <p:spPr bwMode="auto">
          <a:xfrm>
            <a:off x="10208151" y="4919663"/>
            <a:ext cx="736600" cy="739775"/>
          </a:xfrm>
          <a:custGeom>
            <a:avLst/>
            <a:gdLst>
              <a:gd name="T0" fmla="*/ 413 w 464"/>
              <a:gd name="T1" fmla="*/ 435 h 466"/>
              <a:gd name="T2" fmla="*/ 390 w 464"/>
              <a:gd name="T3" fmla="*/ 422 h 466"/>
              <a:gd name="T4" fmla="*/ 359 w 464"/>
              <a:gd name="T5" fmla="*/ 440 h 466"/>
              <a:gd name="T6" fmla="*/ 328 w 464"/>
              <a:gd name="T7" fmla="*/ 440 h 466"/>
              <a:gd name="T8" fmla="*/ 294 w 464"/>
              <a:gd name="T9" fmla="*/ 466 h 466"/>
              <a:gd name="T10" fmla="*/ 222 w 464"/>
              <a:gd name="T11" fmla="*/ 457 h 466"/>
              <a:gd name="T12" fmla="*/ 184 w 464"/>
              <a:gd name="T13" fmla="*/ 430 h 466"/>
              <a:gd name="T14" fmla="*/ 184 w 464"/>
              <a:gd name="T15" fmla="*/ 406 h 466"/>
              <a:gd name="T16" fmla="*/ 200 w 464"/>
              <a:gd name="T17" fmla="*/ 393 h 466"/>
              <a:gd name="T18" fmla="*/ 191 w 464"/>
              <a:gd name="T19" fmla="*/ 366 h 466"/>
              <a:gd name="T20" fmla="*/ 162 w 464"/>
              <a:gd name="T21" fmla="*/ 357 h 466"/>
              <a:gd name="T22" fmla="*/ 150 w 464"/>
              <a:gd name="T23" fmla="*/ 325 h 466"/>
              <a:gd name="T24" fmla="*/ 106 w 464"/>
              <a:gd name="T25" fmla="*/ 312 h 466"/>
              <a:gd name="T26" fmla="*/ 77 w 464"/>
              <a:gd name="T27" fmla="*/ 271 h 466"/>
              <a:gd name="T28" fmla="*/ 108 w 464"/>
              <a:gd name="T29" fmla="*/ 271 h 466"/>
              <a:gd name="T30" fmla="*/ 94 w 464"/>
              <a:gd name="T31" fmla="*/ 245 h 466"/>
              <a:gd name="T32" fmla="*/ 57 w 464"/>
              <a:gd name="T33" fmla="*/ 231 h 466"/>
              <a:gd name="T34" fmla="*/ 74 w 464"/>
              <a:gd name="T35" fmla="*/ 162 h 466"/>
              <a:gd name="T36" fmla="*/ 66 w 464"/>
              <a:gd name="T37" fmla="*/ 150 h 466"/>
              <a:gd name="T38" fmla="*/ 25 w 464"/>
              <a:gd name="T39" fmla="*/ 166 h 466"/>
              <a:gd name="T40" fmla="*/ 10 w 464"/>
              <a:gd name="T41" fmla="*/ 159 h 466"/>
              <a:gd name="T42" fmla="*/ 45 w 464"/>
              <a:gd name="T43" fmla="*/ 141 h 466"/>
              <a:gd name="T44" fmla="*/ 45 w 464"/>
              <a:gd name="T45" fmla="*/ 99 h 466"/>
              <a:gd name="T46" fmla="*/ 12 w 464"/>
              <a:gd name="T47" fmla="*/ 75 h 466"/>
              <a:gd name="T48" fmla="*/ 12 w 464"/>
              <a:gd name="T49" fmla="*/ 52 h 466"/>
              <a:gd name="T50" fmla="*/ 0 w 464"/>
              <a:gd name="T51" fmla="*/ 41 h 466"/>
              <a:gd name="T52" fmla="*/ 28 w 464"/>
              <a:gd name="T53" fmla="*/ 36 h 466"/>
              <a:gd name="T54" fmla="*/ 75 w 464"/>
              <a:gd name="T55" fmla="*/ 0 h 466"/>
              <a:gd name="T56" fmla="*/ 139 w 464"/>
              <a:gd name="T57" fmla="*/ 0 h 466"/>
              <a:gd name="T58" fmla="*/ 206 w 464"/>
              <a:gd name="T59" fmla="*/ 38 h 466"/>
              <a:gd name="T60" fmla="*/ 206 w 464"/>
              <a:gd name="T61" fmla="*/ 81 h 466"/>
              <a:gd name="T62" fmla="*/ 274 w 464"/>
              <a:gd name="T63" fmla="*/ 99 h 466"/>
              <a:gd name="T64" fmla="*/ 296 w 464"/>
              <a:gd name="T65" fmla="*/ 148 h 466"/>
              <a:gd name="T66" fmla="*/ 328 w 464"/>
              <a:gd name="T67" fmla="*/ 151 h 466"/>
              <a:gd name="T68" fmla="*/ 368 w 464"/>
              <a:gd name="T69" fmla="*/ 177 h 466"/>
              <a:gd name="T70" fmla="*/ 390 w 464"/>
              <a:gd name="T71" fmla="*/ 160 h 466"/>
              <a:gd name="T72" fmla="*/ 390 w 464"/>
              <a:gd name="T73" fmla="*/ 137 h 466"/>
              <a:gd name="T74" fmla="*/ 415 w 464"/>
              <a:gd name="T75" fmla="*/ 153 h 466"/>
              <a:gd name="T76" fmla="*/ 408 w 464"/>
              <a:gd name="T77" fmla="*/ 169 h 466"/>
              <a:gd name="T78" fmla="*/ 422 w 464"/>
              <a:gd name="T79" fmla="*/ 180 h 466"/>
              <a:gd name="T80" fmla="*/ 426 w 464"/>
              <a:gd name="T81" fmla="*/ 202 h 466"/>
              <a:gd name="T82" fmla="*/ 390 w 464"/>
              <a:gd name="T83" fmla="*/ 225 h 466"/>
              <a:gd name="T84" fmla="*/ 390 w 464"/>
              <a:gd name="T85" fmla="*/ 272 h 466"/>
              <a:gd name="T86" fmla="*/ 464 w 464"/>
              <a:gd name="T87" fmla="*/ 314 h 466"/>
              <a:gd name="T88" fmla="*/ 413 w 464"/>
              <a:gd name="T89" fmla="*/ 368 h 466"/>
              <a:gd name="T90" fmla="*/ 431 w 464"/>
              <a:gd name="T91" fmla="*/ 406 h 466"/>
              <a:gd name="T92" fmla="*/ 413 w 464"/>
              <a:gd name="T93" fmla="*/ 435 h 4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464" h="466">
                <a:moveTo>
                  <a:pt x="413" y="435"/>
                </a:moveTo>
                <a:lnTo>
                  <a:pt x="390" y="422"/>
                </a:lnTo>
                <a:lnTo>
                  <a:pt x="359" y="440"/>
                </a:lnTo>
                <a:lnTo>
                  <a:pt x="328" y="440"/>
                </a:lnTo>
                <a:lnTo>
                  <a:pt x="294" y="466"/>
                </a:lnTo>
                <a:lnTo>
                  <a:pt x="222" y="457"/>
                </a:lnTo>
                <a:lnTo>
                  <a:pt x="184" y="430"/>
                </a:lnTo>
                <a:lnTo>
                  <a:pt x="184" y="406"/>
                </a:lnTo>
                <a:lnTo>
                  <a:pt x="200" y="393"/>
                </a:lnTo>
                <a:lnTo>
                  <a:pt x="191" y="366"/>
                </a:lnTo>
                <a:lnTo>
                  <a:pt x="162" y="357"/>
                </a:lnTo>
                <a:lnTo>
                  <a:pt x="150" y="325"/>
                </a:lnTo>
                <a:lnTo>
                  <a:pt x="106" y="312"/>
                </a:lnTo>
                <a:lnTo>
                  <a:pt x="77" y="271"/>
                </a:lnTo>
                <a:lnTo>
                  <a:pt x="108" y="271"/>
                </a:lnTo>
                <a:lnTo>
                  <a:pt x="94" y="245"/>
                </a:lnTo>
                <a:lnTo>
                  <a:pt x="57" y="231"/>
                </a:lnTo>
                <a:lnTo>
                  <a:pt x="74" y="162"/>
                </a:lnTo>
                <a:lnTo>
                  <a:pt x="66" y="150"/>
                </a:lnTo>
                <a:lnTo>
                  <a:pt x="25" y="166"/>
                </a:lnTo>
                <a:lnTo>
                  <a:pt x="10" y="159"/>
                </a:lnTo>
                <a:lnTo>
                  <a:pt x="45" y="141"/>
                </a:lnTo>
                <a:lnTo>
                  <a:pt x="45" y="99"/>
                </a:lnTo>
                <a:lnTo>
                  <a:pt x="12" y="75"/>
                </a:lnTo>
                <a:lnTo>
                  <a:pt x="12" y="52"/>
                </a:lnTo>
                <a:lnTo>
                  <a:pt x="0" y="41"/>
                </a:lnTo>
                <a:lnTo>
                  <a:pt x="28" y="36"/>
                </a:lnTo>
                <a:lnTo>
                  <a:pt x="75" y="0"/>
                </a:lnTo>
                <a:lnTo>
                  <a:pt x="139" y="0"/>
                </a:lnTo>
                <a:lnTo>
                  <a:pt x="206" y="38"/>
                </a:lnTo>
                <a:lnTo>
                  <a:pt x="206" y="81"/>
                </a:lnTo>
                <a:lnTo>
                  <a:pt x="274" y="99"/>
                </a:lnTo>
                <a:lnTo>
                  <a:pt x="296" y="148"/>
                </a:lnTo>
                <a:lnTo>
                  <a:pt x="328" y="151"/>
                </a:lnTo>
                <a:lnTo>
                  <a:pt x="368" y="177"/>
                </a:lnTo>
                <a:lnTo>
                  <a:pt x="390" y="160"/>
                </a:lnTo>
                <a:lnTo>
                  <a:pt x="390" y="137"/>
                </a:lnTo>
                <a:lnTo>
                  <a:pt x="415" y="153"/>
                </a:lnTo>
                <a:lnTo>
                  <a:pt x="408" y="169"/>
                </a:lnTo>
                <a:lnTo>
                  <a:pt x="422" y="180"/>
                </a:lnTo>
                <a:lnTo>
                  <a:pt x="426" y="202"/>
                </a:lnTo>
                <a:lnTo>
                  <a:pt x="390" y="225"/>
                </a:lnTo>
                <a:lnTo>
                  <a:pt x="390" y="272"/>
                </a:lnTo>
                <a:lnTo>
                  <a:pt x="464" y="314"/>
                </a:lnTo>
                <a:lnTo>
                  <a:pt x="413" y="368"/>
                </a:lnTo>
                <a:lnTo>
                  <a:pt x="431" y="406"/>
                </a:lnTo>
                <a:lnTo>
                  <a:pt x="413" y="4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5" name="Bosnia &amp; Herzegovina"/>
          <p:cNvSpPr>
            <a:spLocks/>
          </p:cNvSpPr>
          <p:nvPr/>
        </p:nvSpPr>
        <p:spPr bwMode="auto">
          <a:xfrm>
            <a:off x="9754126" y="5127625"/>
            <a:ext cx="628650" cy="519113"/>
          </a:xfrm>
          <a:custGeom>
            <a:avLst/>
            <a:gdLst>
              <a:gd name="T0" fmla="*/ 396 w 396"/>
              <a:gd name="T1" fmla="*/ 140 h 327"/>
              <a:gd name="T2" fmla="*/ 381 w 396"/>
              <a:gd name="T3" fmla="*/ 116 h 327"/>
              <a:gd name="T4" fmla="*/ 345 w 396"/>
              <a:gd name="T5" fmla="*/ 100 h 327"/>
              <a:gd name="T6" fmla="*/ 361 w 396"/>
              <a:gd name="T7" fmla="*/ 31 h 327"/>
              <a:gd name="T8" fmla="*/ 352 w 396"/>
              <a:gd name="T9" fmla="*/ 20 h 327"/>
              <a:gd name="T10" fmla="*/ 313 w 396"/>
              <a:gd name="T11" fmla="*/ 35 h 327"/>
              <a:gd name="T12" fmla="*/ 298 w 396"/>
              <a:gd name="T13" fmla="*/ 28 h 327"/>
              <a:gd name="T14" fmla="*/ 282 w 396"/>
              <a:gd name="T15" fmla="*/ 10 h 327"/>
              <a:gd name="T16" fmla="*/ 248 w 396"/>
              <a:gd name="T17" fmla="*/ 0 h 327"/>
              <a:gd name="T18" fmla="*/ 224 w 396"/>
              <a:gd name="T19" fmla="*/ 10 h 327"/>
              <a:gd name="T20" fmla="*/ 202 w 396"/>
              <a:gd name="T21" fmla="*/ 29 h 327"/>
              <a:gd name="T22" fmla="*/ 179 w 396"/>
              <a:gd name="T23" fmla="*/ 10 h 327"/>
              <a:gd name="T24" fmla="*/ 161 w 396"/>
              <a:gd name="T25" fmla="*/ 10 h 327"/>
              <a:gd name="T26" fmla="*/ 145 w 396"/>
              <a:gd name="T27" fmla="*/ 19 h 327"/>
              <a:gd name="T28" fmla="*/ 118 w 396"/>
              <a:gd name="T29" fmla="*/ 0 h 327"/>
              <a:gd name="T30" fmla="*/ 109 w 396"/>
              <a:gd name="T31" fmla="*/ 17 h 327"/>
              <a:gd name="T32" fmla="*/ 81 w 396"/>
              <a:gd name="T33" fmla="*/ 10 h 327"/>
              <a:gd name="T34" fmla="*/ 51 w 396"/>
              <a:gd name="T35" fmla="*/ 40 h 327"/>
              <a:gd name="T36" fmla="*/ 24 w 396"/>
              <a:gd name="T37" fmla="*/ 20 h 327"/>
              <a:gd name="T38" fmla="*/ 11 w 396"/>
              <a:gd name="T39" fmla="*/ 33 h 327"/>
              <a:gd name="T40" fmla="*/ 13 w 396"/>
              <a:gd name="T41" fmla="*/ 66 h 327"/>
              <a:gd name="T42" fmla="*/ 11 w 396"/>
              <a:gd name="T43" fmla="*/ 75 h 327"/>
              <a:gd name="T44" fmla="*/ 11 w 396"/>
              <a:gd name="T45" fmla="*/ 75 h 327"/>
              <a:gd name="T46" fmla="*/ 11 w 396"/>
              <a:gd name="T47" fmla="*/ 75 h 327"/>
              <a:gd name="T48" fmla="*/ 0 w 396"/>
              <a:gd name="T49" fmla="*/ 141 h 327"/>
              <a:gd name="T50" fmla="*/ 0 w 396"/>
              <a:gd name="T51" fmla="*/ 143 h 327"/>
              <a:gd name="T52" fmla="*/ 49 w 396"/>
              <a:gd name="T53" fmla="*/ 167 h 327"/>
              <a:gd name="T54" fmla="*/ 213 w 396"/>
              <a:gd name="T55" fmla="*/ 266 h 327"/>
              <a:gd name="T56" fmla="*/ 215 w 396"/>
              <a:gd name="T57" fmla="*/ 268 h 327"/>
              <a:gd name="T58" fmla="*/ 224 w 396"/>
              <a:gd name="T59" fmla="*/ 288 h 327"/>
              <a:gd name="T60" fmla="*/ 255 w 396"/>
              <a:gd name="T61" fmla="*/ 297 h 327"/>
              <a:gd name="T62" fmla="*/ 302 w 396"/>
              <a:gd name="T63" fmla="*/ 327 h 327"/>
              <a:gd name="T64" fmla="*/ 307 w 396"/>
              <a:gd name="T65" fmla="*/ 304 h 327"/>
              <a:gd name="T66" fmla="*/ 300 w 396"/>
              <a:gd name="T67" fmla="*/ 281 h 327"/>
              <a:gd name="T68" fmla="*/ 322 w 396"/>
              <a:gd name="T69" fmla="*/ 262 h 327"/>
              <a:gd name="T70" fmla="*/ 316 w 396"/>
              <a:gd name="T71" fmla="*/ 239 h 327"/>
              <a:gd name="T72" fmla="*/ 333 w 396"/>
              <a:gd name="T73" fmla="*/ 215 h 327"/>
              <a:gd name="T74" fmla="*/ 385 w 396"/>
              <a:gd name="T75" fmla="*/ 212 h 327"/>
              <a:gd name="T76" fmla="*/ 394 w 396"/>
              <a:gd name="T77" fmla="*/ 181 h 327"/>
              <a:gd name="T78" fmla="*/ 365 w 396"/>
              <a:gd name="T79" fmla="*/ 140 h 327"/>
              <a:gd name="T80" fmla="*/ 396 w 396"/>
              <a:gd name="T81" fmla="*/ 140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396" h="327">
                <a:moveTo>
                  <a:pt x="396" y="140"/>
                </a:moveTo>
                <a:lnTo>
                  <a:pt x="381" y="116"/>
                </a:lnTo>
                <a:lnTo>
                  <a:pt x="345" y="100"/>
                </a:lnTo>
                <a:lnTo>
                  <a:pt x="361" y="31"/>
                </a:lnTo>
                <a:lnTo>
                  <a:pt x="352" y="20"/>
                </a:lnTo>
                <a:lnTo>
                  <a:pt x="313" y="35"/>
                </a:lnTo>
                <a:lnTo>
                  <a:pt x="298" y="28"/>
                </a:lnTo>
                <a:lnTo>
                  <a:pt x="282" y="10"/>
                </a:lnTo>
                <a:lnTo>
                  <a:pt x="248" y="0"/>
                </a:lnTo>
                <a:lnTo>
                  <a:pt x="224" y="10"/>
                </a:lnTo>
                <a:lnTo>
                  <a:pt x="202" y="29"/>
                </a:lnTo>
                <a:lnTo>
                  <a:pt x="179" y="10"/>
                </a:lnTo>
                <a:lnTo>
                  <a:pt x="161" y="10"/>
                </a:lnTo>
                <a:lnTo>
                  <a:pt x="145" y="19"/>
                </a:lnTo>
                <a:lnTo>
                  <a:pt x="118" y="0"/>
                </a:lnTo>
                <a:lnTo>
                  <a:pt x="109" y="17"/>
                </a:lnTo>
                <a:lnTo>
                  <a:pt x="81" y="10"/>
                </a:lnTo>
                <a:lnTo>
                  <a:pt x="51" y="40"/>
                </a:lnTo>
                <a:lnTo>
                  <a:pt x="24" y="20"/>
                </a:lnTo>
                <a:lnTo>
                  <a:pt x="11" y="33"/>
                </a:lnTo>
                <a:lnTo>
                  <a:pt x="13" y="66"/>
                </a:lnTo>
                <a:lnTo>
                  <a:pt x="11" y="75"/>
                </a:lnTo>
                <a:lnTo>
                  <a:pt x="11" y="75"/>
                </a:lnTo>
                <a:lnTo>
                  <a:pt x="11" y="75"/>
                </a:lnTo>
                <a:lnTo>
                  <a:pt x="0" y="141"/>
                </a:lnTo>
                <a:lnTo>
                  <a:pt x="0" y="143"/>
                </a:lnTo>
                <a:lnTo>
                  <a:pt x="49" y="167"/>
                </a:lnTo>
                <a:lnTo>
                  <a:pt x="213" y="266"/>
                </a:lnTo>
                <a:lnTo>
                  <a:pt x="215" y="268"/>
                </a:lnTo>
                <a:lnTo>
                  <a:pt x="224" y="288"/>
                </a:lnTo>
                <a:lnTo>
                  <a:pt x="255" y="297"/>
                </a:lnTo>
                <a:lnTo>
                  <a:pt x="302" y="327"/>
                </a:lnTo>
                <a:lnTo>
                  <a:pt x="307" y="304"/>
                </a:lnTo>
                <a:lnTo>
                  <a:pt x="300" y="281"/>
                </a:lnTo>
                <a:lnTo>
                  <a:pt x="322" y="262"/>
                </a:lnTo>
                <a:lnTo>
                  <a:pt x="316" y="239"/>
                </a:lnTo>
                <a:lnTo>
                  <a:pt x="333" y="215"/>
                </a:lnTo>
                <a:lnTo>
                  <a:pt x="385" y="212"/>
                </a:lnTo>
                <a:lnTo>
                  <a:pt x="394" y="181"/>
                </a:lnTo>
                <a:lnTo>
                  <a:pt x="365" y="140"/>
                </a:lnTo>
                <a:lnTo>
                  <a:pt x="396" y="14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urkey"/>
          <p:cNvSpPr>
            <a:spLocks/>
          </p:cNvSpPr>
          <p:nvPr/>
        </p:nvSpPr>
        <p:spPr bwMode="auto">
          <a:xfrm>
            <a:off x="11528951" y="5486400"/>
            <a:ext cx="671513" cy="923925"/>
          </a:xfrm>
          <a:custGeom>
            <a:avLst/>
            <a:gdLst>
              <a:gd name="T0" fmla="*/ 234 w 234"/>
              <a:gd name="T1" fmla="*/ 3 h 322"/>
              <a:gd name="T2" fmla="*/ 234 w 234"/>
              <a:gd name="T3" fmla="*/ 311 h 322"/>
              <a:gd name="T4" fmla="*/ 223 w 234"/>
              <a:gd name="T5" fmla="*/ 311 h 322"/>
              <a:gd name="T6" fmla="*/ 209 w 234"/>
              <a:gd name="T7" fmla="*/ 322 h 322"/>
              <a:gd name="T8" fmla="*/ 201 w 234"/>
              <a:gd name="T9" fmla="*/ 307 h 322"/>
              <a:gd name="T10" fmla="*/ 189 w 234"/>
              <a:gd name="T11" fmla="*/ 322 h 322"/>
              <a:gd name="T12" fmla="*/ 173 w 234"/>
              <a:gd name="T13" fmla="*/ 322 h 322"/>
              <a:gd name="T14" fmla="*/ 181 w 234"/>
              <a:gd name="T15" fmla="*/ 298 h 322"/>
              <a:gd name="T16" fmla="*/ 133 w 234"/>
              <a:gd name="T17" fmla="*/ 317 h 322"/>
              <a:gd name="T18" fmla="*/ 122 w 234"/>
              <a:gd name="T19" fmla="*/ 310 h 322"/>
              <a:gd name="T20" fmla="*/ 141 w 234"/>
              <a:gd name="T21" fmla="*/ 303 h 322"/>
              <a:gd name="T22" fmla="*/ 130 w 234"/>
              <a:gd name="T23" fmla="*/ 288 h 322"/>
              <a:gd name="T24" fmla="*/ 115 w 234"/>
              <a:gd name="T25" fmla="*/ 293 h 322"/>
              <a:gd name="T26" fmla="*/ 108 w 234"/>
              <a:gd name="T27" fmla="*/ 253 h 322"/>
              <a:gd name="T28" fmla="*/ 87 w 234"/>
              <a:gd name="T29" fmla="*/ 251 h 322"/>
              <a:gd name="T30" fmla="*/ 49 w 234"/>
              <a:gd name="T31" fmla="*/ 250 h 322"/>
              <a:gd name="T32" fmla="*/ 43 w 234"/>
              <a:gd name="T33" fmla="*/ 218 h 322"/>
              <a:gd name="T34" fmla="*/ 65 w 234"/>
              <a:gd name="T35" fmla="*/ 240 h 322"/>
              <a:gd name="T36" fmla="*/ 87 w 234"/>
              <a:gd name="T37" fmla="*/ 223 h 322"/>
              <a:gd name="T38" fmla="*/ 68 w 234"/>
              <a:gd name="T39" fmla="*/ 212 h 322"/>
              <a:gd name="T40" fmla="*/ 87 w 234"/>
              <a:gd name="T41" fmla="*/ 197 h 322"/>
              <a:gd name="T42" fmla="*/ 54 w 234"/>
              <a:gd name="T43" fmla="*/ 176 h 322"/>
              <a:gd name="T44" fmla="*/ 66 w 234"/>
              <a:gd name="T45" fmla="*/ 156 h 322"/>
              <a:gd name="T46" fmla="*/ 22 w 234"/>
              <a:gd name="T47" fmla="*/ 174 h 322"/>
              <a:gd name="T48" fmla="*/ 22 w 234"/>
              <a:gd name="T49" fmla="*/ 138 h 322"/>
              <a:gd name="T50" fmla="*/ 32 w 234"/>
              <a:gd name="T51" fmla="*/ 117 h 322"/>
              <a:gd name="T52" fmla="*/ 3 w 234"/>
              <a:gd name="T53" fmla="*/ 105 h 322"/>
              <a:gd name="T54" fmla="*/ 11 w 234"/>
              <a:gd name="T55" fmla="*/ 71 h 322"/>
              <a:gd name="T56" fmla="*/ 32 w 234"/>
              <a:gd name="T57" fmla="*/ 55 h 322"/>
              <a:gd name="T58" fmla="*/ 0 w 234"/>
              <a:gd name="T59" fmla="*/ 39 h 322"/>
              <a:gd name="T60" fmla="*/ 11 w 234"/>
              <a:gd name="T61" fmla="*/ 21 h 322"/>
              <a:gd name="T62" fmla="*/ 51 w 234"/>
              <a:gd name="T63" fmla="*/ 5 h 322"/>
              <a:gd name="T64" fmla="*/ 68 w 234"/>
              <a:gd name="T65" fmla="*/ 13 h 322"/>
              <a:gd name="T66" fmla="*/ 87 w 234"/>
              <a:gd name="T67" fmla="*/ 0 h 322"/>
              <a:gd name="T68" fmla="*/ 102 w 234"/>
              <a:gd name="T69" fmla="*/ 17 h 322"/>
              <a:gd name="T70" fmla="*/ 94 w 234"/>
              <a:gd name="T71" fmla="*/ 30 h 322"/>
              <a:gd name="T72" fmla="*/ 150 w 234"/>
              <a:gd name="T73" fmla="*/ 40 h 322"/>
              <a:gd name="T74" fmla="*/ 160 w 234"/>
              <a:gd name="T75" fmla="*/ 50 h 322"/>
              <a:gd name="T76" fmla="*/ 151 w 234"/>
              <a:gd name="T77" fmla="*/ 62 h 322"/>
              <a:gd name="T78" fmla="*/ 136 w 234"/>
              <a:gd name="T79" fmla="*/ 61 h 322"/>
              <a:gd name="T80" fmla="*/ 111 w 234"/>
              <a:gd name="T81" fmla="*/ 71 h 322"/>
              <a:gd name="T82" fmla="*/ 87 w 234"/>
              <a:gd name="T83" fmla="*/ 71 h 322"/>
              <a:gd name="T84" fmla="*/ 78 w 234"/>
              <a:gd name="T85" fmla="*/ 90 h 322"/>
              <a:gd name="T86" fmla="*/ 82 w 234"/>
              <a:gd name="T87" fmla="*/ 105 h 322"/>
              <a:gd name="T88" fmla="*/ 94 w 234"/>
              <a:gd name="T89" fmla="*/ 96 h 322"/>
              <a:gd name="T90" fmla="*/ 106 w 234"/>
              <a:gd name="T91" fmla="*/ 90 h 322"/>
              <a:gd name="T92" fmla="*/ 117 w 234"/>
              <a:gd name="T93" fmla="*/ 90 h 322"/>
              <a:gd name="T94" fmla="*/ 156 w 234"/>
              <a:gd name="T95" fmla="*/ 80 h 322"/>
              <a:gd name="T96" fmla="*/ 185 w 234"/>
              <a:gd name="T97" fmla="*/ 77 h 322"/>
              <a:gd name="T98" fmla="*/ 171 w 234"/>
              <a:gd name="T99" fmla="*/ 71 h 322"/>
              <a:gd name="T100" fmla="*/ 156 w 234"/>
              <a:gd name="T101" fmla="*/ 71 h 322"/>
              <a:gd name="T102" fmla="*/ 172 w 234"/>
              <a:gd name="T103" fmla="*/ 54 h 322"/>
              <a:gd name="T104" fmla="*/ 196 w 234"/>
              <a:gd name="T105" fmla="*/ 46 h 322"/>
              <a:gd name="T106" fmla="*/ 184 w 234"/>
              <a:gd name="T107" fmla="*/ 40 h 322"/>
              <a:gd name="T108" fmla="*/ 161 w 234"/>
              <a:gd name="T109" fmla="*/ 33 h 322"/>
              <a:gd name="T110" fmla="*/ 169 w 234"/>
              <a:gd name="T111" fmla="*/ 17 h 322"/>
              <a:gd name="T112" fmla="*/ 212 w 234"/>
              <a:gd name="T113" fmla="*/ 10 h 322"/>
              <a:gd name="T114" fmla="*/ 234 w 234"/>
              <a:gd name="T115" fmla="*/ 3 h 3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234" h="322">
                <a:moveTo>
                  <a:pt x="234" y="3"/>
                </a:moveTo>
                <a:cubicBezTo>
                  <a:pt x="234" y="311"/>
                  <a:pt x="234" y="311"/>
                  <a:pt x="234" y="311"/>
                </a:cubicBezTo>
                <a:cubicBezTo>
                  <a:pt x="223" y="311"/>
                  <a:pt x="223" y="311"/>
                  <a:pt x="223" y="311"/>
                </a:cubicBezTo>
                <a:cubicBezTo>
                  <a:pt x="209" y="322"/>
                  <a:pt x="209" y="322"/>
                  <a:pt x="209" y="322"/>
                </a:cubicBezTo>
                <a:cubicBezTo>
                  <a:pt x="201" y="307"/>
                  <a:pt x="201" y="307"/>
                  <a:pt x="201" y="307"/>
                </a:cubicBezTo>
                <a:cubicBezTo>
                  <a:pt x="189" y="322"/>
                  <a:pt x="189" y="322"/>
                  <a:pt x="189" y="322"/>
                </a:cubicBezTo>
                <a:cubicBezTo>
                  <a:pt x="173" y="322"/>
                  <a:pt x="173" y="322"/>
                  <a:pt x="173" y="322"/>
                </a:cubicBezTo>
                <a:cubicBezTo>
                  <a:pt x="181" y="298"/>
                  <a:pt x="181" y="298"/>
                  <a:pt x="181" y="298"/>
                </a:cubicBezTo>
                <a:cubicBezTo>
                  <a:pt x="133" y="317"/>
                  <a:pt x="133" y="317"/>
                  <a:pt x="133" y="317"/>
                </a:cubicBezTo>
                <a:cubicBezTo>
                  <a:pt x="122" y="310"/>
                  <a:pt x="122" y="310"/>
                  <a:pt x="122" y="310"/>
                </a:cubicBezTo>
                <a:cubicBezTo>
                  <a:pt x="141" y="303"/>
                  <a:pt x="141" y="303"/>
                  <a:pt x="141" y="303"/>
                </a:cubicBezTo>
                <a:cubicBezTo>
                  <a:pt x="130" y="288"/>
                  <a:pt x="130" y="288"/>
                  <a:pt x="130" y="288"/>
                </a:cubicBezTo>
                <a:cubicBezTo>
                  <a:pt x="115" y="293"/>
                  <a:pt x="115" y="293"/>
                  <a:pt x="115" y="293"/>
                </a:cubicBezTo>
                <a:cubicBezTo>
                  <a:pt x="108" y="253"/>
                  <a:pt x="108" y="253"/>
                  <a:pt x="108" y="253"/>
                </a:cubicBezTo>
                <a:cubicBezTo>
                  <a:pt x="87" y="251"/>
                  <a:pt x="87" y="251"/>
                  <a:pt x="87" y="251"/>
                </a:cubicBezTo>
                <a:cubicBezTo>
                  <a:pt x="49" y="250"/>
                  <a:pt x="49" y="250"/>
                  <a:pt x="49" y="250"/>
                </a:cubicBezTo>
                <a:cubicBezTo>
                  <a:pt x="43" y="218"/>
                  <a:pt x="43" y="218"/>
                  <a:pt x="43" y="218"/>
                </a:cubicBezTo>
                <a:cubicBezTo>
                  <a:pt x="65" y="240"/>
                  <a:pt x="65" y="240"/>
                  <a:pt x="65" y="240"/>
                </a:cubicBezTo>
                <a:cubicBezTo>
                  <a:pt x="87" y="223"/>
                  <a:pt x="87" y="223"/>
                  <a:pt x="87" y="223"/>
                </a:cubicBezTo>
                <a:cubicBezTo>
                  <a:pt x="87" y="223"/>
                  <a:pt x="67" y="217"/>
                  <a:pt x="68" y="212"/>
                </a:cubicBezTo>
                <a:cubicBezTo>
                  <a:pt x="69" y="207"/>
                  <a:pt x="90" y="201"/>
                  <a:pt x="87" y="197"/>
                </a:cubicBezTo>
                <a:cubicBezTo>
                  <a:pt x="84" y="193"/>
                  <a:pt x="54" y="180"/>
                  <a:pt x="54" y="176"/>
                </a:cubicBezTo>
                <a:cubicBezTo>
                  <a:pt x="54" y="172"/>
                  <a:pt x="66" y="156"/>
                  <a:pt x="66" y="156"/>
                </a:cubicBezTo>
                <a:cubicBezTo>
                  <a:pt x="22" y="174"/>
                  <a:pt x="22" y="174"/>
                  <a:pt x="22" y="174"/>
                </a:cubicBezTo>
                <a:cubicBezTo>
                  <a:pt x="22" y="138"/>
                  <a:pt x="22" y="138"/>
                  <a:pt x="22" y="138"/>
                </a:cubicBezTo>
                <a:cubicBezTo>
                  <a:pt x="32" y="117"/>
                  <a:pt x="32" y="117"/>
                  <a:pt x="32" y="117"/>
                </a:cubicBezTo>
                <a:cubicBezTo>
                  <a:pt x="3" y="105"/>
                  <a:pt x="3" y="105"/>
                  <a:pt x="3" y="105"/>
                </a:cubicBezTo>
                <a:cubicBezTo>
                  <a:pt x="11" y="71"/>
                  <a:pt x="11" y="71"/>
                  <a:pt x="11" y="71"/>
                </a:cubicBezTo>
                <a:cubicBezTo>
                  <a:pt x="32" y="55"/>
                  <a:pt x="32" y="55"/>
                  <a:pt x="32" y="55"/>
                </a:cubicBezTo>
                <a:cubicBezTo>
                  <a:pt x="0" y="39"/>
                  <a:pt x="0" y="39"/>
                  <a:pt x="0" y="39"/>
                </a:cubicBezTo>
                <a:cubicBezTo>
                  <a:pt x="11" y="21"/>
                  <a:pt x="11" y="21"/>
                  <a:pt x="11" y="21"/>
                </a:cubicBezTo>
                <a:cubicBezTo>
                  <a:pt x="51" y="5"/>
                  <a:pt x="51" y="5"/>
                  <a:pt x="51" y="5"/>
                </a:cubicBezTo>
                <a:cubicBezTo>
                  <a:pt x="68" y="13"/>
                  <a:pt x="68" y="13"/>
                  <a:pt x="68" y="13"/>
                </a:cubicBezTo>
                <a:cubicBezTo>
                  <a:pt x="87" y="0"/>
                  <a:pt x="87" y="0"/>
                  <a:pt x="87" y="0"/>
                </a:cubicBezTo>
                <a:cubicBezTo>
                  <a:pt x="102" y="17"/>
                  <a:pt x="102" y="17"/>
                  <a:pt x="102" y="17"/>
                </a:cubicBezTo>
                <a:cubicBezTo>
                  <a:pt x="94" y="30"/>
                  <a:pt x="94" y="30"/>
                  <a:pt x="94" y="30"/>
                </a:cubicBezTo>
                <a:cubicBezTo>
                  <a:pt x="150" y="40"/>
                  <a:pt x="150" y="40"/>
                  <a:pt x="150" y="40"/>
                </a:cubicBezTo>
                <a:cubicBezTo>
                  <a:pt x="160" y="50"/>
                  <a:pt x="160" y="50"/>
                  <a:pt x="160" y="50"/>
                </a:cubicBezTo>
                <a:cubicBezTo>
                  <a:pt x="151" y="62"/>
                  <a:pt x="151" y="62"/>
                  <a:pt x="151" y="62"/>
                </a:cubicBezTo>
                <a:cubicBezTo>
                  <a:pt x="136" y="61"/>
                  <a:pt x="136" y="61"/>
                  <a:pt x="136" y="61"/>
                </a:cubicBezTo>
                <a:cubicBezTo>
                  <a:pt x="111" y="71"/>
                  <a:pt x="111" y="71"/>
                  <a:pt x="111" y="71"/>
                </a:cubicBezTo>
                <a:cubicBezTo>
                  <a:pt x="87" y="71"/>
                  <a:pt x="87" y="71"/>
                  <a:pt x="87" y="71"/>
                </a:cubicBezTo>
                <a:cubicBezTo>
                  <a:pt x="78" y="90"/>
                  <a:pt x="78" y="90"/>
                  <a:pt x="78" y="90"/>
                </a:cubicBezTo>
                <a:cubicBezTo>
                  <a:pt x="82" y="105"/>
                  <a:pt x="82" y="105"/>
                  <a:pt x="82" y="105"/>
                </a:cubicBezTo>
                <a:cubicBezTo>
                  <a:pt x="94" y="96"/>
                  <a:pt x="94" y="96"/>
                  <a:pt x="94" y="96"/>
                </a:cubicBezTo>
                <a:cubicBezTo>
                  <a:pt x="106" y="90"/>
                  <a:pt x="106" y="90"/>
                  <a:pt x="106" y="90"/>
                </a:cubicBezTo>
                <a:cubicBezTo>
                  <a:pt x="117" y="90"/>
                  <a:pt x="117" y="90"/>
                  <a:pt x="117" y="90"/>
                </a:cubicBezTo>
                <a:cubicBezTo>
                  <a:pt x="156" y="80"/>
                  <a:pt x="156" y="80"/>
                  <a:pt x="156" y="80"/>
                </a:cubicBezTo>
                <a:cubicBezTo>
                  <a:pt x="185" y="77"/>
                  <a:pt x="185" y="77"/>
                  <a:pt x="185" y="77"/>
                </a:cubicBezTo>
                <a:cubicBezTo>
                  <a:pt x="171" y="71"/>
                  <a:pt x="171" y="71"/>
                  <a:pt x="171" y="71"/>
                </a:cubicBezTo>
                <a:cubicBezTo>
                  <a:pt x="156" y="71"/>
                  <a:pt x="156" y="71"/>
                  <a:pt x="156" y="71"/>
                </a:cubicBezTo>
                <a:cubicBezTo>
                  <a:pt x="172" y="54"/>
                  <a:pt x="172" y="54"/>
                  <a:pt x="172" y="54"/>
                </a:cubicBezTo>
                <a:cubicBezTo>
                  <a:pt x="196" y="46"/>
                  <a:pt x="196" y="46"/>
                  <a:pt x="196" y="46"/>
                </a:cubicBezTo>
                <a:cubicBezTo>
                  <a:pt x="184" y="40"/>
                  <a:pt x="184" y="40"/>
                  <a:pt x="184" y="40"/>
                </a:cubicBezTo>
                <a:cubicBezTo>
                  <a:pt x="161" y="33"/>
                  <a:pt x="161" y="33"/>
                  <a:pt x="161" y="33"/>
                </a:cubicBezTo>
                <a:cubicBezTo>
                  <a:pt x="169" y="17"/>
                  <a:pt x="169" y="17"/>
                  <a:pt x="169" y="17"/>
                </a:cubicBezTo>
                <a:cubicBezTo>
                  <a:pt x="212" y="10"/>
                  <a:pt x="212" y="10"/>
                  <a:pt x="212" y="10"/>
                </a:cubicBezTo>
                <a:lnTo>
                  <a:pt x="234" y="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Czech Republic"/>
          <p:cNvSpPr>
            <a:spLocks/>
          </p:cNvSpPr>
          <p:nvPr/>
        </p:nvSpPr>
        <p:spPr bwMode="auto">
          <a:xfrm>
            <a:off x="9171513" y="4046538"/>
            <a:ext cx="963613" cy="479425"/>
          </a:xfrm>
          <a:custGeom>
            <a:avLst/>
            <a:gdLst>
              <a:gd name="T0" fmla="*/ 190 w 607"/>
              <a:gd name="T1" fmla="*/ 6 h 302"/>
              <a:gd name="T2" fmla="*/ 208 w 607"/>
              <a:gd name="T3" fmla="*/ 0 h 302"/>
              <a:gd name="T4" fmla="*/ 230 w 607"/>
              <a:gd name="T5" fmla="*/ 24 h 302"/>
              <a:gd name="T6" fmla="*/ 255 w 607"/>
              <a:gd name="T7" fmla="*/ 24 h 302"/>
              <a:gd name="T8" fmla="*/ 255 w 607"/>
              <a:gd name="T9" fmla="*/ 6 h 302"/>
              <a:gd name="T10" fmla="*/ 284 w 607"/>
              <a:gd name="T11" fmla="*/ 22 h 302"/>
              <a:gd name="T12" fmla="*/ 317 w 607"/>
              <a:gd name="T13" fmla="*/ 33 h 302"/>
              <a:gd name="T14" fmla="*/ 344 w 607"/>
              <a:gd name="T15" fmla="*/ 42 h 302"/>
              <a:gd name="T16" fmla="*/ 380 w 607"/>
              <a:gd name="T17" fmla="*/ 49 h 302"/>
              <a:gd name="T18" fmla="*/ 358 w 607"/>
              <a:gd name="T19" fmla="*/ 64 h 302"/>
              <a:gd name="T20" fmla="*/ 383 w 607"/>
              <a:gd name="T21" fmla="*/ 78 h 302"/>
              <a:gd name="T22" fmla="*/ 400 w 607"/>
              <a:gd name="T23" fmla="*/ 103 h 302"/>
              <a:gd name="T24" fmla="*/ 412 w 607"/>
              <a:gd name="T25" fmla="*/ 102 h 302"/>
              <a:gd name="T26" fmla="*/ 432 w 607"/>
              <a:gd name="T27" fmla="*/ 80 h 302"/>
              <a:gd name="T28" fmla="*/ 418 w 607"/>
              <a:gd name="T29" fmla="*/ 60 h 302"/>
              <a:gd name="T30" fmla="*/ 461 w 607"/>
              <a:gd name="T31" fmla="*/ 71 h 302"/>
              <a:gd name="T32" fmla="*/ 501 w 607"/>
              <a:gd name="T33" fmla="*/ 71 h 302"/>
              <a:gd name="T34" fmla="*/ 490 w 607"/>
              <a:gd name="T35" fmla="*/ 89 h 302"/>
              <a:gd name="T36" fmla="*/ 510 w 607"/>
              <a:gd name="T37" fmla="*/ 109 h 302"/>
              <a:gd name="T38" fmla="*/ 579 w 607"/>
              <a:gd name="T39" fmla="*/ 109 h 302"/>
              <a:gd name="T40" fmla="*/ 580 w 607"/>
              <a:gd name="T41" fmla="*/ 134 h 302"/>
              <a:gd name="T42" fmla="*/ 606 w 607"/>
              <a:gd name="T43" fmla="*/ 136 h 302"/>
              <a:gd name="T44" fmla="*/ 607 w 607"/>
              <a:gd name="T45" fmla="*/ 156 h 302"/>
              <a:gd name="T46" fmla="*/ 571 w 607"/>
              <a:gd name="T47" fmla="*/ 174 h 302"/>
              <a:gd name="T48" fmla="*/ 533 w 607"/>
              <a:gd name="T49" fmla="*/ 226 h 302"/>
              <a:gd name="T50" fmla="*/ 499 w 607"/>
              <a:gd name="T51" fmla="*/ 253 h 302"/>
              <a:gd name="T52" fmla="*/ 445 w 607"/>
              <a:gd name="T53" fmla="*/ 270 h 302"/>
              <a:gd name="T54" fmla="*/ 420 w 607"/>
              <a:gd name="T55" fmla="*/ 257 h 302"/>
              <a:gd name="T56" fmla="*/ 362 w 607"/>
              <a:gd name="T57" fmla="*/ 270 h 302"/>
              <a:gd name="T58" fmla="*/ 315 w 607"/>
              <a:gd name="T59" fmla="*/ 251 h 302"/>
              <a:gd name="T60" fmla="*/ 293 w 607"/>
              <a:gd name="T61" fmla="*/ 255 h 302"/>
              <a:gd name="T62" fmla="*/ 275 w 607"/>
              <a:gd name="T63" fmla="*/ 239 h 302"/>
              <a:gd name="T64" fmla="*/ 246 w 607"/>
              <a:gd name="T65" fmla="*/ 302 h 302"/>
              <a:gd name="T66" fmla="*/ 241 w 607"/>
              <a:gd name="T67" fmla="*/ 302 h 302"/>
              <a:gd name="T68" fmla="*/ 188 w 607"/>
              <a:gd name="T69" fmla="*/ 302 h 302"/>
              <a:gd name="T70" fmla="*/ 167 w 607"/>
              <a:gd name="T71" fmla="*/ 284 h 302"/>
              <a:gd name="T72" fmla="*/ 140 w 607"/>
              <a:gd name="T73" fmla="*/ 257 h 302"/>
              <a:gd name="T74" fmla="*/ 100 w 607"/>
              <a:gd name="T75" fmla="*/ 244 h 302"/>
              <a:gd name="T76" fmla="*/ 87 w 607"/>
              <a:gd name="T77" fmla="*/ 223 h 302"/>
              <a:gd name="T78" fmla="*/ 58 w 607"/>
              <a:gd name="T79" fmla="*/ 212 h 302"/>
              <a:gd name="T80" fmla="*/ 31 w 607"/>
              <a:gd name="T81" fmla="*/ 168 h 302"/>
              <a:gd name="T82" fmla="*/ 38 w 607"/>
              <a:gd name="T83" fmla="*/ 147 h 302"/>
              <a:gd name="T84" fmla="*/ 0 w 607"/>
              <a:gd name="T85" fmla="*/ 105 h 302"/>
              <a:gd name="T86" fmla="*/ 22 w 607"/>
              <a:gd name="T87" fmla="*/ 114 h 302"/>
              <a:gd name="T88" fmla="*/ 53 w 607"/>
              <a:gd name="T89" fmla="*/ 87 h 302"/>
              <a:gd name="T90" fmla="*/ 69 w 607"/>
              <a:gd name="T91" fmla="*/ 87 h 302"/>
              <a:gd name="T92" fmla="*/ 76 w 607"/>
              <a:gd name="T93" fmla="*/ 71 h 302"/>
              <a:gd name="T94" fmla="*/ 109 w 607"/>
              <a:gd name="T95" fmla="*/ 71 h 302"/>
              <a:gd name="T96" fmla="*/ 192 w 607"/>
              <a:gd name="T97" fmla="*/ 24 h 302"/>
              <a:gd name="T98" fmla="*/ 190 w 607"/>
              <a:gd name="T99" fmla="*/ 6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607" h="302">
                <a:moveTo>
                  <a:pt x="190" y="6"/>
                </a:moveTo>
                <a:lnTo>
                  <a:pt x="208" y="0"/>
                </a:lnTo>
                <a:lnTo>
                  <a:pt x="230" y="24"/>
                </a:lnTo>
                <a:lnTo>
                  <a:pt x="255" y="24"/>
                </a:lnTo>
                <a:lnTo>
                  <a:pt x="255" y="6"/>
                </a:lnTo>
                <a:lnTo>
                  <a:pt x="284" y="22"/>
                </a:lnTo>
                <a:lnTo>
                  <a:pt x="317" y="33"/>
                </a:lnTo>
                <a:lnTo>
                  <a:pt x="344" y="42"/>
                </a:lnTo>
                <a:lnTo>
                  <a:pt x="380" y="49"/>
                </a:lnTo>
                <a:lnTo>
                  <a:pt x="358" y="64"/>
                </a:lnTo>
                <a:lnTo>
                  <a:pt x="383" y="78"/>
                </a:lnTo>
                <a:lnTo>
                  <a:pt x="400" y="103"/>
                </a:lnTo>
                <a:lnTo>
                  <a:pt x="412" y="102"/>
                </a:lnTo>
                <a:lnTo>
                  <a:pt x="432" y="80"/>
                </a:lnTo>
                <a:lnTo>
                  <a:pt x="418" y="60"/>
                </a:lnTo>
                <a:lnTo>
                  <a:pt x="461" y="71"/>
                </a:lnTo>
                <a:lnTo>
                  <a:pt x="501" y="71"/>
                </a:lnTo>
                <a:lnTo>
                  <a:pt x="490" y="89"/>
                </a:lnTo>
                <a:lnTo>
                  <a:pt x="510" y="109"/>
                </a:lnTo>
                <a:lnTo>
                  <a:pt x="579" y="109"/>
                </a:lnTo>
                <a:lnTo>
                  <a:pt x="580" y="134"/>
                </a:lnTo>
                <a:lnTo>
                  <a:pt x="606" y="136"/>
                </a:lnTo>
                <a:lnTo>
                  <a:pt x="607" y="156"/>
                </a:lnTo>
                <a:lnTo>
                  <a:pt x="571" y="174"/>
                </a:lnTo>
                <a:lnTo>
                  <a:pt x="533" y="226"/>
                </a:lnTo>
                <a:lnTo>
                  <a:pt x="499" y="253"/>
                </a:lnTo>
                <a:lnTo>
                  <a:pt x="445" y="270"/>
                </a:lnTo>
                <a:lnTo>
                  <a:pt x="420" y="257"/>
                </a:lnTo>
                <a:lnTo>
                  <a:pt x="362" y="270"/>
                </a:lnTo>
                <a:lnTo>
                  <a:pt x="315" y="251"/>
                </a:lnTo>
                <a:lnTo>
                  <a:pt x="293" y="255"/>
                </a:lnTo>
                <a:lnTo>
                  <a:pt x="275" y="239"/>
                </a:lnTo>
                <a:lnTo>
                  <a:pt x="246" y="302"/>
                </a:lnTo>
                <a:lnTo>
                  <a:pt x="241" y="302"/>
                </a:lnTo>
                <a:lnTo>
                  <a:pt x="188" y="302"/>
                </a:lnTo>
                <a:lnTo>
                  <a:pt x="167" y="284"/>
                </a:lnTo>
                <a:lnTo>
                  <a:pt x="140" y="257"/>
                </a:lnTo>
                <a:lnTo>
                  <a:pt x="100" y="244"/>
                </a:lnTo>
                <a:lnTo>
                  <a:pt x="87" y="223"/>
                </a:lnTo>
                <a:lnTo>
                  <a:pt x="58" y="212"/>
                </a:lnTo>
                <a:lnTo>
                  <a:pt x="31" y="168"/>
                </a:lnTo>
                <a:lnTo>
                  <a:pt x="38" y="147"/>
                </a:lnTo>
                <a:lnTo>
                  <a:pt x="0" y="105"/>
                </a:lnTo>
                <a:lnTo>
                  <a:pt x="22" y="114"/>
                </a:lnTo>
                <a:lnTo>
                  <a:pt x="53" y="87"/>
                </a:lnTo>
                <a:lnTo>
                  <a:pt x="69" y="87"/>
                </a:lnTo>
                <a:lnTo>
                  <a:pt x="76" y="71"/>
                </a:lnTo>
                <a:lnTo>
                  <a:pt x="109" y="71"/>
                </a:lnTo>
                <a:lnTo>
                  <a:pt x="192" y="24"/>
                </a:lnTo>
                <a:lnTo>
                  <a:pt x="190" y="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8" name="Slovakia"/>
          <p:cNvSpPr>
            <a:spLocks/>
          </p:cNvSpPr>
          <p:nvPr/>
        </p:nvSpPr>
        <p:spPr bwMode="auto">
          <a:xfrm>
            <a:off x="9868426" y="4256088"/>
            <a:ext cx="860425" cy="398463"/>
          </a:xfrm>
          <a:custGeom>
            <a:avLst/>
            <a:gdLst>
              <a:gd name="T0" fmla="*/ 168 w 542"/>
              <a:gd name="T1" fmla="*/ 24 h 251"/>
              <a:gd name="T2" fmla="*/ 192 w 542"/>
              <a:gd name="T3" fmla="*/ 45 h 251"/>
              <a:gd name="T4" fmla="*/ 217 w 542"/>
              <a:gd name="T5" fmla="*/ 7 h 251"/>
              <a:gd name="T6" fmla="*/ 252 w 542"/>
              <a:gd name="T7" fmla="*/ 29 h 251"/>
              <a:gd name="T8" fmla="*/ 255 w 542"/>
              <a:gd name="T9" fmla="*/ 51 h 251"/>
              <a:gd name="T10" fmla="*/ 280 w 542"/>
              <a:gd name="T11" fmla="*/ 51 h 251"/>
              <a:gd name="T12" fmla="*/ 298 w 542"/>
              <a:gd name="T13" fmla="*/ 18 h 251"/>
              <a:gd name="T14" fmla="*/ 335 w 542"/>
              <a:gd name="T15" fmla="*/ 15 h 251"/>
              <a:gd name="T16" fmla="*/ 356 w 542"/>
              <a:gd name="T17" fmla="*/ 38 h 251"/>
              <a:gd name="T18" fmla="*/ 365 w 542"/>
              <a:gd name="T19" fmla="*/ 7 h 251"/>
              <a:gd name="T20" fmla="*/ 398 w 542"/>
              <a:gd name="T21" fmla="*/ 0 h 251"/>
              <a:gd name="T22" fmla="*/ 450 w 542"/>
              <a:gd name="T23" fmla="*/ 9 h 251"/>
              <a:gd name="T24" fmla="*/ 454 w 542"/>
              <a:gd name="T25" fmla="*/ 26 h 251"/>
              <a:gd name="T26" fmla="*/ 497 w 542"/>
              <a:gd name="T27" fmla="*/ 38 h 251"/>
              <a:gd name="T28" fmla="*/ 499 w 542"/>
              <a:gd name="T29" fmla="*/ 71 h 251"/>
              <a:gd name="T30" fmla="*/ 488 w 542"/>
              <a:gd name="T31" fmla="*/ 107 h 251"/>
              <a:gd name="T32" fmla="*/ 542 w 542"/>
              <a:gd name="T33" fmla="*/ 138 h 251"/>
              <a:gd name="T34" fmla="*/ 530 w 542"/>
              <a:gd name="T35" fmla="*/ 152 h 251"/>
              <a:gd name="T36" fmla="*/ 506 w 542"/>
              <a:gd name="T37" fmla="*/ 148 h 251"/>
              <a:gd name="T38" fmla="*/ 485 w 542"/>
              <a:gd name="T39" fmla="*/ 139 h 251"/>
              <a:gd name="T40" fmla="*/ 472 w 542"/>
              <a:gd name="T41" fmla="*/ 121 h 251"/>
              <a:gd name="T42" fmla="*/ 434 w 542"/>
              <a:gd name="T43" fmla="*/ 141 h 251"/>
              <a:gd name="T44" fmla="*/ 356 w 542"/>
              <a:gd name="T45" fmla="*/ 125 h 251"/>
              <a:gd name="T46" fmla="*/ 318 w 542"/>
              <a:gd name="T47" fmla="*/ 152 h 251"/>
              <a:gd name="T48" fmla="*/ 302 w 542"/>
              <a:gd name="T49" fmla="*/ 170 h 251"/>
              <a:gd name="T50" fmla="*/ 282 w 542"/>
              <a:gd name="T51" fmla="*/ 186 h 251"/>
              <a:gd name="T52" fmla="*/ 242 w 542"/>
              <a:gd name="T53" fmla="*/ 170 h 251"/>
              <a:gd name="T54" fmla="*/ 230 w 542"/>
              <a:gd name="T55" fmla="*/ 197 h 251"/>
              <a:gd name="T56" fmla="*/ 183 w 542"/>
              <a:gd name="T57" fmla="*/ 199 h 251"/>
              <a:gd name="T58" fmla="*/ 172 w 542"/>
              <a:gd name="T59" fmla="*/ 221 h 251"/>
              <a:gd name="T60" fmla="*/ 185 w 542"/>
              <a:gd name="T61" fmla="*/ 235 h 251"/>
              <a:gd name="T62" fmla="*/ 129 w 542"/>
              <a:gd name="T63" fmla="*/ 248 h 251"/>
              <a:gd name="T64" fmla="*/ 82 w 542"/>
              <a:gd name="T65" fmla="*/ 251 h 251"/>
              <a:gd name="T66" fmla="*/ 49 w 542"/>
              <a:gd name="T67" fmla="*/ 213 h 251"/>
              <a:gd name="T68" fmla="*/ 29 w 542"/>
              <a:gd name="T69" fmla="*/ 208 h 251"/>
              <a:gd name="T70" fmla="*/ 0 w 542"/>
              <a:gd name="T71" fmla="*/ 185 h 251"/>
              <a:gd name="T72" fmla="*/ 6 w 542"/>
              <a:gd name="T73" fmla="*/ 138 h 251"/>
              <a:gd name="T74" fmla="*/ 60 w 542"/>
              <a:gd name="T75" fmla="*/ 121 h 251"/>
              <a:gd name="T76" fmla="*/ 94 w 542"/>
              <a:gd name="T77" fmla="*/ 94 h 251"/>
              <a:gd name="T78" fmla="*/ 132 w 542"/>
              <a:gd name="T79" fmla="*/ 42 h 251"/>
              <a:gd name="T80" fmla="*/ 168 w 542"/>
              <a:gd name="T81" fmla="*/ 24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542" h="251">
                <a:moveTo>
                  <a:pt x="168" y="24"/>
                </a:moveTo>
                <a:lnTo>
                  <a:pt x="192" y="45"/>
                </a:lnTo>
                <a:lnTo>
                  <a:pt x="217" y="7"/>
                </a:lnTo>
                <a:lnTo>
                  <a:pt x="252" y="29"/>
                </a:lnTo>
                <a:lnTo>
                  <a:pt x="255" y="51"/>
                </a:lnTo>
                <a:lnTo>
                  <a:pt x="280" y="51"/>
                </a:lnTo>
                <a:lnTo>
                  <a:pt x="298" y="18"/>
                </a:lnTo>
                <a:lnTo>
                  <a:pt x="335" y="15"/>
                </a:lnTo>
                <a:lnTo>
                  <a:pt x="356" y="38"/>
                </a:lnTo>
                <a:lnTo>
                  <a:pt x="365" y="7"/>
                </a:lnTo>
                <a:lnTo>
                  <a:pt x="398" y="0"/>
                </a:lnTo>
                <a:lnTo>
                  <a:pt x="450" y="9"/>
                </a:lnTo>
                <a:lnTo>
                  <a:pt x="454" y="26"/>
                </a:lnTo>
                <a:lnTo>
                  <a:pt x="497" y="38"/>
                </a:lnTo>
                <a:lnTo>
                  <a:pt x="499" y="71"/>
                </a:lnTo>
                <a:lnTo>
                  <a:pt x="488" y="107"/>
                </a:lnTo>
                <a:lnTo>
                  <a:pt x="542" y="138"/>
                </a:lnTo>
                <a:lnTo>
                  <a:pt x="530" y="152"/>
                </a:lnTo>
                <a:lnTo>
                  <a:pt x="506" y="148"/>
                </a:lnTo>
                <a:lnTo>
                  <a:pt x="485" y="139"/>
                </a:lnTo>
                <a:lnTo>
                  <a:pt x="472" y="121"/>
                </a:lnTo>
                <a:lnTo>
                  <a:pt x="434" y="141"/>
                </a:lnTo>
                <a:lnTo>
                  <a:pt x="356" y="125"/>
                </a:lnTo>
                <a:lnTo>
                  <a:pt x="318" y="152"/>
                </a:lnTo>
                <a:lnTo>
                  <a:pt x="302" y="170"/>
                </a:lnTo>
                <a:lnTo>
                  <a:pt x="282" y="186"/>
                </a:lnTo>
                <a:lnTo>
                  <a:pt x="242" y="170"/>
                </a:lnTo>
                <a:lnTo>
                  <a:pt x="230" y="197"/>
                </a:lnTo>
                <a:lnTo>
                  <a:pt x="183" y="199"/>
                </a:lnTo>
                <a:lnTo>
                  <a:pt x="172" y="221"/>
                </a:lnTo>
                <a:lnTo>
                  <a:pt x="185" y="235"/>
                </a:lnTo>
                <a:lnTo>
                  <a:pt x="129" y="248"/>
                </a:lnTo>
                <a:lnTo>
                  <a:pt x="82" y="251"/>
                </a:lnTo>
                <a:lnTo>
                  <a:pt x="49" y="213"/>
                </a:lnTo>
                <a:lnTo>
                  <a:pt x="29" y="208"/>
                </a:lnTo>
                <a:lnTo>
                  <a:pt x="0" y="185"/>
                </a:lnTo>
                <a:lnTo>
                  <a:pt x="6" y="138"/>
                </a:lnTo>
                <a:lnTo>
                  <a:pt x="60" y="121"/>
                </a:lnTo>
                <a:lnTo>
                  <a:pt x="94" y="94"/>
                </a:lnTo>
                <a:lnTo>
                  <a:pt x="132" y="42"/>
                </a:lnTo>
                <a:lnTo>
                  <a:pt x="168" y="2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9" name="Hungary"/>
          <p:cNvSpPr>
            <a:spLocks/>
          </p:cNvSpPr>
          <p:nvPr/>
        </p:nvSpPr>
        <p:spPr bwMode="auto">
          <a:xfrm>
            <a:off x="9782701" y="4437063"/>
            <a:ext cx="955675" cy="587375"/>
          </a:xfrm>
          <a:custGeom>
            <a:avLst/>
            <a:gdLst>
              <a:gd name="T0" fmla="*/ 83 w 602"/>
              <a:gd name="T1" fmla="*/ 94 h 370"/>
              <a:gd name="T2" fmla="*/ 103 w 602"/>
              <a:gd name="T3" fmla="*/ 99 h 370"/>
              <a:gd name="T4" fmla="*/ 136 w 602"/>
              <a:gd name="T5" fmla="*/ 137 h 370"/>
              <a:gd name="T6" fmla="*/ 183 w 602"/>
              <a:gd name="T7" fmla="*/ 134 h 370"/>
              <a:gd name="T8" fmla="*/ 239 w 602"/>
              <a:gd name="T9" fmla="*/ 121 h 370"/>
              <a:gd name="T10" fmla="*/ 226 w 602"/>
              <a:gd name="T11" fmla="*/ 107 h 370"/>
              <a:gd name="T12" fmla="*/ 237 w 602"/>
              <a:gd name="T13" fmla="*/ 85 h 370"/>
              <a:gd name="T14" fmla="*/ 284 w 602"/>
              <a:gd name="T15" fmla="*/ 83 h 370"/>
              <a:gd name="T16" fmla="*/ 296 w 602"/>
              <a:gd name="T17" fmla="*/ 56 h 370"/>
              <a:gd name="T18" fmla="*/ 336 w 602"/>
              <a:gd name="T19" fmla="*/ 72 h 370"/>
              <a:gd name="T20" fmla="*/ 356 w 602"/>
              <a:gd name="T21" fmla="*/ 56 h 370"/>
              <a:gd name="T22" fmla="*/ 372 w 602"/>
              <a:gd name="T23" fmla="*/ 38 h 370"/>
              <a:gd name="T24" fmla="*/ 410 w 602"/>
              <a:gd name="T25" fmla="*/ 11 h 370"/>
              <a:gd name="T26" fmla="*/ 488 w 602"/>
              <a:gd name="T27" fmla="*/ 27 h 370"/>
              <a:gd name="T28" fmla="*/ 526 w 602"/>
              <a:gd name="T29" fmla="*/ 7 h 370"/>
              <a:gd name="T30" fmla="*/ 539 w 602"/>
              <a:gd name="T31" fmla="*/ 25 h 370"/>
              <a:gd name="T32" fmla="*/ 555 w 602"/>
              <a:gd name="T33" fmla="*/ 0 h 370"/>
              <a:gd name="T34" fmla="*/ 577 w 602"/>
              <a:gd name="T35" fmla="*/ 13 h 370"/>
              <a:gd name="T36" fmla="*/ 596 w 602"/>
              <a:gd name="T37" fmla="*/ 24 h 370"/>
              <a:gd name="T38" fmla="*/ 602 w 602"/>
              <a:gd name="T39" fmla="*/ 31 h 370"/>
              <a:gd name="T40" fmla="*/ 596 w 602"/>
              <a:gd name="T41" fmla="*/ 42 h 370"/>
              <a:gd name="T42" fmla="*/ 602 w 602"/>
              <a:gd name="T43" fmla="*/ 60 h 370"/>
              <a:gd name="T44" fmla="*/ 593 w 602"/>
              <a:gd name="T45" fmla="*/ 78 h 370"/>
              <a:gd name="T46" fmla="*/ 557 w 602"/>
              <a:gd name="T47" fmla="*/ 81 h 370"/>
              <a:gd name="T48" fmla="*/ 531 w 602"/>
              <a:gd name="T49" fmla="*/ 110 h 370"/>
              <a:gd name="T50" fmla="*/ 528 w 602"/>
              <a:gd name="T51" fmla="*/ 145 h 370"/>
              <a:gd name="T52" fmla="*/ 504 w 602"/>
              <a:gd name="T53" fmla="*/ 188 h 370"/>
              <a:gd name="T54" fmla="*/ 501 w 602"/>
              <a:gd name="T55" fmla="*/ 226 h 370"/>
              <a:gd name="T56" fmla="*/ 475 w 602"/>
              <a:gd name="T57" fmla="*/ 273 h 370"/>
              <a:gd name="T58" fmla="*/ 439 w 602"/>
              <a:gd name="T59" fmla="*/ 282 h 370"/>
              <a:gd name="T60" fmla="*/ 407 w 602"/>
              <a:gd name="T61" fmla="*/ 304 h 370"/>
              <a:gd name="T62" fmla="*/ 342 w 602"/>
              <a:gd name="T63" fmla="*/ 304 h 370"/>
              <a:gd name="T64" fmla="*/ 302 w 602"/>
              <a:gd name="T65" fmla="*/ 340 h 370"/>
              <a:gd name="T66" fmla="*/ 268 w 602"/>
              <a:gd name="T67" fmla="*/ 347 h 370"/>
              <a:gd name="T68" fmla="*/ 233 w 602"/>
              <a:gd name="T69" fmla="*/ 370 h 370"/>
              <a:gd name="T70" fmla="*/ 172 w 602"/>
              <a:gd name="T71" fmla="*/ 367 h 370"/>
              <a:gd name="T72" fmla="*/ 148 w 602"/>
              <a:gd name="T73" fmla="*/ 354 h 370"/>
              <a:gd name="T74" fmla="*/ 119 w 602"/>
              <a:gd name="T75" fmla="*/ 363 h 370"/>
              <a:gd name="T76" fmla="*/ 0 w 602"/>
              <a:gd name="T77" fmla="*/ 269 h 370"/>
              <a:gd name="T78" fmla="*/ 38 w 602"/>
              <a:gd name="T79" fmla="*/ 226 h 370"/>
              <a:gd name="T80" fmla="*/ 18 w 602"/>
              <a:gd name="T81" fmla="*/ 206 h 370"/>
              <a:gd name="T82" fmla="*/ 31 w 602"/>
              <a:gd name="T83" fmla="*/ 177 h 370"/>
              <a:gd name="T84" fmla="*/ 16 w 602"/>
              <a:gd name="T85" fmla="*/ 152 h 370"/>
              <a:gd name="T86" fmla="*/ 83 w 602"/>
              <a:gd name="T87" fmla="*/ 148 h 370"/>
              <a:gd name="T88" fmla="*/ 83 w 602"/>
              <a:gd name="T89" fmla="*/ 94 h 37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602" h="370">
                <a:moveTo>
                  <a:pt x="83" y="94"/>
                </a:moveTo>
                <a:lnTo>
                  <a:pt x="103" y="99"/>
                </a:lnTo>
                <a:lnTo>
                  <a:pt x="136" y="137"/>
                </a:lnTo>
                <a:lnTo>
                  <a:pt x="183" y="134"/>
                </a:lnTo>
                <a:lnTo>
                  <a:pt x="239" y="121"/>
                </a:lnTo>
                <a:lnTo>
                  <a:pt x="226" y="107"/>
                </a:lnTo>
                <a:lnTo>
                  <a:pt x="237" y="85"/>
                </a:lnTo>
                <a:lnTo>
                  <a:pt x="284" y="83"/>
                </a:lnTo>
                <a:lnTo>
                  <a:pt x="296" y="56"/>
                </a:lnTo>
                <a:lnTo>
                  <a:pt x="336" y="72"/>
                </a:lnTo>
                <a:lnTo>
                  <a:pt x="356" y="56"/>
                </a:lnTo>
                <a:lnTo>
                  <a:pt x="372" y="38"/>
                </a:lnTo>
                <a:lnTo>
                  <a:pt x="410" y="11"/>
                </a:lnTo>
                <a:lnTo>
                  <a:pt x="488" y="27"/>
                </a:lnTo>
                <a:lnTo>
                  <a:pt x="526" y="7"/>
                </a:lnTo>
                <a:lnTo>
                  <a:pt x="539" y="25"/>
                </a:lnTo>
                <a:lnTo>
                  <a:pt x="555" y="0"/>
                </a:lnTo>
                <a:lnTo>
                  <a:pt x="577" y="13"/>
                </a:lnTo>
                <a:lnTo>
                  <a:pt x="596" y="24"/>
                </a:lnTo>
                <a:lnTo>
                  <a:pt x="602" y="31"/>
                </a:lnTo>
                <a:lnTo>
                  <a:pt x="596" y="42"/>
                </a:lnTo>
                <a:lnTo>
                  <a:pt x="602" y="60"/>
                </a:lnTo>
                <a:lnTo>
                  <a:pt x="593" y="78"/>
                </a:lnTo>
                <a:lnTo>
                  <a:pt x="557" y="81"/>
                </a:lnTo>
                <a:lnTo>
                  <a:pt x="531" y="110"/>
                </a:lnTo>
                <a:lnTo>
                  <a:pt x="528" y="145"/>
                </a:lnTo>
                <a:lnTo>
                  <a:pt x="504" y="188"/>
                </a:lnTo>
                <a:lnTo>
                  <a:pt x="501" y="226"/>
                </a:lnTo>
                <a:lnTo>
                  <a:pt x="475" y="273"/>
                </a:lnTo>
                <a:lnTo>
                  <a:pt x="439" y="282"/>
                </a:lnTo>
                <a:lnTo>
                  <a:pt x="407" y="304"/>
                </a:lnTo>
                <a:lnTo>
                  <a:pt x="342" y="304"/>
                </a:lnTo>
                <a:lnTo>
                  <a:pt x="302" y="340"/>
                </a:lnTo>
                <a:lnTo>
                  <a:pt x="268" y="347"/>
                </a:lnTo>
                <a:lnTo>
                  <a:pt x="233" y="370"/>
                </a:lnTo>
                <a:lnTo>
                  <a:pt x="172" y="367"/>
                </a:lnTo>
                <a:lnTo>
                  <a:pt x="148" y="354"/>
                </a:lnTo>
                <a:lnTo>
                  <a:pt x="119" y="363"/>
                </a:lnTo>
                <a:lnTo>
                  <a:pt x="0" y="269"/>
                </a:lnTo>
                <a:lnTo>
                  <a:pt x="38" y="226"/>
                </a:lnTo>
                <a:lnTo>
                  <a:pt x="18" y="206"/>
                </a:lnTo>
                <a:lnTo>
                  <a:pt x="31" y="177"/>
                </a:lnTo>
                <a:lnTo>
                  <a:pt x="16" y="152"/>
                </a:lnTo>
                <a:lnTo>
                  <a:pt x="83" y="148"/>
                </a:lnTo>
                <a:lnTo>
                  <a:pt x="83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0" name="Belarus"/>
          <p:cNvSpPr>
            <a:spLocks/>
          </p:cNvSpPr>
          <p:nvPr/>
        </p:nvSpPr>
        <p:spPr bwMode="auto">
          <a:xfrm>
            <a:off x="10609788" y="2808288"/>
            <a:ext cx="1169988" cy="984250"/>
          </a:xfrm>
          <a:custGeom>
            <a:avLst/>
            <a:gdLst>
              <a:gd name="T0" fmla="*/ 379 w 408"/>
              <a:gd name="T1" fmla="*/ 226 h 343"/>
              <a:gd name="T2" fmla="*/ 361 w 408"/>
              <a:gd name="T3" fmla="*/ 230 h 343"/>
              <a:gd name="T4" fmla="*/ 352 w 408"/>
              <a:gd name="T5" fmla="*/ 274 h 343"/>
              <a:gd name="T6" fmla="*/ 362 w 408"/>
              <a:gd name="T7" fmla="*/ 296 h 343"/>
              <a:gd name="T8" fmla="*/ 342 w 408"/>
              <a:gd name="T9" fmla="*/ 282 h 343"/>
              <a:gd name="T10" fmla="*/ 324 w 408"/>
              <a:gd name="T11" fmla="*/ 291 h 343"/>
              <a:gd name="T12" fmla="*/ 287 w 408"/>
              <a:gd name="T13" fmla="*/ 288 h 343"/>
              <a:gd name="T14" fmla="*/ 265 w 408"/>
              <a:gd name="T15" fmla="*/ 294 h 343"/>
              <a:gd name="T16" fmla="*/ 208 w 408"/>
              <a:gd name="T17" fmla="*/ 309 h 343"/>
              <a:gd name="T18" fmla="*/ 151 w 408"/>
              <a:gd name="T19" fmla="*/ 303 h 343"/>
              <a:gd name="T20" fmla="*/ 119 w 408"/>
              <a:gd name="T21" fmla="*/ 304 h 343"/>
              <a:gd name="T22" fmla="*/ 82 w 408"/>
              <a:gd name="T23" fmla="*/ 315 h 343"/>
              <a:gd name="T24" fmla="*/ 55 w 408"/>
              <a:gd name="T25" fmla="*/ 338 h 343"/>
              <a:gd name="T26" fmla="*/ 33 w 408"/>
              <a:gd name="T27" fmla="*/ 318 h 343"/>
              <a:gd name="T28" fmla="*/ 6 w 408"/>
              <a:gd name="T29" fmla="*/ 312 h 343"/>
              <a:gd name="T30" fmla="*/ 12 w 408"/>
              <a:gd name="T31" fmla="*/ 260 h 343"/>
              <a:gd name="T32" fmla="*/ 1 w 408"/>
              <a:gd name="T33" fmla="*/ 209 h 343"/>
              <a:gd name="T34" fmla="*/ 24 w 408"/>
              <a:gd name="T35" fmla="*/ 186 h 343"/>
              <a:gd name="T36" fmla="*/ 54 w 408"/>
              <a:gd name="T37" fmla="*/ 174 h 343"/>
              <a:gd name="T38" fmla="*/ 71 w 408"/>
              <a:gd name="T39" fmla="*/ 157 h 343"/>
              <a:gd name="T40" fmla="*/ 92 w 408"/>
              <a:gd name="T41" fmla="*/ 164 h 343"/>
              <a:gd name="T42" fmla="*/ 86 w 408"/>
              <a:gd name="T43" fmla="*/ 107 h 343"/>
              <a:gd name="T44" fmla="*/ 96 w 408"/>
              <a:gd name="T45" fmla="*/ 89 h 343"/>
              <a:gd name="T46" fmla="*/ 115 w 408"/>
              <a:gd name="T47" fmla="*/ 74 h 343"/>
              <a:gd name="T48" fmla="*/ 103 w 408"/>
              <a:gd name="T49" fmla="*/ 52 h 343"/>
              <a:gd name="T50" fmla="*/ 127 w 408"/>
              <a:gd name="T51" fmla="*/ 40 h 343"/>
              <a:gd name="T52" fmla="*/ 143 w 408"/>
              <a:gd name="T53" fmla="*/ 19 h 343"/>
              <a:gd name="T54" fmla="*/ 177 w 408"/>
              <a:gd name="T55" fmla="*/ 0 h 343"/>
              <a:gd name="T56" fmla="*/ 218 w 408"/>
              <a:gd name="T57" fmla="*/ 24 h 343"/>
              <a:gd name="T58" fmla="*/ 282 w 408"/>
              <a:gd name="T59" fmla="*/ 13 h 343"/>
              <a:gd name="T60" fmla="*/ 290 w 408"/>
              <a:gd name="T61" fmla="*/ 61 h 343"/>
              <a:gd name="T62" fmla="*/ 314 w 408"/>
              <a:gd name="T63" fmla="*/ 76 h 343"/>
              <a:gd name="T64" fmla="*/ 358 w 408"/>
              <a:gd name="T65" fmla="*/ 97 h 343"/>
              <a:gd name="T66" fmla="*/ 387 w 408"/>
              <a:gd name="T67" fmla="*/ 109 h 343"/>
              <a:gd name="T68" fmla="*/ 401 w 408"/>
              <a:gd name="T69" fmla="*/ 161 h 343"/>
              <a:gd name="T70" fmla="*/ 353 w 408"/>
              <a:gd name="T71" fmla="*/ 169 h 343"/>
              <a:gd name="T72" fmla="*/ 375 w 408"/>
              <a:gd name="T73" fmla="*/ 200 h 343"/>
              <a:gd name="T74" fmla="*/ 393 w 408"/>
              <a:gd name="T75" fmla="*/ 226 h 3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408" h="343">
                <a:moveTo>
                  <a:pt x="393" y="226"/>
                </a:moveTo>
                <a:cubicBezTo>
                  <a:pt x="379" y="226"/>
                  <a:pt x="379" y="226"/>
                  <a:pt x="379" y="226"/>
                </a:cubicBezTo>
                <a:cubicBezTo>
                  <a:pt x="374" y="234"/>
                  <a:pt x="374" y="234"/>
                  <a:pt x="374" y="234"/>
                </a:cubicBezTo>
                <a:cubicBezTo>
                  <a:pt x="361" y="230"/>
                  <a:pt x="361" y="230"/>
                  <a:pt x="361" y="230"/>
                </a:cubicBezTo>
                <a:cubicBezTo>
                  <a:pt x="356" y="250"/>
                  <a:pt x="356" y="250"/>
                  <a:pt x="356" y="250"/>
                </a:cubicBezTo>
                <a:cubicBezTo>
                  <a:pt x="352" y="274"/>
                  <a:pt x="352" y="274"/>
                  <a:pt x="352" y="274"/>
                </a:cubicBezTo>
                <a:cubicBezTo>
                  <a:pt x="365" y="287"/>
                  <a:pt x="365" y="287"/>
                  <a:pt x="365" y="287"/>
                </a:cubicBezTo>
                <a:cubicBezTo>
                  <a:pt x="362" y="296"/>
                  <a:pt x="362" y="296"/>
                  <a:pt x="362" y="296"/>
                </a:cubicBezTo>
                <a:cubicBezTo>
                  <a:pt x="352" y="296"/>
                  <a:pt x="352" y="296"/>
                  <a:pt x="352" y="296"/>
                </a:cubicBezTo>
                <a:cubicBezTo>
                  <a:pt x="342" y="282"/>
                  <a:pt x="342" y="282"/>
                  <a:pt x="342" y="282"/>
                </a:cubicBezTo>
                <a:cubicBezTo>
                  <a:pt x="328" y="281"/>
                  <a:pt x="328" y="281"/>
                  <a:pt x="328" y="281"/>
                </a:cubicBezTo>
                <a:cubicBezTo>
                  <a:pt x="324" y="291"/>
                  <a:pt x="324" y="291"/>
                  <a:pt x="324" y="291"/>
                </a:cubicBezTo>
                <a:cubicBezTo>
                  <a:pt x="305" y="300"/>
                  <a:pt x="305" y="300"/>
                  <a:pt x="305" y="300"/>
                </a:cubicBezTo>
                <a:cubicBezTo>
                  <a:pt x="287" y="288"/>
                  <a:pt x="287" y="288"/>
                  <a:pt x="287" y="288"/>
                </a:cubicBezTo>
                <a:cubicBezTo>
                  <a:pt x="278" y="303"/>
                  <a:pt x="278" y="303"/>
                  <a:pt x="278" y="303"/>
                </a:cubicBezTo>
                <a:cubicBezTo>
                  <a:pt x="265" y="294"/>
                  <a:pt x="265" y="294"/>
                  <a:pt x="265" y="294"/>
                </a:cubicBezTo>
                <a:cubicBezTo>
                  <a:pt x="250" y="303"/>
                  <a:pt x="250" y="303"/>
                  <a:pt x="250" y="303"/>
                </a:cubicBezTo>
                <a:cubicBezTo>
                  <a:pt x="208" y="309"/>
                  <a:pt x="208" y="309"/>
                  <a:pt x="208" y="309"/>
                </a:cubicBezTo>
                <a:cubicBezTo>
                  <a:pt x="208" y="309"/>
                  <a:pt x="204" y="296"/>
                  <a:pt x="195" y="296"/>
                </a:cubicBezTo>
                <a:cubicBezTo>
                  <a:pt x="187" y="297"/>
                  <a:pt x="151" y="303"/>
                  <a:pt x="151" y="303"/>
                </a:cubicBezTo>
                <a:cubicBezTo>
                  <a:pt x="144" y="292"/>
                  <a:pt x="144" y="292"/>
                  <a:pt x="144" y="292"/>
                </a:cubicBezTo>
                <a:cubicBezTo>
                  <a:pt x="119" y="304"/>
                  <a:pt x="119" y="304"/>
                  <a:pt x="119" y="304"/>
                </a:cubicBezTo>
                <a:cubicBezTo>
                  <a:pt x="95" y="303"/>
                  <a:pt x="95" y="303"/>
                  <a:pt x="95" y="303"/>
                </a:cubicBezTo>
                <a:cubicBezTo>
                  <a:pt x="82" y="315"/>
                  <a:pt x="82" y="315"/>
                  <a:pt x="82" y="315"/>
                </a:cubicBezTo>
                <a:cubicBezTo>
                  <a:pt x="70" y="315"/>
                  <a:pt x="70" y="315"/>
                  <a:pt x="70" y="315"/>
                </a:cubicBezTo>
                <a:cubicBezTo>
                  <a:pt x="55" y="338"/>
                  <a:pt x="55" y="338"/>
                  <a:pt x="55" y="338"/>
                </a:cubicBezTo>
                <a:cubicBezTo>
                  <a:pt x="28" y="343"/>
                  <a:pt x="28" y="343"/>
                  <a:pt x="28" y="343"/>
                </a:cubicBezTo>
                <a:cubicBezTo>
                  <a:pt x="33" y="318"/>
                  <a:pt x="33" y="318"/>
                  <a:pt x="33" y="318"/>
                </a:cubicBezTo>
                <a:cubicBezTo>
                  <a:pt x="19" y="307"/>
                  <a:pt x="19" y="307"/>
                  <a:pt x="19" y="307"/>
                </a:cubicBezTo>
                <a:cubicBezTo>
                  <a:pt x="6" y="312"/>
                  <a:pt x="6" y="312"/>
                  <a:pt x="6" y="312"/>
                </a:cubicBezTo>
                <a:cubicBezTo>
                  <a:pt x="1" y="303"/>
                  <a:pt x="1" y="303"/>
                  <a:pt x="1" y="303"/>
                </a:cubicBezTo>
                <a:cubicBezTo>
                  <a:pt x="12" y="260"/>
                  <a:pt x="12" y="260"/>
                  <a:pt x="12" y="260"/>
                </a:cubicBezTo>
                <a:cubicBezTo>
                  <a:pt x="18" y="238"/>
                  <a:pt x="18" y="238"/>
                  <a:pt x="18" y="238"/>
                </a:cubicBezTo>
                <a:cubicBezTo>
                  <a:pt x="1" y="209"/>
                  <a:pt x="1" y="209"/>
                  <a:pt x="1" y="209"/>
                </a:cubicBezTo>
                <a:cubicBezTo>
                  <a:pt x="0" y="200"/>
                  <a:pt x="0" y="200"/>
                  <a:pt x="0" y="200"/>
                </a:cubicBezTo>
                <a:cubicBezTo>
                  <a:pt x="24" y="186"/>
                  <a:pt x="24" y="186"/>
                  <a:pt x="24" y="186"/>
                </a:cubicBezTo>
                <a:cubicBezTo>
                  <a:pt x="38" y="194"/>
                  <a:pt x="38" y="194"/>
                  <a:pt x="38" y="194"/>
                </a:cubicBezTo>
                <a:cubicBezTo>
                  <a:pt x="54" y="174"/>
                  <a:pt x="54" y="174"/>
                  <a:pt x="54" y="174"/>
                </a:cubicBezTo>
                <a:cubicBezTo>
                  <a:pt x="71" y="164"/>
                  <a:pt x="71" y="164"/>
                  <a:pt x="71" y="164"/>
                </a:cubicBezTo>
                <a:cubicBezTo>
                  <a:pt x="71" y="157"/>
                  <a:pt x="71" y="157"/>
                  <a:pt x="71" y="157"/>
                </a:cubicBezTo>
                <a:cubicBezTo>
                  <a:pt x="83" y="157"/>
                  <a:pt x="83" y="157"/>
                  <a:pt x="83" y="157"/>
                </a:cubicBezTo>
                <a:cubicBezTo>
                  <a:pt x="92" y="164"/>
                  <a:pt x="92" y="164"/>
                  <a:pt x="92" y="164"/>
                </a:cubicBezTo>
                <a:cubicBezTo>
                  <a:pt x="76" y="119"/>
                  <a:pt x="76" y="119"/>
                  <a:pt x="76" y="119"/>
                </a:cubicBezTo>
                <a:cubicBezTo>
                  <a:pt x="86" y="107"/>
                  <a:pt x="86" y="107"/>
                  <a:pt x="86" y="107"/>
                </a:cubicBezTo>
                <a:cubicBezTo>
                  <a:pt x="96" y="107"/>
                  <a:pt x="96" y="107"/>
                  <a:pt x="96" y="107"/>
                </a:cubicBezTo>
                <a:cubicBezTo>
                  <a:pt x="96" y="89"/>
                  <a:pt x="96" y="89"/>
                  <a:pt x="96" y="89"/>
                </a:cubicBezTo>
                <a:cubicBezTo>
                  <a:pt x="119" y="89"/>
                  <a:pt x="119" y="89"/>
                  <a:pt x="119" y="89"/>
                </a:cubicBezTo>
                <a:cubicBezTo>
                  <a:pt x="115" y="74"/>
                  <a:pt x="115" y="74"/>
                  <a:pt x="115" y="74"/>
                </a:cubicBezTo>
                <a:cubicBezTo>
                  <a:pt x="103" y="68"/>
                  <a:pt x="103" y="68"/>
                  <a:pt x="103" y="68"/>
                </a:cubicBezTo>
                <a:cubicBezTo>
                  <a:pt x="103" y="52"/>
                  <a:pt x="103" y="52"/>
                  <a:pt x="103" y="52"/>
                </a:cubicBezTo>
                <a:cubicBezTo>
                  <a:pt x="113" y="45"/>
                  <a:pt x="113" y="45"/>
                  <a:pt x="113" y="45"/>
                </a:cubicBezTo>
                <a:cubicBezTo>
                  <a:pt x="127" y="40"/>
                  <a:pt x="127" y="40"/>
                  <a:pt x="127" y="40"/>
                </a:cubicBezTo>
                <a:cubicBezTo>
                  <a:pt x="139" y="40"/>
                  <a:pt x="139" y="40"/>
                  <a:pt x="139" y="4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9" y="3"/>
                  <a:pt x="159" y="3"/>
                  <a:pt x="159" y="3"/>
                </a:cubicBezTo>
                <a:cubicBezTo>
                  <a:pt x="177" y="0"/>
                  <a:pt x="177" y="0"/>
                  <a:pt x="177" y="0"/>
                </a:cubicBezTo>
                <a:cubicBezTo>
                  <a:pt x="209" y="0"/>
                  <a:pt x="209" y="0"/>
                  <a:pt x="209" y="0"/>
                </a:cubicBezTo>
                <a:cubicBezTo>
                  <a:pt x="218" y="24"/>
                  <a:pt x="218" y="24"/>
                  <a:pt x="218" y="24"/>
                </a:cubicBezTo>
                <a:cubicBezTo>
                  <a:pt x="245" y="0"/>
                  <a:pt x="245" y="0"/>
                  <a:pt x="245" y="0"/>
                </a:cubicBezTo>
                <a:cubicBezTo>
                  <a:pt x="282" y="13"/>
                  <a:pt x="282" y="13"/>
                  <a:pt x="282" y="13"/>
                </a:cubicBezTo>
                <a:cubicBezTo>
                  <a:pt x="290" y="39"/>
                  <a:pt x="290" y="39"/>
                  <a:pt x="290" y="39"/>
                </a:cubicBezTo>
                <a:cubicBezTo>
                  <a:pt x="290" y="61"/>
                  <a:pt x="290" y="61"/>
                  <a:pt x="290" y="61"/>
                </a:cubicBezTo>
                <a:cubicBezTo>
                  <a:pt x="307" y="63"/>
                  <a:pt x="307" y="63"/>
                  <a:pt x="307" y="63"/>
                </a:cubicBezTo>
                <a:cubicBezTo>
                  <a:pt x="314" y="76"/>
                  <a:pt x="314" y="76"/>
                  <a:pt x="314" y="76"/>
                </a:cubicBezTo>
                <a:cubicBezTo>
                  <a:pt x="334" y="92"/>
                  <a:pt x="334" y="92"/>
                  <a:pt x="334" y="92"/>
                </a:cubicBezTo>
                <a:cubicBezTo>
                  <a:pt x="358" y="97"/>
                  <a:pt x="358" y="97"/>
                  <a:pt x="358" y="97"/>
                </a:cubicBezTo>
                <a:cubicBezTo>
                  <a:pt x="359" y="113"/>
                  <a:pt x="359" y="113"/>
                  <a:pt x="359" y="113"/>
                </a:cubicBezTo>
                <a:cubicBezTo>
                  <a:pt x="387" y="109"/>
                  <a:pt x="387" y="109"/>
                  <a:pt x="387" y="109"/>
                </a:cubicBezTo>
                <a:cubicBezTo>
                  <a:pt x="408" y="130"/>
                  <a:pt x="408" y="130"/>
                  <a:pt x="408" y="130"/>
                </a:cubicBezTo>
                <a:cubicBezTo>
                  <a:pt x="401" y="161"/>
                  <a:pt x="401" y="161"/>
                  <a:pt x="401" y="161"/>
                </a:cubicBezTo>
                <a:cubicBezTo>
                  <a:pt x="358" y="159"/>
                  <a:pt x="358" y="159"/>
                  <a:pt x="358" y="159"/>
                </a:cubicBezTo>
                <a:cubicBezTo>
                  <a:pt x="353" y="169"/>
                  <a:pt x="353" y="169"/>
                  <a:pt x="353" y="169"/>
                </a:cubicBezTo>
                <a:cubicBezTo>
                  <a:pt x="372" y="180"/>
                  <a:pt x="372" y="180"/>
                  <a:pt x="372" y="180"/>
                </a:cubicBezTo>
                <a:cubicBezTo>
                  <a:pt x="375" y="200"/>
                  <a:pt x="375" y="200"/>
                  <a:pt x="375" y="200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1" name="Poland"/>
          <p:cNvSpPr>
            <a:spLocks/>
          </p:cNvSpPr>
          <p:nvPr/>
        </p:nvSpPr>
        <p:spPr bwMode="auto">
          <a:xfrm>
            <a:off x="9419163" y="3278188"/>
            <a:ext cx="1408113" cy="1058863"/>
          </a:xfrm>
          <a:custGeom>
            <a:avLst/>
            <a:gdLst>
              <a:gd name="T0" fmla="*/ 1 w 491"/>
              <a:gd name="T1" fmla="*/ 76 h 369"/>
              <a:gd name="T2" fmla="*/ 39 w 491"/>
              <a:gd name="T3" fmla="*/ 62 h 369"/>
              <a:gd name="T4" fmla="*/ 48 w 491"/>
              <a:gd name="T5" fmla="*/ 59 h 369"/>
              <a:gd name="T6" fmla="*/ 97 w 491"/>
              <a:gd name="T7" fmla="*/ 31 h 369"/>
              <a:gd name="T8" fmla="*/ 111 w 491"/>
              <a:gd name="T9" fmla="*/ 27 h 369"/>
              <a:gd name="T10" fmla="*/ 180 w 491"/>
              <a:gd name="T11" fmla="*/ 0 h 369"/>
              <a:gd name="T12" fmla="*/ 185 w 491"/>
              <a:gd name="T13" fmla="*/ 24 h 369"/>
              <a:gd name="T14" fmla="*/ 234 w 491"/>
              <a:gd name="T15" fmla="*/ 16 h 369"/>
              <a:gd name="T16" fmla="*/ 355 w 491"/>
              <a:gd name="T17" fmla="*/ 16 h 369"/>
              <a:gd name="T18" fmla="*/ 396 w 491"/>
              <a:gd name="T19" fmla="*/ 16 h 369"/>
              <a:gd name="T20" fmla="*/ 416 w 491"/>
              <a:gd name="T21" fmla="*/ 45 h 369"/>
              <a:gd name="T22" fmla="*/ 427 w 491"/>
              <a:gd name="T23" fmla="*/ 96 h 369"/>
              <a:gd name="T24" fmla="*/ 416 w 491"/>
              <a:gd name="T25" fmla="*/ 139 h 369"/>
              <a:gd name="T26" fmla="*/ 434 w 491"/>
              <a:gd name="T27" fmla="*/ 143 h 369"/>
              <a:gd name="T28" fmla="*/ 443 w 491"/>
              <a:gd name="T29" fmla="*/ 179 h 369"/>
              <a:gd name="T30" fmla="*/ 456 w 491"/>
              <a:gd name="T31" fmla="*/ 209 h 369"/>
              <a:gd name="T32" fmla="*/ 477 w 491"/>
              <a:gd name="T33" fmla="*/ 233 h 369"/>
              <a:gd name="T34" fmla="*/ 489 w 491"/>
              <a:gd name="T35" fmla="*/ 254 h 369"/>
              <a:gd name="T36" fmla="*/ 438 w 491"/>
              <a:gd name="T37" fmla="*/ 317 h 369"/>
              <a:gd name="T38" fmla="*/ 445 w 491"/>
              <a:gd name="T39" fmla="*/ 351 h 369"/>
              <a:gd name="T40" fmla="*/ 432 w 491"/>
              <a:gd name="T41" fmla="*/ 362 h 369"/>
              <a:gd name="T42" fmla="*/ 406 w 491"/>
              <a:gd name="T43" fmla="*/ 346 h 369"/>
              <a:gd name="T44" fmla="*/ 359 w 491"/>
              <a:gd name="T45" fmla="*/ 345 h 369"/>
              <a:gd name="T46" fmla="*/ 342 w 491"/>
              <a:gd name="T47" fmla="*/ 349 h 369"/>
              <a:gd name="T48" fmla="*/ 312 w 491"/>
              <a:gd name="T49" fmla="*/ 369 h 369"/>
              <a:gd name="T50" fmla="*/ 296 w 491"/>
              <a:gd name="T51" fmla="*/ 357 h 369"/>
              <a:gd name="T52" fmla="*/ 263 w 491"/>
              <a:gd name="T53" fmla="*/ 366 h 369"/>
              <a:gd name="T54" fmla="*/ 249 w 491"/>
              <a:gd name="T55" fmla="*/ 343 h 369"/>
              <a:gd name="T56" fmla="*/ 234 w 491"/>
              <a:gd name="T57" fmla="*/ 328 h 369"/>
              <a:gd name="T58" fmla="*/ 190 w 491"/>
              <a:gd name="T59" fmla="*/ 322 h 369"/>
              <a:gd name="T60" fmla="*/ 191 w 491"/>
              <a:gd name="T61" fmla="*/ 307 h 369"/>
              <a:gd name="T62" fmla="*/ 145 w 491"/>
              <a:gd name="T63" fmla="*/ 301 h 369"/>
              <a:gd name="T64" fmla="*/ 146 w 491"/>
              <a:gd name="T65" fmla="*/ 320 h 369"/>
              <a:gd name="T66" fmla="*/ 135 w 491"/>
              <a:gd name="T67" fmla="*/ 325 h 369"/>
              <a:gd name="T68" fmla="*/ 112 w 491"/>
              <a:gd name="T69" fmla="*/ 303 h 369"/>
              <a:gd name="T70" fmla="*/ 104 w 491"/>
              <a:gd name="T71" fmla="*/ 291 h 369"/>
              <a:gd name="T72" fmla="*/ 55 w 491"/>
              <a:gd name="T73" fmla="*/ 271 h 369"/>
              <a:gd name="T74" fmla="*/ 34 w 491"/>
              <a:gd name="T75" fmla="*/ 233 h 369"/>
              <a:gd name="T76" fmla="*/ 32 w 491"/>
              <a:gd name="T77" fmla="*/ 202 h 369"/>
              <a:gd name="T78" fmla="*/ 21 w 491"/>
              <a:gd name="T79" fmla="*/ 162 h 369"/>
              <a:gd name="T80" fmla="*/ 17 w 491"/>
              <a:gd name="T81" fmla="*/ 125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91" h="369">
                <a:moveTo>
                  <a:pt x="1" y="92"/>
                </a:moveTo>
                <a:cubicBezTo>
                  <a:pt x="1" y="76"/>
                  <a:pt x="1" y="76"/>
                  <a:pt x="1" y="76"/>
                </a:cubicBezTo>
                <a:cubicBezTo>
                  <a:pt x="10" y="76"/>
                  <a:pt x="10" y="76"/>
                  <a:pt x="10" y="76"/>
                </a:cubicBezTo>
                <a:cubicBezTo>
                  <a:pt x="39" y="62"/>
                  <a:pt x="39" y="62"/>
                  <a:pt x="39" y="62"/>
                </a:cubicBezTo>
                <a:cubicBezTo>
                  <a:pt x="44" y="66"/>
                  <a:pt x="44" y="66"/>
                  <a:pt x="44" y="66"/>
                </a:cubicBezTo>
                <a:cubicBezTo>
                  <a:pt x="48" y="59"/>
                  <a:pt x="48" y="59"/>
                  <a:pt x="48" y="59"/>
                </a:cubicBezTo>
                <a:cubicBezTo>
                  <a:pt x="86" y="49"/>
                  <a:pt x="86" y="49"/>
                  <a:pt x="86" y="49"/>
                </a:cubicBezTo>
                <a:cubicBezTo>
                  <a:pt x="97" y="31"/>
                  <a:pt x="97" y="31"/>
                  <a:pt x="97" y="31"/>
                </a:cubicBezTo>
                <a:cubicBezTo>
                  <a:pt x="106" y="22"/>
                  <a:pt x="106" y="22"/>
                  <a:pt x="106" y="22"/>
                </a:cubicBezTo>
                <a:cubicBezTo>
                  <a:pt x="111" y="27"/>
                  <a:pt x="111" y="27"/>
                  <a:pt x="111" y="27"/>
                </a:cubicBezTo>
                <a:cubicBezTo>
                  <a:pt x="155" y="0"/>
                  <a:pt x="155" y="0"/>
                  <a:pt x="155" y="0"/>
                </a:cubicBezTo>
                <a:cubicBezTo>
                  <a:pt x="180" y="0"/>
                  <a:pt x="180" y="0"/>
                  <a:pt x="180" y="0"/>
                </a:cubicBezTo>
                <a:cubicBezTo>
                  <a:pt x="185" y="12"/>
                  <a:pt x="185" y="12"/>
                  <a:pt x="185" y="12"/>
                </a:cubicBezTo>
                <a:cubicBezTo>
                  <a:pt x="185" y="24"/>
                  <a:pt x="185" y="24"/>
                  <a:pt x="185" y="24"/>
                </a:cubicBezTo>
                <a:cubicBezTo>
                  <a:pt x="206" y="33"/>
                  <a:pt x="206" y="33"/>
                  <a:pt x="206" y="33"/>
                </a:cubicBezTo>
                <a:cubicBezTo>
                  <a:pt x="234" y="16"/>
                  <a:pt x="234" y="16"/>
                  <a:pt x="234" y="16"/>
                </a:cubicBezTo>
                <a:cubicBezTo>
                  <a:pt x="300" y="19"/>
                  <a:pt x="300" y="19"/>
                  <a:pt x="300" y="19"/>
                </a:cubicBezTo>
                <a:cubicBezTo>
                  <a:pt x="355" y="16"/>
                  <a:pt x="355" y="16"/>
                  <a:pt x="355" y="16"/>
                </a:cubicBezTo>
                <a:cubicBezTo>
                  <a:pt x="374" y="4"/>
                  <a:pt x="374" y="4"/>
                  <a:pt x="374" y="4"/>
                </a:cubicBezTo>
                <a:cubicBezTo>
                  <a:pt x="396" y="16"/>
                  <a:pt x="396" y="16"/>
                  <a:pt x="396" y="16"/>
                </a:cubicBezTo>
                <a:cubicBezTo>
                  <a:pt x="413" y="21"/>
                  <a:pt x="413" y="21"/>
                  <a:pt x="413" y="21"/>
                </a:cubicBezTo>
                <a:cubicBezTo>
                  <a:pt x="416" y="45"/>
                  <a:pt x="416" y="45"/>
                  <a:pt x="416" y="45"/>
                </a:cubicBezTo>
                <a:cubicBezTo>
                  <a:pt x="437" y="81"/>
                  <a:pt x="437" y="81"/>
                  <a:pt x="437" y="81"/>
                </a:cubicBezTo>
                <a:cubicBezTo>
                  <a:pt x="427" y="96"/>
                  <a:pt x="427" y="96"/>
                  <a:pt x="427" y="96"/>
                </a:cubicBezTo>
                <a:cubicBezTo>
                  <a:pt x="427" y="97"/>
                  <a:pt x="427" y="97"/>
                  <a:pt x="427" y="97"/>
                </a:cubicBezTo>
                <a:cubicBezTo>
                  <a:pt x="416" y="139"/>
                  <a:pt x="416" y="139"/>
                  <a:pt x="416" y="139"/>
                </a:cubicBezTo>
                <a:cubicBezTo>
                  <a:pt x="421" y="148"/>
                  <a:pt x="421" y="148"/>
                  <a:pt x="421" y="148"/>
                </a:cubicBezTo>
                <a:cubicBezTo>
                  <a:pt x="434" y="143"/>
                  <a:pt x="434" y="143"/>
                  <a:pt x="434" y="143"/>
                </a:cubicBezTo>
                <a:cubicBezTo>
                  <a:pt x="448" y="154"/>
                  <a:pt x="448" y="154"/>
                  <a:pt x="448" y="154"/>
                </a:cubicBezTo>
                <a:cubicBezTo>
                  <a:pt x="443" y="179"/>
                  <a:pt x="443" y="179"/>
                  <a:pt x="443" y="179"/>
                </a:cubicBezTo>
                <a:cubicBezTo>
                  <a:pt x="456" y="195"/>
                  <a:pt x="456" y="195"/>
                  <a:pt x="456" y="195"/>
                </a:cubicBezTo>
                <a:cubicBezTo>
                  <a:pt x="456" y="209"/>
                  <a:pt x="456" y="209"/>
                  <a:pt x="456" y="209"/>
                </a:cubicBezTo>
                <a:cubicBezTo>
                  <a:pt x="486" y="223"/>
                  <a:pt x="486" y="223"/>
                  <a:pt x="486" y="223"/>
                </a:cubicBezTo>
                <a:cubicBezTo>
                  <a:pt x="477" y="233"/>
                  <a:pt x="477" y="233"/>
                  <a:pt x="477" y="233"/>
                </a:cubicBezTo>
                <a:cubicBezTo>
                  <a:pt x="491" y="247"/>
                  <a:pt x="491" y="247"/>
                  <a:pt x="491" y="247"/>
                </a:cubicBezTo>
                <a:cubicBezTo>
                  <a:pt x="489" y="254"/>
                  <a:pt x="489" y="254"/>
                  <a:pt x="489" y="254"/>
                </a:cubicBezTo>
                <a:cubicBezTo>
                  <a:pt x="474" y="264"/>
                  <a:pt x="474" y="264"/>
                  <a:pt x="474" y="264"/>
                </a:cubicBezTo>
                <a:cubicBezTo>
                  <a:pt x="438" y="317"/>
                  <a:pt x="438" y="317"/>
                  <a:pt x="438" y="317"/>
                </a:cubicBezTo>
                <a:cubicBezTo>
                  <a:pt x="434" y="332"/>
                  <a:pt x="434" y="332"/>
                  <a:pt x="434" y="332"/>
                </a:cubicBezTo>
                <a:cubicBezTo>
                  <a:pt x="445" y="351"/>
                  <a:pt x="445" y="351"/>
                  <a:pt x="445" y="351"/>
                </a:cubicBezTo>
                <a:cubicBezTo>
                  <a:pt x="451" y="357"/>
                  <a:pt x="451" y="357"/>
                  <a:pt x="451" y="357"/>
                </a:cubicBezTo>
                <a:cubicBezTo>
                  <a:pt x="432" y="362"/>
                  <a:pt x="432" y="362"/>
                  <a:pt x="432" y="362"/>
                </a:cubicBezTo>
                <a:cubicBezTo>
                  <a:pt x="408" y="355"/>
                  <a:pt x="408" y="355"/>
                  <a:pt x="408" y="355"/>
                </a:cubicBezTo>
                <a:cubicBezTo>
                  <a:pt x="406" y="346"/>
                  <a:pt x="406" y="346"/>
                  <a:pt x="406" y="346"/>
                </a:cubicBezTo>
                <a:cubicBezTo>
                  <a:pt x="377" y="341"/>
                  <a:pt x="377" y="341"/>
                  <a:pt x="377" y="341"/>
                </a:cubicBezTo>
                <a:cubicBezTo>
                  <a:pt x="359" y="345"/>
                  <a:pt x="359" y="345"/>
                  <a:pt x="359" y="345"/>
                </a:cubicBezTo>
                <a:cubicBezTo>
                  <a:pt x="354" y="362"/>
                  <a:pt x="354" y="362"/>
                  <a:pt x="354" y="362"/>
                </a:cubicBezTo>
                <a:cubicBezTo>
                  <a:pt x="342" y="349"/>
                  <a:pt x="342" y="349"/>
                  <a:pt x="342" y="349"/>
                </a:cubicBezTo>
                <a:cubicBezTo>
                  <a:pt x="322" y="351"/>
                  <a:pt x="322" y="351"/>
                  <a:pt x="322" y="351"/>
                </a:cubicBezTo>
                <a:cubicBezTo>
                  <a:pt x="312" y="369"/>
                  <a:pt x="312" y="369"/>
                  <a:pt x="312" y="369"/>
                </a:cubicBezTo>
                <a:cubicBezTo>
                  <a:pt x="298" y="369"/>
                  <a:pt x="298" y="369"/>
                  <a:pt x="298" y="369"/>
                </a:cubicBezTo>
                <a:cubicBezTo>
                  <a:pt x="296" y="357"/>
                  <a:pt x="296" y="357"/>
                  <a:pt x="296" y="357"/>
                </a:cubicBezTo>
                <a:cubicBezTo>
                  <a:pt x="277" y="345"/>
                  <a:pt x="277" y="345"/>
                  <a:pt x="277" y="345"/>
                </a:cubicBezTo>
                <a:cubicBezTo>
                  <a:pt x="263" y="366"/>
                  <a:pt x="263" y="366"/>
                  <a:pt x="263" y="366"/>
                </a:cubicBezTo>
                <a:cubicBezTo>
                  <a:pt x="250" y="354"/>
                  <a:pt x="250" y="354"/>
                  <a:pt x="250" y="354"/>
                </a:cubicBezTo>
                <a:cubicBezTo>
                  <a:pt x="249" y="343"/>
                  <a:pt x="249" y="343"/>
                  <a:pt x="249" y="343"/>
                </a:cubicBezTo>
                <a:cubicBezTo>
                  <a:pt x="235" y="342"/>
                  <a:pt x="235" y="342"/>
                  <a:pt x="235" y="342"/>
                </a:cubicBezTo>
                <a:cubicBezTo>
                  <a:pt x="234" y="328"/>
                  <a:pt x="234" y="328"/>
                  <a:pt x="234" y="328"/>
                </a:cubicBezTo>
                <a:cubicBezTo>
                  <a:pt x="196" y="328"/>
                  <a:pt x="196" y="328"/>
                  <a:pt x="196" y="328"/>
                </a:cubicBezTo>
                <a:cubicBezTo>
                  <a:pt x="190" y="322"/>
                  <a:pt x="190" y="322"/>
                  <a:pt x="190" y="322"/>
                </a:cubicBezTo>
                <a:cubicBezTo>
                  <a:pt x="185" y="317"/>
                  <a:pt x="185" y="317"/>
                  <a:pt x="185" y="317"/>
                </a:cubicBezTo>
                <a:cubicBezTo>
                  <a:pt x="191" y="307"/>
                  <a:pt x="191" y="307"/>
                  <a:pt x="191" y="307"/>
                </a:cubicBezTo>
                <a:cubicBezTo>
                  <a:pt x="169" y="307"/>
                  <a:pt x="169" y="307"/>
                  <a:pt x="169" y="307"/>
                </a:cubicBezTo>
                <a:cubicBezTo>
                  <a:pt x="145" y="301"/>
                  <a:pt x="145" y="301"/>
                  <a:pt x="145" y="301"/>
                </a:cubicBezTo>
                <a:cubicBezTo>
                  <a:pt x="153" y="312"/>
                  <a:pt x="153" y="312"/>
                  <a:pt x="153" y="312"/>
                </a:cubicBezTo>
                <a:cubicBezTo>
                  <a:pt x="146" y="320"/>
                  <a:pt x="146" y="320"/>
                  <a:pt x="146" y="320"/>
                </a:cubicBezTo>
                <a:cubicBezTo>
                  <a:pt x="141" y="324"/>
                  <a:pt x="141" y="324"/>
                  <a:pt x="141" y="324"/>
                </a:cubicBezTo>
                <a:cubicBezTo>
                  <a:pt x="135" y="325"/>
                  <a:pt x="135" y="325"/>
                  <a:pt x="135" y="325"/>
                </a:cubicBezTo>
                <a:cubicBezTo>
                  <a:pt x="126" y="311"/>
                  <a:pt x="126" y="311"/>
                  <a:pt x="126" y="311"/>
                </a:cubicBezTo>
                <a:cubicBezTo>
                  <a:pt x="112" y="303"/>
                  <a:pt x="112" y="303"/>
                  <a:pt x="112" y="303"/>
                </a:cubicBezTo>
                <a:cubicBezTo>
                  <a:pt x="124" y="295"/>
                  <a:pt x="124" y="295"/>
                  <a:pt x="124" y="295"/>
                </a:cubicBezTo>
                <a:cubicBezTo>
                  <a:pt x="104" y="291"/>
                  <a:pt x="104" y="291"/>
                  <a:pt x="104" y="291"/>
                </a:cubicBezTo>
                <a:cubicBezTo>
                  <a:pt x="71" y="280"/>
                  <a:pt x="71" y="280"/>
                  <a:pt x="71" y="280"/>
                </a:cubicBezTo>
                <a:cubicBezTo>
                  <a:pt x="55" y="271"/>
                  <a:pt x="55" y="271"/>
                  <a:pt x="55" y="271"/>
                </a:cubicBezTo>
                <a:cubicBezTo>
                  <a:pt x="49" y="248"/>
                  <a:pt x="49" y="248"/>
                  <a:pt x="49" y="248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8" y="221"/>
                  <a:pt x="28" y="221"/>
                  <a:pt x="28" y="221"/>
                </a:cubicBezTo>
                <a:cubicBezTo>
                  <a:pt x="32" y="202"/>
                  <a:pt x="32" y="202"/>
                  <a:pt x="32" y="202"/>
                </a:cubicBezTo>
                <a:cubicBezTo>
                  <a:pt x="17" y="180"/>
                  <a:pt x="17" y="180"/>
                  <a:pt x="17" y="180"/>
                </a:cubicBezTo>
                <a:cubicBezTo>
                  <a:pt x="21" y="162"/>
                  <a:pt x="21" y="162"/>
                  <a:pt x="21" y="162"/>
                </a:cubicBezTo>
                <a:cubicBezTo>
                  <a:pt x="0" y="145"/>
                  <a:pt x="0" y="145"/>
                  <a:pt x="0" y="145"/>
                </a:cubicBezTo>
                <a:cubicBezTo>
                  <a:pt x="17" y="125"/>
                  <a:pt x="17" y="125"/>
                  <a:pt x="17" y="125"/>
                </a:cubicBezTo>
                <a:lnTo>
                  <a:pt x="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2" name="Ukraine"/>
          <p:cNvSpPr>
            <a:spLocks/>
          </p:cNvSpPr>
          <p:nvPr/>
        </p:nvSpPr>
        <p:spPr bwMode="auto">
          <a:xfrm>
            <a:off x="10643126" y="3352800"/>
            <a:ext cx="1557338" cy="1489075"/>
          </a:xfrm>
          <a:custGeom>
            <a:avLst/>
            <a:gdLst>
              <a:gd name="T0" fmla="*/ 60 w 981"/>
              <a:gd name="T1" fmla="*/ 237 h 938"/>
              <a:gd name="T2" fmla="*/ 128 w 981"/>
              <a:gd name="T3" fmla="*/ 175 h 938"/>
              <a:gd name="T4" fmla="*/ 193 w 981"/>
              <a:gd name="T5" fmla="*/ 177 h 938"/>
              <a:gd name="T6" fmla="*/ 278 w 981"/>
              <a:gd name="T7" fmla="*/ 166 h 938"/>
              <a:gd name="T8" fmla="*/ 347 w 981"/>
              <a:gd name="T9" fmla="*/ 172 h 938"/>
              <a:gd name="T10" fmla="*/ 430 w 981"/>
              <a:gd name="T11" fmla="*/ 204 h 938"/>
              <a:gd name="T12" fmla="*/ 481 w 981"/>
              <a:gd name="T13" fmla="*/ 204 h 938"/>
              <a:gd name="T14" fmla="*/ 530 w 981"/>
              <a:gd name="T15" fmla="*/ 199 h 938"/>
              <a:gd name="T16" fmla="*/ 571 w 981"/>
              <a:gd name="T17" fmla="*/ 165 h 938"/>
              <a:gd name="T18" fmla="*/ 614 w 981"/>
              <a:gd name="T19" fmla="*/ 192 h 938"/>
              <a:gd name="T20" fmla="*/ 638 w 981"/>
              <a:gd name="T21" fmla="*/ 175 h 938"/>
              <a:gd name="T22" fmla="*/ 622 w 981"/>
              <a:gd name="T23" fmla="*/ 109 h 938"/>
              <a:gd name="T24" fmla="*/ 654 w 981"/>
              <a:gd name="T25" fmla="*/ 80 h 938"/>
              <a:gd name="T26" fmla="*/ 705 w 981"/>
              <a:gd name="T27" fmla="*/ 65 h 938"/>
              <a:gd name="T28" fmla="*/ 734 w 981"/>
              <a:gd name="T29" fmla="*/ 34 h 938"/>
              <a:gd name="T30" fmla="*/ 853 w 981"/>
              <a:gd name="T31" fmla="*/ 0 h 938"/>
              <a:gd name="T32" fmla="*/ 929 w 981"/>
              <a:gd name="T33" fmla="*/ 38 h 938"/>
              <a:gd name="T34" fmla="*/ 938 w 981"/>
              <a:gd name="T35" fmla="*/ 109 h 938"/>
              <a:gd name="T36" fmla="*/ 981 w 981"/>
              <a:gd name="T37" fmla="*/ 743 h 938"/>
              <a:gd name="T38" fmla="*/ 947 w 981"/>
              <a:gd name="T39" fmla="*/ 717 h 938"/>
              <a:gd name="T40" fmla="*/ 871 w 981"/>
              <a:gd name="T41" fmla="*/ 716 h 938"/>
              <a:gd name="T42" fmla="*/ 826 w 981"/>
              <a:gd name="T43" fmla="*/ 800 h 938"/>
              <a:gd name="T44" fmla="*/ 773 w 981"/>
              <a:gd name="T45" fmla="*/ 887 h 938"/>
              <a:gd name="T46" fmla="*/ 741 w 981"/>
              <a:gd name="T47" fmla="*/ 902 h 938"/>
              <a:gd name="T48" fmla="*/ 660 w 981"/>
              <a:gd name="T49" fmla="*/ 938 h 938"/>
              <a:gd name="T50" fmla="*/ 661 w 981"/>
              <a:gd name="T51" fmla="*/ 878 h 938"/>
              <a:gd name="T52" fmla="*/ 665 w 981"/>
              <a:gd name="T53" fmla="*/ 795 h 938"/>
              <a:gd name="T54" fmla="*/ 775 w 981"/>
              <a:gd name="T55" fmla="*/ 779 h 938"/>
              <a:gd name="T56" fmla="*/ 723 w 981"/>
              <a:gd name="T57" fmla="*/ 707 h 938"/>
              <a:gd name="T58" fmla="*/ 665 w 981"/>
              <a:gd name="T59" fmla="*/ 676 h 938"/>
              <a:gd name="T60" fmla="*/ 640 w 981"/>
              <a:gd name="T61" fmla="*/ 611 h 938"/>
              <a:gd name="T62" fmla="*/ 522 w 981"/>
              <a:gd name="T63" fmla="*/ 593 h 938"/>
              <a:gd name="T64" fmla="*/ 454 w 981"/>
              <a:gd name="T65" fmla="*/ 602 h 938"/>
              <a:gd name="T66" fmla="*/ 374 w 981"/>
              <a:gd name="T67" fmla="*/ 649 h 938"/>
              <a:gd name="T68" fmla="*/ 287 w 981"/>
              <a:gd name="T69" fmla="*/ 692 h 938"/>
              <a:gd name="T70" fmla="*/ 235 w 981"/>
              <a:gd name="T71" fmla="*/ 699 h 938"/>
              <a:gd name="T72" fmla="*/ 98 w 981"/>
              <a:gd name="T73" fmla="*/ 705 h 938"/>
              <a:gd name="T74" fmla="*/ 54 w 981"/>
              <a:gd name="T75" fmla="*/ 707 h 938"/>
              <a:gd name="T76" fmla="*/ 11 w 981"/>
              <a:gd name="T77" fmla="*/ 640 h 938"/>
              <a:gd name="T78" fmla="*/ 44 w 981"/>
              <a:gd name="T79" fmla="*/ 598 h 938"/>
              <a:gd name="T80" fmla="*/ 13 w 981"/>
              <a:gd name="T81" fmla="*/ 553 h 938"/>
              <a:gd name="T82" fmla="*/ 85 w 981"/>
              <a:gd name="T83" fmla="*/ 430 h 938"/>
              <a:gd name="T84" fmla="*/ 116 w 981"/>
              <a:gd name="T85" fmla="*/ 399 h 938"/>
              <a:gd name="T86" fmla="*/ 107 w 981"/>
              <a:gd name="T87" fmla="*/ 356 h 938"/>
              <a:gd name="T88" fmla="*/ 53 w 981"/>
              <a:gd name="T89" fmla="*/ 305 h 9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981" h="938">
                <a:moveTo>
                  <a:pt x="29" y="277"/>
                </a:moveTo>
                <a:lnTo>
                  <a:pt x="60" y="237"/>
                </a:lnTo>
                <a:lnTo>
                  <a:pt x="109" y="190"/>
                </a:lnTo>
                <a:lnTo>
                  <a:pt x="128" y="175"/>
                </a:lnTo>
                <a:lnTo>
                  <a:pt x="150" y="175"/>
                </a:lnTo>
                <a:lnTo>
                  <a:pt x="193" y="177"/>
                </a:lnTo>
                <a:lnTo>
                  <a:pt x="239" y="155"/>
                </a:lnTo>
                <a:lnTo>
                  <a:pt x="278" y="166"/>
                </a:lnTo>
                <a:lnTo>
                  <a:pt x="334" y="177"/>
                </a:lnTo>
                <a:lnTo>
                  <a:pt x="347" y="172"/>
                </a:lnTo>
                <a:lnTo>
                  <a:pt x="354" y="186"/>
                </a:lnTo>
                <a:lnTo>
                  <a:pt x="430" y="204"/>
                </a:lnTo>
                <a:lnTo>
                  <a:pt x="457" y="188"/>
                </a:lnTo>
                <a:lnTo>
                  <a:pt x="481" y="204"/>
                </a:lnTo>
                <a:lnTo>
                  <a:pt x="497" y="177"/>
                </a:lnTo>
                <a:lnTo>
                  <a:pt x="530" y="199"/>
                </a:lnTo>
                <a:lnTo>
                  <a:pt x="564" y="183"/>
                </a:lnTo>
                <a:lnTo>
                  <a:pt x="571" y="165"/>
                </a:lnTo>
                <a:lnTo>
                  <a:pt x="596" y="166"/>
                </a:lnTo>
                <a:lnTo>
                  <a:pt x="614" y="192"/>
                </a:lnTo>
                <a:lnTo>
                  <a:pt x="632" y="192"/>
                </a:lnTo>
                <a:lnTo>
                  <a:pt x="638" y="175"/>
                </a:lnTo>
                <a:lnTo>
                  <a:pt x="614" y="152"/>
                </a:lnTo>
                <a:lnTo>
                  <a:pt x="622" y="109"/>
                </a:lnTo>
                <a:lnTo>
                  <a:pt x="631" y="72"/>
                </a:lnTo>
                <a:lnTo>
                  <a:pt x="654" y="80"/>
                </a:lnTo>
                <a:lnTo>
                  <a:pt x="663" y="65"/>
                </a:lnTo>
                <a:lnTo>
                  <a:pt x="705" y="65"/>
                </a:lnTo>
                <a:lnTo>
                  <a:pt x="732" y="67"/>
                </a:lnTo>
                <a:lnTo>
                  <a:pt x="734" y="34"/>
                </a:lnTo>
                <a:lnTo>
                  <a:pt x="804" y="4"/>
                </a:lnTo>
                <a:lnTo>
                  <a:pt x="853" y="0"/>
                </a:lnTo>
                <a:lnTo>
                  <a:pt x="866" y="0"/>
                </a:lnTo>
                <a:lnTo>
                  <a:pt x="929" y="38"/>
                </a:lnTo>
                <a:lnTo>
                  <a:pt x="898" y="67"/>
                </a:lnTo>
                <a:lnTo>
                  <a:pt x="938" y="109"/>
                </a:lnTo>
                <a:lnTo>
                  <a:pt x="981" y="98"/>
                </a:lnTo>
                <a:lnTo>
                  <a:pt x="981" y="743"/>
                </a:lnTo>
                <a:lnTo>
                  <a:pt x="943" y="743"/>
                </a:lnTo>
                <a:lnTo>
                  <a:pt x="947" y="717"/>
                </a:lnTo>
                <a:lnTo>
                  <a:pt x="905" y="703"/>
                </a:lnTo>
                <a:lnTo>
                  <a:pt x="871" y="716"/>
                </a:lnTo>
                <a:lnTo>
                  <a:pt x="833" y="732"/>
                </a:lnTo>
                <a:lnTo>
                  <a:pt x="826" y="800"/>
                </a:lnTo>
                <a:lnTo>
                  <a:pt x="779" y="858"/>
                </a:lnTo>
                <a:lnTo>
                  <a:pt x="773" y="887"/>
                </a:lnTo>
                <a:lnTo>
                  <a:pt x="779" y="922"/>
                </a:lnTo>
                <a:lnTo>
                  <a:pt x="741" y="902"/>
                </a:lnTo>
                <a:lnTo>
                  <a:pt x="705" y="922"/>
                </a:lnTo>
                <a:lnTo>
                  <a:pt x="660" y="938"/>
                </a:lnTo>
                <a:lnTo>
                  <a:pt x="658" y="909"/>
                </a:lnTo>
                <a:lnTo>
                  <a:pt x="661" y="878"/>
                </a:lnTo>
                <a:lnTo>
                  <a:pt x="688" y="822"/>
                </a:lnTo>
                <a:lnTo>
                  <a:pt x="665" y="795"/>
                </a:lnTo>
                <a:lnTo>
                  <a:pt x="725" y="788"/>
                </a:lnTo>
                <a:lnTo>
                  <a:pt x="775" y="779"/>
                </a:lnTo>
                <a:lnTo>
                  <a:pt x="764" y="748"/>
                </a:lnTo>
                <a:lnTo>
                  <a:pt x="723" y="707"/>
                </a:lnTo>
                <a:lnTo>
                  <a:pt x="690" y="667"/>
                </a:lnTo>
                <a:lnTo>
                  <a:pt x="665" y="676"/>
                </a:lnTo>
                <a:lnTo>
                  <a:pt x="647" y="660"/>
                </a:lnTo>
                <a:lnTo>
                  <a:pt x="640" y="611"/>
                </a:lnTo>
                <a:lnTo>
                  <a:pt x="573" y="595"/>
                </a:lnTo>
                <a:lnTo>
                  <a:pt x="522" y="593"/>
                </a:lnTo>
                <a:lnTo>
                  <a:pt x="483" y="576"/>
                </a:lnTo>
                <a:lnTo>
                  <a:pt x="454" y="602"/>
                </a:lnTo>
                <a:lnTo>
                  <a:pt x="405" y="613"/>
                </a:lnTo>
                <a:lnTo>
                  <a:pt x="374" y="649"/>
                </a:lnTo>
                <a:lnTo>
                  <a:pt x="358" y="676"/>
                </a:lnTo>
                <a:lnTo>
                  <a:pt x="287" y="692"/>
                </a:lnTo>
                <a:lnTo>
                  <a:pt x="271" y="725"/>
                </a:lnTo>
                <a:lnTo>
                  <a:pt x="235" y="699"/>
                </a:lnTo>
                <a:lnTo>
                  <a:pt x="181" y="710"/>
                </a:lnTo>
                <a:lnTo>
                  <a:pt x="98" y="705"/>
                </a:lnTo>
                <a:lnTo>
                  <a:pt x="72" y="728"/>
                </a:lnTo>
                <a:lnTo>
                  <a:pt x="54" y="707"/>
                </a:lnTo>
                <a:lnTo>
                  <a:pt x="0" y="676"/>
                </a:lnTo>
                <a:lnTo>
                  <a:pt x="11" y="640"/>
                </a:lnTo>
                <a:lnTo>
                  <a:pt x="9" y="607"/>
                </a:lnTo>
                <a:lnTo>
                  <a:pt x="44" y="598"/>
                </a:lnTo>
                <a:lnTo>
                  <a:pt x="33" y="587"/>
                </a:lnTo>
                <a:lnTo>
                  <a:pt x="13" y="553"/>
                </a:lnTo>
                <a:lnTo>
                  <a:pt x="20" y="526"/>
                </a:lnTo>
                <a:lnTo>
                  <a:pt x="85" y="430"/>
                </a:lnTo>
                <a:lnTo>
                  <a:pt x="112" y="412"/>
                </a:lnTo>
                <a:lnTo>
                  <a:pt x="116" y="399"/>
                </a:lnTo>
                <a:lnTo>
                  <a:pt x="91" y="374"/>
                </a:lnTo>
                <a:lnTo>
                  <a:pt x="107" y="356"/>
                </a:lnTo>
                <a:lnTo>
                  <a:pt x="53" y="331"/>
                </a:lnTo>
                <a:lnTo>
                  <a:pt x="53" y="305"/>
                </a:lnTo>
                <a:lnTo>
                  <a:pt x="29" y="27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3" name="Moldova"/>
          <p:cNvSpPr>
            <a:spLocks/>
          </p:cNvSpPr>
          <p:nvPr/>
        </p:nvSpPr>
        <p:spPr bwMode="auto">
          <a:xfrm>
            <a:off x="11247963" y="4267200"/>
            <a:ext cx="625475" cy="568325"/>
          </a:xfrm>
          <a:custGeom>
            <a:avLst/>
            <a:gdLst>
              <a:gd name="T0" fmla="*/ 13 w 218"/>
              <a:gd name="T1" fmla="*/ 20 h 198"/>
              <a:gd name="T2" fmla="*/ 40 w 218"/>
              <a:gd name="T3" fmla="*/ 14 h 198"/>
              <a:gd name="T4" fmla="*/ 56 w 218"/>
              <a:gd name="T5" fmla="*/ 0 h 198"/>
              <a:gd name="T6" fmla="*/ 78 w 218"/>
              <a:gd name="T7" fmla="*/ 9 h 198"/>
              <a:gd name="T8" fmla="*/ 106 w 218"/>
              <a:gd name="T9" fmla="*/ 10 h 198"/>
              <a:gd name="T10" fmla="*/ 143 w 218"/>
              <a:gd name="T11" fmla="*/ 19 h 198"/>
              <a:gd name="T12" fmla="*/ 150 w 218"/>
              <a:gd name="T13" fmla="*/ 48 h 198"/>
              <a:gd name="T14" fmla="*/ 152 w 218"/>
              <a:gd name="T15" fmla="*/ 50 h 198"/>
              <a:gd name="T16" fmla="*/ 171 w 218"/>
              <a:gd name="T17" fmla="*/ 50 h 198"/>
              <a:gd name="T18" fmla="*/ 207 w 218"/>
              <a:gd name="T19" fmla="*/ 90 h 198"/>
              <a:gd name="T20" fmla="*/ 212 w 218"/>
              <a:gd name="T21" fmla="*/ 95 h 198"/>
              <a:gd name="T22" fmla="*/ 218 w 218"/>
              <a:gd name="T23" fmla="*/ 112 h 198"/>
              <a:gd name="T24" fmla="*/ 187 w 218"/>
              <a:gd name="T25" fmla="*/ 123 h 198"/>
              <a:gd name="T26" fmla="*/ 157 w 218"/>
              <a:gd name="T27" fmla="*/ 121 h 198"/>
              <a:gd name="T28" fmla="*/ 170 w 218"/>
              <a:gd name="T29" fmla="*/ 136 h 198"/>
              <a:gd name="T30" fmla="*/ 155 w 218"/>
              <a:gd name="T31" fmla="*/ 167 h 198"/>
              <a:gd name="T32" fmla="*/ 153 w 218"/>
              <a:gd name="T33" fmla="*/ 184 h 198"/>
              <a:gd name="T34" fmla="*/ 154 w 218"/>
              <a:gd name="T35" fmla="*/ 198 h 198"/>
              <a:gd name="T36" fmla="*/ 139 w 218"/>
              <a:gd name="T37" fmla="*/ 191 h 198"/>
              <a:gd name="T38" fmla="*/ 118 w 218"/>
              <a:gd name="T39" fmla="*/ 164 h 198"/>
              <a:gd name="T40" fmla="*/ 120 w 218"/>
              <a:gd name="T41" fmla="*/ 121 h 198"/>
              <a:gd name="T42" fmla="*/ 76 w 218"/>
              <a:gd name="T43" fmla="*/ 85 h 198"/>
              <a:gd name="T44" fmla="*/ 49 w 218"/>
              <a:gd name="T45" fmla="*/ 63 h 198"/>
              <a:gd name="T46" fmla="*/ 29 w 218"/>
              <a:gd name="T47" fmla="*/ 28 h 198"/>
              <a:gd name="T48" fmla="*/ 0 w 218"/>
              <a:gd name="T49" fmla="*/ 35 h 198"/>
              <a:gd name="T50" fmla="*/ 13 w 218"/>
              <a:gd name="T51" fmla="*/ 20 h 1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218" h="198">
                <a:moveTo>
                  <a:pt x="13" y="20"/>
                </a:moveTo>
                <a:cubicBezTo>
                  <a:pt x="40" y="14"/>
                  <a:pt x="40" y="14"/>
                  <a:pt x="40" y="14"/>
                </a:cubicBezTo>
                <a:cubicBezTo>
                  <a:pt x="56" y="0"/>
                  <a:pt x="56" y="0"/>
                  <a:pt x="56" y="0"/>
                </a:cubicBezTo>
                <a:cubicBezTo>
                  <a:pt x="78" y="9"/>
                  <a:pt x="78" y="9"/>
                  <a:pt x="78" y="9"/>
                </a:cubicBezTo>
                <a:cubicBezTo>
                  <a:pt x="106" y="10"/>
                  <a:pt x="106" y="10"/>
                  <a:pt x="106" y="1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0" y="48"/>
                  <a:pt x="150" y="48"/>
                  <a:pt x="150" y="48"/>
                </a:cubicBezTo>
                <a:cubicBezTo>
                  <a:pt x="152" y="50"/>
                  <a:pt x="152" y="50"/>
                  <a:pt x="152" y="50"/>
                </a:cubicBezTo>
                <a:cubicBezTo>
                  <a:pt x="171" y="50"/>
                  <a:pt x="171" y="50"/>
                  <a:pt x="171" y="50"/>
                </a:cubicBezTo>
                <a:cubicBezTo>
                  <a:pt x="207" y="90"/>
                  <a:pt x="207" y="90"/>
                  <a:pt x="207" y="90"/>
                </a:cubicBezTo>
                <a:cubicBezTo>
                  <a:pt x="212" y="95"/>
                  <a:pt x="212" y="95"/>
                  <a:pt x="212" y="95"/>
                </a:cubicBezTo>
                <a:cubicBezTo>
                  <a:pt x="218" y="112"/>
                  <a:pt x="218" y="112"/>
                  <a:pt x="218" y="112"/>
                </a:cubicBezTo>
                <a:cubicBezTo>
                  <a:pt x="187" y="123"/>
                  <a:pt x="187" y="123"/>
                  <a:pt x="187" y="123"/>
                </a:cubicBezTo>
                <a:cubicBezTo>
                  <a:pt x="157" y="121"/>
                  <a:pt x="157" y="121"/>
                  <a:pt x="157" y="121"/>
                </a:cubicBezTo>
                <a:cubicBezTo>
                  <a:pt x="170" y="136"/>
                  <a:pt x="170" y="136"/>
                  <a:pt x="170" y="136"/>
                </a:cubicBezTo>
                <a:cubicBezTo>
                  <a:pt x="155" y="167"/>
                  <a:pt x="155" y="167"/>
                  <a:pt x="155" y="167"/>
                </a:cubicBezTo>
                <a:cubicBezTo>
                  <a:pt x="153" y="184"/>
                  <a:pt x="153" y="184"/>
                  <a:pt x="153" y="184"/>
                </a:cubicBezTo>
                <a:cubicBezTo>
                  <a:pt x="154" y="198"/>
                  <a:pt x="154" y="198"/>
                  <a:pt x="154" y="198"/>
                </a:cubicBezTo>
                <a:cubicBezTo>
                  <a:pt x="139" y="191"/>
                  <a:pt x="139" y="191"/>
                  <a:pt x="139" y="191"/>
                </a:cubicBezTo>
                <a:cubicBezTo>
                  <a:pt x="118" y="164"/>
                  <a:pt x="118" y="164"/>
                  <a:pt x="118" y="164"/>
                </a:cubicBezTo>
                <a:cubicBezTo>
                  <a:pt x="120" y="121"/>
                  <a:pt x="120" y="121"/>
                  <a:pt x="120" y="121"/>
                </a:cubicBezTo>
                <a:cubicBezTo>
                  <a:pt x="76" y="85"/>
                  <a:pt x="76" y="85"/>
                  <a:pt x="76" y="85"/>
                </a:cubicBezTo>
                <a:cubicBezTo>
                  <a:pt x="76" y="85"/>
                  <a:pt x="49" y="67"/>
                  <a:pt x="49" y="63"/>
                </a:cubicBezTo>
                <a:cubicBezTo>
                  <a:pt x="48" y="59"/>
                  <a:pt x="29" y="28"/>
                  <a:pt x="29" y="28"/>
                </a:cubicBezTo>
                <a:cubicBezTo>
                  <a:pt x="0" y="35"/>
                  <a:pt x="0" y="35"/>
                  <a:pt x="0" y="35"/>
                </a:cubicBezTo>
                <a:lnTo>
                  <a:pt x="13" y="2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4" name="Austria"/>
          <p:cNvSpPr>
            <a:spLocks/>
          </p:cNvSpPr>
          <p:nvPr/>
        </p:nvSpPr>
        <p:spPr bwMode="auto">
          <a:xfrm>
            <a:off x="8801626" y="4425950"/>
            <a:ext cx="1112838" cy="508000"/>
          </a:xfrm>
          <a:custGeom>
            <a:avLst/>
            <a:gdLst>
              <a:gd name="T0" fmla="*/ 400 w 701"/>
              <a:gd name="T1" fmla="*/ 45 h 320"/>
              <a:gd name="T2" fmla="*/ 421 w 701"/>
              <a:gd name="T3" fmla="*/ 63 h 320"/>
              <a:gd name="T4" fmla="*/ 447 w 701"/>
              <a:gd name="T5" fmla="*/ 63 h 320"/>
              <a:gd name="T6" fmla="*/ 479 w 701"/>
              <a:gd name="T7" fmla="*/ 63 h 320"/>
              <a:gd name="T8" fmla="*/ 508 w 701"/>
              <a:gd name="T9" fmla="*/ 0 h 320"/>
              <a:gd name="T10" fmla="*/ 526 w 701"/>
              <a:gd name="T11" fmla="*/ 16 h 320"/>
              <a:gd name="T12" fmla="*/ 548 w 701"/>
              <a:gd name="T13" fmla="*/ 12 h 320"/>
              <a:gd name="T14" fmla="*/ 595 w 701"/>
              <a:gd name="T15" fmla="*/ 31 h 320"/>
              <a:gd name="T16" fmla="*/ 653 w 701"/>
              <a:gd name="T17" fmla="*/ 18 h 320"/>
              <a:gd name="T18" fmla="*/ 678 w 701"/>
              <a:gd name="T19" fmla="*/ 31 h 320"/>
              <a:gd name="T20" fmla="*/ 672 w 701"/>
              <a:gd name="T21" fmla="*/ 78 h 320"/>
              <a:gd name="T22" fmla="*/ 701 w 701"/>
              <a:gd name="T23" fmla="*/ 101 h 320"/>
              <a:gd name="T24" fmla="*/ 701 w 701"/>
              <a:gd name="T25" fmla="*/ 155 h 320"/>
              <a:gd name="T26" fmla="*/ 634 w 701"/>
              <a:gd name="T27" fmla="*/ 159 h 320"/>
              <a:gd name="T28" fmla="*/ 649 w 701"/>
              <a:gd name="T29" fmla="*/ 184 h 320"/>
              <a:gd name="T30" fmla="*/ 636 w 701"/>
              <a:gd name="T31" fmla="*/ 213 h 320"/>
              <a:gd name="T32" fmla="*/ 654 w 701"/>
              <a:gd name="T33" fmla="*/ 233 h 320"/>
              <a:gd name="T34" fmla="*/ 618 w 701"/>
              <a:gd name="T35" fmla="*/ 278 h 320"/>
              <a:gd name="T36" fmla="*/ 564 w 701"/>
              <a:gd name="T37" fmla="*/ 296 h 320"/>
              <a:gd name="T38" fmla="*/ 517 w 701"/>
              <a:gd name="T39" fmla="*/ 282 h 320"/>
              <a:gd name="T40" fmla="*/ 488 w 701"/>
              <a:gd name="T41" fmla="*/ 320 h 320"/>
              <a:gd name="T42" fmla="*/ 410 w 701"/>
              <a:gd name="T43" fmla="*/ 314 h 320"/>
              <a:gd name="T44" fmla="*/ 326 w 701"/>
              <a:gd name="T45" fmla="*/ 302 h 320"/>
              <a:gd name="T46" fmla="*/ 264 w 701"/>
              <a:gd name="T47" fmla="*/ 289 h 320"/>
              <a:gd name="T48" fmla="*/ 259 w 701"/>
              <a:gd name="T49" fmla="*/ 246 h 320"/>
              <a:gd name="T50" fmla="*/ 235 w 701"/>
              <a:gd name="T51" fmla="*/ 262 h 320"/>
              <a:gd name="T52" fmla="*/ 159 w 701"/>
              <a:gd name="T53" fmla="*/ 264 h 320"/>
              <a:gd name="T54" fmla="*/ 150 w 701"/>
              <a:gd name="T55" fmla="*/ 291 h 320"/>
              <a:gd name="T56" fmla="*/ 125 w 701"/>
              <a:gd name="T57" fmla="*/ 282 h 320"/>
              <a:gd name="T58" fmla="*/ 112 w 701"/>
              <a:gd name="T59" fmla="*/ 260 h 320"/>
              <a:gd name="T60" fmla="*/ 94 w 701"/>
              <a:gd name="T61" fmla="*/ 283 h 320"/>
              <a:gd name="T62" fmla="*/ 47 w 701"/>
              <a:gd name="T63" fmla="*/ 282 h 320"/>
              <a:gd name="T64" fmla="*/ 24 w 701"/>
              <a:gd name="T65" fmla="*/ 269 h 320"/>
              <a:gd name="T66" fmla="*/ 0 w 701"/>
              <a:gd name="T67" fmla="*/ 247 h 320"/>
              <a:gd name="T68" fmla="*/ 20 w 701"/>
              <a:gd name="T69" fmla="*/ 222 h 320"/>
              <a:gd name="T70" fmla="*/ 11 w 701"/>
              <a:gd name="T71" fmla="*/ 202 h 320"/>
              <a:gd name="T72" fmla="*/ 51 w 701"/>
              <a:gd name="T73" fmla="*/ 199 h 320"/>
              <a:gd name="T74" fmla="*/ 73 w 701"/>
              <a:gd name="T75" fmla="*/ 233 h 320"/>
              <a:gd name="T76" fmla="*/ 102 w 701"/>
              <a:gd name="T77" fmla="*/ 195 h 320"/>
              <a:gd name="T78" fmla="*/ 129 w 701"/>
              <a:gd name="T79" fmla="*/ 199 h 320"/>
              <a:gd name="T80" fmla="*/ 152 w 701"/>
              <a:gd name="T81" fmla="*/ 220 h 320"/>
              <a:gd name="T82" fmla="*/ 217 w 701"/>
              <a:gd name="T83" fmla="*/ 186 h 320"/>
              <a:gd name="T84" fmla="*/ 259 w 701"/>
              <a:gd name="T85" fmla="*/ 168 h 320"/>
              <a:gd name="T86" fmla="*/ 317 w 701"/>
              <a:gd name="T87" fmla="*/ 202 h 320"/>
              <a:gd name="T88" fmla="*/ 318 w 701"/>
              <a:gd name="T89" fmla="*/ 181 h 320"/>
              <a:gd name="T90" fmla="*/ 329 w 701"/>
              <a:gd name="T91" fmla="*/ 153 h 320"/>
              <a:gd name="T92" fmla="*/ 307 w 701"/>
              <a:gd name="T93" fmla="*/ 128 h 320"/>
              <a:gd name="T94" fmla="*/ 356 w 701"/>
              <a:gd name="T95" fmla="*/ 97 h 320"/>
              <a:gd name="T96" fmla="*/ 360 w 701"/>
              <a:gd name="T97" fmla="*/ 81 h 320"/>
              <a:gd name="T98" fmla="*/ 400 w 701"/>
              <a:gd name="T99" fmla="*/ 70 h 320"/>
              <a:gd name="T100" fmla="*/ 400 w 701"/>
              <a:gd name="T101" fmla="*/ 45 h 3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701" h="320">
                <a:moveTo>
                  <a:pt x="400" y="45"/>
                </a:moveTo>
                <a:lnTo>
                  <a:pt x="421" y="63"/>
                </a:lnTo>
                <a:lnTo>
                  <a:pt x="447" y="63"/>
                </a:lnTo>
                <a:lnTo>
                  <a:pt x="479" y="63"/>
                </a:lnTo>
                <a:lnTo>
                  <a:pt x="508" y="0"/>
                </a:lnTo>
                <a:lnTo>
                  <a:pt x="526" y="16"/>
                </a:lnTo>
                <a:lnTo>
                  <a:pt x="548" y="12"/>
                </a:lnTo>
                <a:lnTo>
                  <a:pt x="595" y="31"/>
                </a:lnTo>
                <a:lnTo>
                  <a:pt x="653" y="18"/>
                </a:lnTo>
                <a:lnTo>
                  <a:pt x="678" y="31"/>
                </a:lnTo>
                <a:lnTo>
                  <a:pt x="672" y="78"/>
                </a:lnTo>
                <a:lnTo>
                  <a:pt x="701" y="101"/>
                </a:lnTo>
                <a:lnTo>
                  <a:pt x="701" y="155"/>
                </a:lnTo>
                <a:lnTo>
                  <a:pt x="634" y="159"/>
                </a:lnTo>
                <a:lnTo>
                  <a:pt x="649" y="184"/>
                </a:lnTo>
                <a:lnTo>
                  <a:pt x="636" y="213"/>
                </a:lnTo>
                <a:lnTo>
                  <a:pt x="654" y="233"/>
                </a:lnTo>
                <a:lnTo>
                  <a:pt x="618" y="278"/>
                </a:lnTo>
                <a:lnTo>
                  <a:pt x="564" y="296"/>
                </a:lnTo>
                <a:lnTo>
                  <a:pt x="517" y="282"/>
                </a:lnTo>
                <a:lnTo>
                  <a:pt x="488" y="320"/>
                </a:lnTo>
                <a:lnTo>
                  <a:pt x="410" y="314"/>
                </a:lnTo>
                <a:lnTo>
                  <a:pt x="326" y="302"/>
                </a:lnTo>
                <a:lnTo>
                  <a:pt x="264" y="289"/>
                </a:lnTo>
                <a:lnTo>
                  <a:pt x="259" y="246"/>
                </a:lnTo>
                <a:lnTo>
                  <a:pt x="235" y="262"/>
                </a:lnTo>
                <a:lnTo>
                  <a:pt x="159" y="264"/>
                </a:lnTo>
                <a:lnTo>
                  <a:pt x="150" y="291"/>
                </a:lnTo>
                <a:lnTo>
                  <a:pt x="125" y="282"/>
                </a:lnTo>
                <a:lnTo>
                  <a:pt x="112" y="260"/>
                </a:lnTo>
                <a:lnTo>
                  <a:pt x="94" y="283"/>
                </a:lnTo>
                <a:lnTo>
                  <a:pt x="47" y="282"/>
                </a:lnTo>
                <a:lnTo>
                  <a:pt x="24" y="269"/>
                </a:lnTo>
                <a:lnTo>
                  <a:pt x="0" y="247"/>
                </a:lnTo>
                <a:lnTo>
                  <a:pt x="20" y="222"/>
                </a:lnTo>
                <a:lnTo>
                  <a:pt x="11" y="202"/>
                </a:lnTo>
                <a:lnTo>
                  <a:pt x="51" y="199"/>
                </a:lnTo>
                <a:lnTo>
                  <a:pt x="73" y="233"/>
                </a:lnTo>
                <a:lnTo>
                  <a:pt x="102" y="195"/>
                </a:lnTo>
                <a:lnTo>
                  <a:pt x="129" y="199"/>
                </a:lnTo>
                <a:lnTo>
                  <a:pt x="152" y="220"/>
                </a:lnTo>
                <a:lnTo>
                  <a:pt x="217" y="186"/>
                </a:lnTo>
                <a:lnTo>
                  <a:pt x="259" y="168"/>
                </a:lnTo>
                <a:lnTo>
                  <a:pt x="317" y="202"/>
                </a:lnTo>
                <a:lnTo>
                  <a:pt x="318" y="181"/>
                </a:lnTo>
                <a:lnTo>
                  <a:pt x="329" y="153"/>
                </a:lnTo>
                <a:lnTo>
                  <a:pt x="307" y="128"/>
                </a:lnTo>
                <a:lnTo>
                  <a:pt x="356" y="97"/>
                </a:lnTo>
                <a:lnTo>
                  <a:pt x="360" y="81"/>
                </a:lnTo>
                <a:lnTo>
                  <a:pt x="400" y="70"/>
                </a:lnTo>
                <a:lnTo>
                  <a:pt x="400" y="4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25" name="Italy"/>
          <p:cNvGrpSpPr>
            <a:grpSpLocks/>
          </p:cNvGrpSpPr>
          <p:nvPr/>
        </p:nvGrpSpPr>
        <p:grpSpPr>
          <a:xfrm>
            <a:off x="8377763" y="4816475"/>
            <a:ext cx="1935163" cy="2041526"/>
            <a:chOff x="8398783" y="4816475"/>
            <a:chExt cx="1935163" cy="2041526"/>
          </a:xfrm>
          <a:solidFill>
            <a:schemeClr val="accent3"/>
          </a:solidFill>
        </p:grpSpPr>
        <p:sp>
          <p:nvSpPr>
            <p:cNvPr id="26" name="Italy"/>
            <p:cNvSpPr>
              <a:spLocks/>
            </p:cNvSpPr>
            <p:nvPr/>
          </p:nvSpPr>
          <p:spPr bwMode="auto">
            <a:xfrm>
              <a:off x="8398783" y="4816475"/>
              <a:ext cx="1935163" cy="1749425"/>
            </a:xfrm>
            <a:custGeom>
              <a:avLst/>
              <a:gdLst>
                <a:gd name="T0" fmla="*/ 121 w 1219"/>
                <a:gd name="T1" fmla="*/ 410 h 1102"/>
                <a:gd name="T2" fmla="*/ 94 w 1219"/>
                <a:gd name="T3" fmla="*/ 348 h 1102"/>
                <a:gd name="T4" fmla="*/ 25 w 1219"/>
                <a:gd name="T5" fmla="*/ 278 h 1102"/>
                <a:gd name="T6" fmla="*/ 42 w 1219"/>
                <a:gd name="T7" fmla="*/ 196 h 1102"/>
                <a:gd name="T8" fmla="*/ 25 w 1219"/>
                <a:gd name="T9" fmla="*/ 151 h 1102"/>
                <a:gd name="T10" fmla="*/ 163 w 1219"/>
                <a:gd name="T11" fmla="*/ 92 h 1102"/>
                <a:gd name="T12" fmla="*/ 208 w 1219"/>
                <a:gd name="T13" fmla="*/ 122 h 1102"/>
                <a:gd name="T14" fmla="*/ 229 w 1219"/>
                <a:gd name="T15" fmla="*/ 164 h 1102"/>
                <a:gd name="T16" fmla="*/ 224 w 1219"/>
                <a:gd name="T17" fmla="*/ 137 h 1102"/>
                <a:gd name="T18" fmla="*/ 253 w 1219"/>
                <a:gd name="T19" fmla="*/ 83 h 1102"/>
                <a:gd name="T20" fmla="*/ 280 w 1219"/>
                <a:gd name="T21" fmla="*/ 108 h 1102"/>
                <a:gd name="T22" fmla="*/ 331 w 1219"/>
                <a:gd name="T23" fmla="*/ 124 h 1102"/>
                <a:gd name="T24" fmla="*/ 325 w 1219"/>
                <a:gd name="T25" fmla="*/ 74 h 1102"/>
                <a:gd name="T26" fmla="*/ 369 w 1219"/>
                <a:gd name="T27" fmla="*/ 83 h 1102"/>
                <a:gd name="T28" fmla="*/ 392 w 1219"/>
                <a:gd name="T29" fmla="*/ 36 h 1102"/>
                <a:gd name="T30" fmla="*/ 426 w 1219"/>
                <a:gd name="T31" fmla="*/ 18 h 1102"/>
                <a:gd name="T32" fmla="*/ 526 w 1219"/>
                <a:gd name="T33" fmla="*/ 0 h 1102"/>
                <a:gd name="T34" fmla="*/ 593 w 1219"/>
                <a:gd name="T35" fmla="*/ 56 h 1102"/>
                <a:gd name="T36" fmla="*/ 638 w 1219"/>
                <a:gd name="T37" fmla="*/ 92 h 1102"/>
                <a:gd name="T38" fmla="*/ 656 w 1219"/>
                <a:gd name="T39" fmla="*/ 133 h 1102"/>
                <a:gd name="T40" fmla="*/ 679 w 1219"/>
                <a:gd name="T41" fmla="*/ 195 h 1102"/>
                <a:gd name="T42" fmla="*/ 650 w 1219"/>
                <a:gd name="T43" fmla="*/ 171 h 1102"/>
                <a:gd name="T44" fmla="*/ 612 w 1219"/>
                <a:gd name="T45" fmla="*/ 186 h 1102"/>
                <a:gd name="T46" fmla="*/ 535 w 1219"/>
                <a:gd name="T47" fmla="*/ 206 h 1102"/>
                <a:gd name="T48" fmla="*/ 565 w 1219"/>
                <a:gd name="T49" fmla="*/ 290 h 1102"/>
                <a:gd name="T50" fmla="*/ 556 w 1219"/>
                <a:gd name="T51" fmla="*/ 355 h 1102"/>
                <a:gd name="T52" fmla="*/ 679 w 1219"/>
                <a:gd name="T53" fmla="*/ 421 h 1102"/>
                <a:gd name="T54" fmla="*/ 784 w 1219"/>
                <a:gd name="T55" fmla="*/ 589 h 1102"/>
                <a:gd name="T56" fmla="*/ 822 w 1219"/>
                <a:gd name="T57" fmla="*/ 617 h 1102"/>
                <a:gd name="T58" fmla="*/ 927 w 1219"/>
                <a:gd name="T59" fmla="*/ 617 h 1102"/>
                <a:gd name="T60" fmla="*/ 952 w 1219"/>
                <a:gd name="T61" fmla="*/ 612 h 1102"/>
                <a:gd name="T62" fmla="*/ 927 w 1219"/>
                <a:gd name="T63" fmla="*/ 661 h 1102"/>
                <a:gd name="T64" fmla="*/ 1004 w 1219"/>
                <a:gd name="T65" fmla="*/ 697 h 1102"/>
                <a:gd name="T66" fmla="*/ 1073 w 1219"/>
                <a:gd name="T67" fmla="*/ 711 h 1102"/>
                <a:gd name="T68" fmla="*/ 1158 w 1219"/>
                <a:gd name="T69" fmla="*/ 746 h 1102"/>
                <a:gd name="T70" fmla="*/ 1207 w 1219"/>
                <a:gd name="T71" fmla="*/ 784 h 1102"/>
                <a:gd name="T72" fmla="*/ 1203 w 1219"/>
                <a:gd name="T73" fmla="*/ 851 h 1102"/>
                <a:gd name="T74" fmla="*/ 1162 w 1219"/>
                <a:gd name="T75" fmla="*/ 800 h 1102"/>
                <a:gd name="T76" fmla="*/ 1089 w 1219"/>
                <a:gd name="T77" fmla="*/ 791 h 1102"/>
                <a:gd name="T78" fmla="*/ 1019 w 1219"/>
                <a:gd name="T79" fmla="*/ 831 h 1102"/>
                <a:gd name="T80" fmla="*/ 1008 w 1219"/>
                <a:gd name="T81" fmla="*/ 869 h 1102"/>
                <a:gd name="T82" fmla="*/ 1039 w 1219"/>
                <a:gd name="T83" fmla="*/ 879 h 1102"/>
                <a:gd name="T84" fmla="*/ 1084 w 1219"/>
                <a:gd name="T85" fmla="*/ 930 h 1102"/>
                <a:gd name="T86" fmla="*/ 1089 w 1219"/>
                <a:gd name="T87" fmla="*/ 963 h 1102"/>
                <a:gd name="T88" fmla="*/ 1028 w 1219"/>
                <a:gd name="T89" fmla="*/ 1024 h 1102"/>
                <a:gd name="T90" fmla="*/ 981 w 1219"/>
                <a:gd name="T91" fmla="*/ 1102 h 1102"/>
                <a:gd name="T92" fmla="*/ 925 w 1219"/>
                <a:gd name="T93" fmla="*/ 1062 h 1102"/>
                <a:gd name="T94" fmla="*/ 950 w 1219"/>
                <a:gd name="T95" fmla="*/ 999 h 1102"/>
                <a:gd name="T96" fmla="*/ 968 w 1219"/>
                <a:gd name="T97" fmla="*/ 950 h 1102"/>
                <a:gd name="T98" fmla="*/ 927 w 1219"/>
                <a:gd name="T99" fmla="*/ 845 h 1102"/>
                <a:gd name="T100" fmla="*/ 844 w 1219"/>
                <a:gd name="T101" fmla="*/ 822 h 1102"/>
                <a:gd name="T102" fmla="*/ 780 w 1219"/>
                <a:gd name="T103" fmla="*/ 787 h 1102"/>
                <a:gd name="T104" fmla="*/ 739 w 1219"/>
                <a:gd name="T105" fmla="*/ 766 h 1102"/>
                <a:gd name="T106" fmla="*/ 676 w 1219"/>
                <a:gd name="T107" fmla="*/ 711 h 1102"/>
                <a:gd name="T108" fmla="*/ 618 w 1219"/>
                <a:gd name="T109" fmla="*/ 693 h 1102"/>
                <a:gd name="T110" fmla="*/ 538 w 1219"/>
                <a:gd name="T111" fmla="*/ 646 h 1102"/>
                <a:gd name="T112" fmla="*/ 495 w 1219"/>
                <a:gd name="T113" fmla="*/ 607 h 1102"/>
                <a:gd name="T114" fmla="*/ 430 w 1219"/>
                <a:gd name="T115" fmla="*/ 581 h 1102"/>
                <a:gd name="T116" fmla="*/ 361 w 1219"/>
                <a:gd name="T117" fmla="*/ 505 h 1102"/>
                <a:gd name="T118" fmla="*/ 349 w 1219"/>
                <a:gd name="T119" fmla="*/ 430 h 1102"/>
                <a:gd name="T120" fmla="*/ 298 w 1219"/>
                <a:gd name="T121" fmla="*/ 383 h 1102"/>
                <a:gd name="T122" fmla="*/ 240 w 1219"/>
                <a:gd name="T123" fmla="*/ 352 h 1102"/>
                <a:gd name="T124" fmla="*/ 159 w 1219"/>
                <a:gd name="T125" fmla="*/ 352 h 1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1219" h="1102">
                  <a:moveTo>
                    <a:pt x="141" y="377"/>
                  </a:moveTo>
                  <a:lnTo>
                    <a:pt x="121" y="410"/>
                  </a:lnTo>
                  <a:lnTo>
                    <a:pt x="70" y="410"/>
                  </a:lnTo>
                  <a:lnTo>
                    <a:pt x="94" y="348"/>
                  </a:lnTo>
                  <a:lnTo>
                    <a:pt x="14" y="336"/>
                  </a:lnTo>
                  <a:lnTo>
                    <a:pt x="25" y="278"/>
                  </a:lnTo>
                  <a:lnTo>
                    <a:pt x="0" y="242"/>
                  </a:lnTo>
                  <a:lnTo>
                    <a:pt x="42" y="196"/>
                  </a:lnTo>
                  <a:lnTo>
                    <a:pt x="2" y="162"/>
                  </a:lnTo>
                  <a:lnTo>
                    <a:pt x="25" y="151"/>
                  </a:lnTo>
                  <a:lnTo>
                    <a:pt x="126" y="148"/>
                  </a:lnTo>
                  <a:lnTo>
                    <a:pt x="163" y="92"/>
                  </a:lnTo>
                  <a:lnTo>
                    <a:pt x="181" y="117"/>
                  </a:lnTo>
                  <a:lnTo>
                    <a:pt x="208" y="122"/>
                  </a:lnTo>
                  <a:lnTo>
                    <a:pt x="208" y="153"/>
                  </a:lnTo>
                  <a:lnTo>
                    <a:pt x="229" y="164"/>
                  </a:lnTo>
                  <a:lnTo>
                    <a:pt x="244" y="153"/>
                  </a:lnTo>
                  <a:lnTo>
                    <a:pt x="224" y="137"/>
                  </a:lnTo>
                  <a:lnTo>
                    <a:pt x="253" y="110"/>
                  </a:lnTo>
                  <a:lnTo>
                    <a:pt x="253" y="83"/>
                  </a:lnTo>
                  <a:lnTo>
                    <a:pt x="262" y="74"/>
                  </a:lnTo>
                  <a:lnTo>
                    <a:pt x="280" y="108"/>
                  </a:lnTo>
                  <a:lnTo>
                    <a:pt x="311" y="95"/>
                  </a:lnTo>
                  <a:lnTo>
                    <a:pt x="331" y="124"/>
                  </a:lnTo>
                  <a:lnTo>
                    <a:pt x="343" y="108"/>
                  </a:lnTo>
                  <a:lnTo>
                    <a:pt x="325" y="74"/>
                  </a:lnTo>
                  <a:lnTo>
                    <a:pt x="343" y="63"/>
                  </a:lnTo>
                  <a:lnTo>
                    <a:pt x="369" y="83"/>
                  </a:lnTo>
                  <a:lnTo>
                    <a:pt x="372" y="50"/>
                  </a:lnTo>
                  <a:lnTo>
                    <a:pt x="392" y="36"/>
                  </a:lnTo>
                  <a:lnTo>
                    <a:pt x="417" y="45"/>
                  </a:lnTo>
                  <a:lnTo>
                    <a:pt x="426" y="18"/>
                  </a:lnTo>
                  <a:lnTo>
                    <a:pt x="502" y="16"/>
                  </a:lnTo>
                  <a:lnTo>
                    <a:pt x="526" y="0"/>
                  </a:lnTo>
                  <a:lnTo>
                    <a:pt x="531" y="43"/>
                  </a:lnTo>
                  <a:lnTo>
                    <a:pt x="593" y="56"/>
                  </a:lnTo>
                  <a:lnTo>
                    <a:pt x="685" y="68"/>
                  </a:lnTo>
                  <a:lnTo>
                    <a:pt x="638" y="92"/>
                  </a:lnTo>
                  <a:lnTo>
                    <a:pt x="672" y="110"/>
                  </a:lnTo>
                  <a:lnTo>
                    <a:pt x="656" y="133"/>
                  </a:lnTo>
                  <a:lnTo>
                    <a:pt x="699" y="171"/>
                  </a:lnTo>
                  <a:lnTo>
                    <a:pt x="679" y="195"/>
                  </a:lnTo>
                  <a:lnTo>
                    <a:pt x="668" y="159"/>
                  </a:lnTo>
                  <a:lnTo>
                    <a:pt x="650" y="171"/>
                  </a:lnTo>
                  <a:lnTo>
                    <a:pt x="618" y="160"/>
                  </a:lnTo>
                  <a:lnTo>
                    <a:pt x="612" y="186"/>
                  </a:lnTo>
                  <a:lnTo>
                    <a:pt x="567" y="213"/>
                  </a:lnTo>
                  <a:lnTo>
                    <a:pt x="535" y="206"/>
                  </a:lnTo>
                  <a:lnTo>
                    <a:pt x="564" y="269"/>
                  </a:lnTo>
                  <a:lnTo>
                    <a:pt x="565" y="290"/>
                  </a:lnTo>
                  <a:lnTo>
                    <a:pt x="540" y="305"/>
                  </a:lnTo>
                  <a:lnTo>
                    <a:pt x="556" y="355"/>
                  </a:lnTo>
                  <a:lnTo>
                    <a:pt x="656" y="421"/>
                  </a:lnTo>
                  <a:lnTo>
                    <a:pt x="679" y="421"/>
                  </a:lnTo>
                  <a:lnTo>
                    <a:pt x="735" y="542"/>
                  </a:lnTo>
                  <a:lnTo>
                    <a:pt x="784" y="589"/>
                  </a:lnTo>
                  <a:lnTo>
                    <a:pt x="797" y="589"/>
                  </a:lnTo>
                  <a:lnTo>
                    <a:pt x="822" y="617"/>
                  </a:lnTo>
                  <a:lnTo>
                    <a:pt x="896" y="617"/>
                  </a:lnTo>
                  <a:lnTo>
                    <a:pt x="927" y="617"/>
                  </a:lnTo>
                  <a:lnTo>
                    <a:pt x="934" y="607"/>
                  </a:lnTo>
                  <a:lnTo>
                    <a:pt x="952" y="612"/>
                  </a:lnTo>
                  <a:lnTo>
                    <a:pt x="952" y="630"/>
                  </a:lnTo>
                  <a:lnTo>
                    <a:pt x="927" y="661"/>
                  </a:lnTo>
                  <a:lnTo>
                    <a:pt x="952" y="679"/>
                  </a:lnTo>
                  <a:lnTo>
                    <a:pt x="1004" y="697"/>
                  </a:lnTo>
                  <a:lnTo>
                    <a:pt x="1039" y="704"/>
                  </a:lnTo>
                  <a:lnTo>
                    <a:pt x="1073" y="711"/>
                  </a:lnTo>
                  <a:lnTo>
                    <a:pt x="1100" y="733"/>
                  </a:lnTo>
                  <a:lnTo>
                    <a:pt x="1158" y="746"/>
                  </a:lnTo>
                  <a:lnTo>
                    <a:pt x="1167" y="767"/>
                  </a:lnTo>
                  <a:lnTo>
                    <a:pt x="1207" y="784"/>
                  </a:lnTo>
                  <a:lnTo>
                    <a:pt x="1219" y="809"/>
                  </a:lnTo>
                  <a:lnTo>
                    <a:pt x="1203" y="851"/>
                  </a:lnTo>
                  <a:lnTo>
                    <a:pt x="1169" y="834"/>
                  </a:lnTo>
                  <a:lnTo>
                    <a:pt x="1162" y="800"/>
                  </a:lnTo>
                  <a:lnTo>
                    <a:pt x="1144" y="787"/>
                  </a:lnTo>
                  <a:lnTo>
                    <a:pt x="1089" y="791"/>
                  </a:lnTo>
                  <a:lnTo>
                    <a:pt x="1059" y="773"/>
                  </a:lnTo>
                  <a:lnTo>
                    <a:pt x="1019" y="831"/>
                  </a:lnTo>
                  <a:lnTo>
                    <a:pt x="1023" y="851"/>
                  </a:lnTo>
                  <a:lnTo>
                    <a:pt x="1008" y="869"/>
                  </a:lnTo>
                  <a:lnTo>
                    <a:pt x="1010" y="879"/>
                  </a:lnTo>
                  <a:lnTo>
                    <a:pt x="1039" y="879"/>
                  </a:lnTo>
                  <a:lnTo>
                    <a:pt x="1084" y="903"/>
                  </a:lnTo>
                  <a:lnTo>
                    <a:pt x="1084" y="930"/>
                  </a:lnTo>
                  <a:lnTo>
                    <a:pt x="1098" y="939"/>
                  </a:lnTo>
                  <a:lnTo>
                    <a:pt x="1089" y="963"/>
                  </a:lnTo>
                  <a:lnTo>
                    <a:pt x="1026" y="990"/>
                  </a:lnTo>
                  <a:lnTo>
                    <a:pt x="1028" y="1024"/>
                  </a:lnTo>
                  <a:lnTo>
                    <a:pt x="1004" y="1055"/>
                  </a:lnTo>
                  <a:lnTo>
                    <a:pt x="981" y="1102"/>
                  </a:lnTo>
                  <a:lnTo>
                    <a:pt x="950" y="1102"/>
                  </a:lnTo>
                  <a:lnTo>
                    <a:pt x="925" y="1062"/>
                  </a:lnTo>
                  <a:lnTo>
                    <a:pt x="954" y="1038"/>
                  </a:lnTo>
                  <a:lnTo>
                    <a:pt x="950" y="999"/>
                  </a:lnTo>
                  <a:lnTo>
                    <a:pt x="997" y="984"/>
                  </a:lnTo>
                  <a:lnTo>
                    <a:pt x="968" y="950"/>
                  </a:lnTo>
                  <a:lnTo>
                    <a:pt x="939" y="883"/>
                  </a:lnTo>
                  <a:lnTo>
                    <a:pt x="927" y="845"/>
                  </a:lnTo>
                  <a:lnTo>
                    <a:pt x="874" y="849"/>
                  </a:lnTo>
                  <a:lnTo>
                    <a:pt x="844" y="822"/>
                  </a:lnTo>
                  <a:lnTo>
                    <a:pt x="826" y="776"/>
                  </a:lnTo>
                  <a:lnTo>
                    <a:pt x="780" y="787"/>
                  </a:lnTo>
                  <a:lnTo>
                    <a:pt x="780" y="760"/>
                  </a:lnTo>
                  <a:lnTo>
                    <a:pt x="739" y="766"/>
                  </a:lnTo>
                  <a:lnTo>
                    <a:pt x="706" y="706"/>
                  </a:lnTo>
                  <a:lnTo>
                    <a:pt x="676" y="711"/>
                  </a:lnTo>
                  <a:lnTo>
                    <a:pt x="634" y="715"/>
                  </a:lnTo>
                  <a:lnTo>
                    <a:pt x="618" y="693"/>
                  </a:lnTo>
                  <a:lnTo>
                    <a:pt x="593" y="693"/>
                  </a:lnTo>
                  <a:lnTo>
                    <a:pt x="538" y="646"/>
                  </a:lnTo>
                  <a:lnTo>
                    <a:pt x="515" y="610"/>
                  </a:lnTo>
                  <a:lnTo>
                    <a:pt x="495" y="607"/>
                  </a:lnTo>
                  <a:lnTo>
                    <a:pt x="470" y="583"/>
                  </a:lnTo>
                  <a:lnTo>
                    <a:pt x="430" y="581"/>
                  </a:lnTo>
                  <a:lnTo>
                    <a:pt x="435" y="560"/>
                  </a:lnTo>
                  <a:lnTo>
                    <a:pt x="361" y="505"/>
                  </a:lnTo>
                  <a:lnTo>
                    <a:pt x="370" y="473"/>
                  </a:lnTo>
                  <a:lnTo>
                    <a:pt x="349" y="430"/>
                  </a:lnTo>
                  <a:lnTo>
                    <a:pt x="349" y="390"/>
                  </a:lnTo>
                  <a:lnTo>
                    <a:pt x="298" y="383"/>
                  </a:lnTo>
                  <a:lnTo>
                    <a:pt x="255" y="346"/>
                  </a:lnTo>
                  <a:lnTo>
                    <a:pt x="240" y="352"/>
                  </a:lnTo>
                  <a:lnTo>
                    <a:pt x="210" y="332"/>
                  </a:lnTo>
                  <a:lnTo>
                    <a:pt x="159" y="352"/>
                  </a:lnTo>
                  <a:lnTo>
                    <a:pt x="141" y="37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Italy"/>
            <p:cNvSpPr>
              <a:spLocks/>
            </p:cNvSpPr>
            <p:nvPr/>
          </p:nvSpPr>
          <p:spPr bwMode="auto">
            <a:xfrm>
              <a:off x="8740096" y="5691188"/>
              <a:ext cx="157163" cy="355600"/>
            </a:xfrm>
            <a:custGeom>
              <a:avLst/>
              <a:gdLst>
                <a:gd name="T0" fmla="*/ 42 w 99"/>
                <a:gd name="T1" fmla="*/ 50 h 224"/>
                <a:gd name="T2" fmla="*/ 52 w 99"/>
                <a:gd name="T3" fmla="*/ 18 h 224"/>
                <a:gd name="T4" fmla="*/ 63 w 99"/>
                <a:gd name="T5" fmla="*/ 0 h 224"/>
                <a:gd name="T6" fmla="*/ 63 w 99"/>
                <a:gd name="T7" fmla="*/ 50 h 224"/>
                <a:gd name="T8" fmla="*/ 99 w 99"/>
                <a:gd name="T9" fmla="*/ 103 h 224"/>
                <a:gd name="T10" fmla="*/ 85 w 99"/>
                <a:gd name="T11" fmla="*/ 144 h 224"/>
                <a:gd name="T12" fmla="*/ 99 w 99"/>
                <a:gd name="T13" fmla="*/ 164 h 224"/>
                <a:gd name="T14" fmla="*/ 85 w 99"/>
                <a:gd name="T15" fmla="*/ 224 h 224"/>
                <a:gd name="T16" fmla="*/ 52 w 99"/>
                <a:gd name="T17" fmla="*/ 193 h 224"/>
                <a:gd name="T18" fmla="*/ 42 w 99"/>
                <a:gd name="T19" fmla="*/ 169 h 224"/>
                <a:gd name="T20" fmla="*/ 14 w 99"/>
                <a:gd name="T21" fmla="*/ 162 h 224"/>
                <a:gd name="T22" fmla="*/ 14 w 99"/>
                <a:gd name="T23" fmla="*/ 121 h 224"/>
                <a:gd name="T24" fmla="*/ 0 w 99"/>
                <a:gd name="T25" fmla="*/ 95 h 224"/>
                <a:gd name="T26" fmla="*/ 23 w 99"/>
                <a:gd name="T27" fmla="*/ 61 h 224"/>
                <a:gd name="T28" fmla="*/ 42 w 99"/>
                <a:gd name="T29" fmla="*/ 50 h 2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224">
                  <a:moveTo>
                    <a:pt x="42" y="50"/>
                  </a:moveTo>
                  <a:lnTo>
                    <a:pt x="52" y="18"/>
                  </a:lnTo>
                  <a:lnTo>
                    <a:pt x="63" y="0"/>
                  </a:lnTo>
                  <a:lnTo>
                    <a:pt x="63" y="50"/>
                  </a:lnTo>
                  <a:lnTo>
                    <a:pt x="99" y="103"/>
                  </a:lnTo>
                  <a:lnTo>
                    <a:pt x="85" y="144"/>
                  </a:lnTo>
                  <a:lnTo>
                    <a:pt x="99" y="164"/>
                  </a:lnTo>
                  <a:lnTo>
                    <a:pt x="85" y="224"/>
                  </a:lnTo>
                  <a:lnTo>
                    <a:pt x="52" y="193"/>
                  </a:lnTo>
                  <a:lnTo>
                    <a:pt x="42" y="169"/>
                  </a:lnTo>
                  <a:lnTo>
                    <a:pt x="14" y="162"/>
                  </a:lnTo>
                  <a:lnTo>
                    <a:pt x="14" y="121"/>
                  </a:lnTo>
                  <a:lnTo>
                    <a:pt x="0" y="95"/>
                  </a:lnTo>
                  <a:lnTo>
                    <a:pt x="23" y="61"/>
                  </a:lnTo>
                  <a:lnTo>
                    <a:pt x="42" y="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Italy"/>
            <p:cNvSpPr>
              <a:spLocks/>
            </p:cNvSpPr>
            <p:nvPr/>
          </p:nvSpPr>
          <p:spPr bwMode="auto">
            <a:xfrm>
              <a:off x="8757558" y="6069013"/>
              <a:ext cx="295275" cy="533400"/>
            </a:xfrm>
            <a:custGeom>
              <a:avLst/>
              <a:gdLst>
                <a:gd name="T0" fmla="*/ 0 w 186"/>
                <a:gd name="T1" fmla="*/ 60 h 336"/>
                <a:gd name="T2" fmla="*/ 31 w 186"/>
                <a:gd name="T3" fmla="*/ 69 h 336"/>
                <a:gd name="T4" fmla="*/ 63 w 186"/>
                <a:gd name="T5" fmla="*/ 36 h 336"/>
                <a:gd name="T6" fmla="*/ 78 w 186"/>
                <a:gd name="T7" fmla="*/ 9 h 336"/>
                <a:gd name="T8" fmla="*/ 105 w 186"/>
                <a:gd name="T9" fmla="*/ 0 h 336"/>
                <a:gd name="T10" fmla="*/ 115 w 186"/>
                <a:gd name="T11" fmla="*/ 34 h 336"/>
                <a:gd name="T12" fmla="*/ 159 w 186"/>
                <a:gd name="T13" fmla="*/ 98 h 336"/>
                <a:gd name="T14" fmla="*/ 144 w 186"/>
                <a:gd name="T15" fmla="*/ 123 h 336"/>
                <a:gd name="T16" fmla="*/ 159 w 186"/>
                <a:gd name="T17" fmla="*/ 145 h 336"/>
                <a:gd name="T18" fmla="*/ 186 w 186"/>
                <a:gd name="T19" fmla="*/ 248 h 336"/>
                <a:gd name="T20" fmla="*/ 186 w 186"/>
                <a:gd name="T21" fmla="*/ 282 h 336"/>
                <a:gd name="T22" fmla="*/ 152 w 186"/>
                <a:gd name="T23" fmla="*/ 282 h 336"/>
                <a:gd name="T24" fmla="*/ 132 w 186"/>
                <a:gd name="T25" fmla="*/ 282 h 336"/>
                <a:gd name="T26" fmla="*/ 137 w 186"/>
                <a:gd name="T27" fmla="*/ 313 h 336"/>
                <a:gd name="T28" fmla="*/ 115 w 186"/>
                <a:gd name="T29" fmla="*/ 336 h 336"/>
                <a:gd name="T30" fmla="*/ 78 w 186"/>
                <a:gd name="T31" fmla="*/ 295 h 336"/>
                <a:gd name="T32" fmla="*/ 78 w 186"/>
                <a:gd name="T33" fmla="*/ 201 h 336"/>
                <a:gd name="T34" fmla="*/ 49 w 186"/>
                <a:gd name="T35" fmla="*/ 168 h 336"/>
                <a:gd name="T36" fmla="*/ 41 w 186"/>
                <a:gd name="T37" fmla="*/ 132 h 336"/>
                <a:gd name="T38" fmla="*/ 14 w 186"/>
                <a:gd name="T39" fmla="*/ 110 h 336"/>
                <a:gd name="T40" fmla="*/ 0 w 186"/>
                <a:gd name="T41" fmla="*/ 60 h 3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86" h="336">
                  <a:moveTo>
                    <a:pt x="0" y="60"/>
                  </a:moveTo>
                  <a:lnTo>
                    <a:pt x="31" y="69"/>
                  </a:lnTo>
                  <a:lnTo>
                    <a:pt x="63" y="36"/>
                  </a:lnTo>
                  <a:lnTo>
                    <a:pt x="78" y="9"/>
                  </a:lnTo>
                  <a:lnTo>
                    <a:pt x="105" y="0"/>
                  </a:lnTo>
                  <a:lnTo>
                    <a:pt x="115" y="34"/>
                  </a:lnTo>
                  <a:lnTo>
                    <a:pt x="159" y="98"/>
                  </a:lnTo>
                  <a:lnTo>
                    <a:pt x="144" y="123"/>
                  </a:lnTo>
                  <a:lnTo>
                    <a:pt x="159" y="145"/>
                  </a:lnTo>
                  <a:lnTo>
                    <a:pt x="186" y="248"/>
                  </a:lnTo>
                  <a:lnTo>
                    <a:pt x="186" y="282"/>
                  </a:lnTo>
                  <a:lnTo>
                    <a:pt x="152" y="282"/>
                  </a:lnTo>
                  <a:lnTo>
                    <a:pt x="132" y="282"/>
                  </a:lnTo>
                  <a:lnTo>
                    <a:pt x="137" y="313"/>
                  </a:lnTo>
                  <a:lnTo>
                    <a:pt x="115" y="336"/>
                  </a:lnTo>
                  <a:lnTo>
                    <a:pt x="78" y="295"/>
                  </a:lnTo>
                  <a:lnTo>
                    <a:pt x="78" y="201"/>
                  </a:lnTo>
                  <a:lnTo>
                    <a:pt x="49" y="168"/>
                  </a:lnTo>
                  <a:lnTo>
                    <a:pt x="41" y="132"/>
                  </a:lnTo>
                  <a:lnTo>
                    <a:pt x="14" y="110"/>
                  </a:lnTo>
                  <a:lnTo>
                    <a:pt x="0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Italy"/>
            <p:cNvSpPr>
              <a:spLocks/>
            </p:cNvSpPr>
            <p:nvPr/>
          </p:nvSpPr>
          <p:spPr bwMode="auto">
            <a:xfrm>
              <a:off x="9462408" y="6516688"/>
              <a:ext cx="439738" cy="341313"/>
            </a:xfrm>
            <a:custGeom>
              <a:avLst/>
              <a:gdLst>
                <a:gd name="T0" fmla="*/ 215 w 277"/>
                <a:gd name="T1" fmla="*/ 36 h 215"/>
                <a:gd name="T2" fmla="*/ 248 w 277"/>
                <a:gd name="T3" fmla="*/ 0 h 215"/>
                <a:gd name="T4" fmla="*/ 253 w 277"/>
                <a:gd name="T5" fmla="*/ 31 h 215"/>
                <a:gd name="T6" fmla="*/ 235 w 277"/>
                <a:gd name="T7" fmla="*/ 74 h 215"/>
                <a:gd name="T8" fmla="*/ 248 w 277"/>
                <a:gd name="T9" fmla="*/ 123 h 215"/>
                <a:gd name="T10" fmla="*/ 277 w 277"/>
                <a:gd name="T11" fmla="*/ 159 h 215"/>
                <a:gd name="T12" fmla="*/ 266 w 277"/>
                <a:gd name="T13" fmla="*/ 191 h 215"/>
                <a:gd name="T14" fmla="*/ 277 w 277"/>
                <a:gd name="T15" fmla="*/ 215 h 215"/>
                <a:gd name="T16" fmla="*/ 246 w 277"/>
                <a:gd name="T17" fmla="*/ 215 h 215"/>
                <a:gd name="T18" fmla="*/ 221 w 277"/>
                <a:gd name="T19" fmla="*/ 215 h 215"/>
                <a:gd name="T20" fmla="*/ 179 w 277"/>
                <a:gd name="T21" fmla="*/ 182 h 215"/>
                <a:gd name="T22" fmla="*/ 159 w 277"/>
                <a:gd name="T23" fmla="*/ 199 h 215"/>
                <a:gd name="T24" fmla="*/ 103 w 277"/>
                <a:gd name="T25" fmla="*/ 182 h 215"/>
                <a:gd name="T26" fmla="*/ 63 w 277"/>
                <a:gd name="T27" fmla="*/ 157 h 215"/>
                <a:gd name="T28" fmla="*/ 31 w 277"/>
                <a:gd name="T29" fmla="*/ 166 h 215"/>
                <a:gd name="T30" fmla="*/ 0 w 277"/>
                <a:gd name="T31" fmla="*/ 134 h 215"/>
                <a:gd name="T32" fmla="*/ 0 w 277"/>
                <a:gd name="T33" fmla="*/ 96 h 215"/>
                <a:gd name="T34" fmla="*/ 6 w 277"/>
                <a:gd name="T35" fmla="*/ 85 h 215"/>
                <a:gd name="T36" fmla="*/ 29 w 277"/>
                <a:gd name="T37" fmla="*/ 97 h 215"/>
                <a:gd name="T38" fmla="*/ 45 w 277"/>
                <a:gd name="T39" fmla="*/ 87 h 215"/>
                <a:gd name="T40" fmla="*/ 38 w 277"/>
                <a:gd name="T41" fmla="*/ 67 h 215"/>
                <a:gd name="T42" fmla="*/ 47 w 277"/>
                <a:gd name="T43" fmla="*/ 63 h 215"/>
                <a:gd name="T44" fmla="*/ 103 w 277"/>
                <a:gd name="T45" fmla="*/ 85 h 215"/>
                <a:gd name="T46" fmla="*/ 121 w 277"/>
                <a:gd name="T47" fmla="*/ 63 h 215"/>
                <a:gd name="T48" fmla="*/ 148 w 277"/>
                <a:gd name="T49" fmla="*/ 67 h 215"/>
                <a:gd name="T50" fmla="*/ 177 w 277"/>
                <a:gd name="T51" fmla="*/ 47 h 215"/>
                <a:gd name="T52" fmla="*/ 192 w 277"/>
                <a:gd name="T53" fmla="*/ 25 h 215"/>
                <a:gd name="T54" fmla="*/ 215 w 277"/>
                <a:gd name="T55" fmla="*/ 36 h 2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77" h="215">
                  <a:moveTo>
                    <a:pt x="215" y="36"/>
                  </a:moveTo>
                  <a:lnTo>
                    <a:pt x="248" y="0"/>
                  </a:lnTo>
                  <a:lnTo>
                    <a:pt x="253" y="31"/>
                  </a:lnTo>
                  <a:lnTo>
                    <a:pt x="235" y="74"/>
                  </a:lnTo>
                  <a:lnTo>
                    <a:pt x="248" y="123"/>
                  </a:lnTo>
                  <a:lnTo>
                    <a:pt x="277" y="159"/>
                  </a:lnTo>
                  <a:lnTo>
                    <a:pt x="266" y="191"/>
                  </a:lnTo>
                  <a:lnTo>
                    <a:pt x="277" y="215"/>
                  </a:lnTo>
                  <a:lnTo>
                    <a:pt x="246" y="215"/>
                  </a:lnTo>
                  <a:lnTo>
                    <a:pt x="221" y="215"/>
                  </a:lnTo>
                  <a:lnTo>
                    <a:pt x="179" y="182"/>
                  </a:lnTo>
                  <a:lnTo>
                    <a:pt x="159" y="199"/>
                  </a:lnTo>
                  <a:lnTo>
                    <a:pt x="103" y="182"/>
                  </a:lnTo>
                  <a:lnTo>
                    <a:pt x="63" y="157"/>
                  </a:lnTo>
                  <a:lnTo>
                    <a:pt x="31" y="166"/>
                  </a:lnTo>
                  <a:lnTo>
                    <a:pt x="0" y="134"/>
                  </a:lnTo>
                  <a:lnTo>
                    <a:pt x="0" y="96"/>
                  </a:lnTo>
                  <a:lnTo>
                    <a:pt x="6" y="85"/>
                  </a:lnTo>
                  <a:lnTo>
                    <a:pt x="29" y="97"/>
                  </a:lnTo>
                  <a:lnTo>
                    <a:pt x="45" y="87"/>
                  </a:lnTo>
                  <a:lnTo>
                    <a:pt x="38" y="67"/>
                  </a:lnTo>
                  <a:lnTo>
                    <a:pt x="47" y="63"/>
                  </a:lnTo>
                  <a:lnTo>
                    <a:pt x="103" y="85"/>
                  </a:lnTo>
                  <a:lnTo>
                    <a:pt x="121" y="63"/>
                  </a:lnTo>
                  <a:lnTo>
                    <a:pt x="148" y="67"/>
                  </a:lnTo>
                  <a:lnTo>
                    <a:pt x="177" y="47"/>
                  </a:lnTo>
                  <a:lnTo>
                    <a:pt x="192" y="25"/>
                  </a:lnTo>
                  <a:lnTo>
                    <a:pt x="215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0" name="Lithuania"/>
          <p:cNvSpPr>
            <a:spLocks/>
          </p:cNvSpPr>
          <p:nvPr/>
        </p:nvSpPr>
        <p:spPr bwMode="auto">
          <a:xfrm>
            <a:off x="10219263" y="2862263"/>
            <a:ext cx="730250" cy="519113"/>
          </a:xfrm>
          <a:custGeom>
            <a:avLst/>
            <a:gdLst>
              <a:gd name="T0" fmla="*/ 137 w 460"/>
              <a:gd name="T1" fmla="*/ 197 h 327"/>
              <a:gd name="T2" fmla="*/ 170 w 460"/>
              <a:gd name="T3" fmla="*/ 213 h 327"/>
              <a:gd name="T4" fmla="*/ 162 w 460"/>
              <a:gd name="T5" fmla="*/ 235 h 327"/>
              <a:gd name="T6" fmla="*/ 171 w 460"/>
              <a:gd name="T7" fmla="*/ 269 h 327"/>
              <a:gd name="T8" fmla="*/ 211 w 460"/>
              <a:gd name="T9" fmla="*/ 291 h 327"/>
              <a:gd name="T10" fmla="*/ 242 w 460"/>
              <a:gd name="T11" fmla="*/ 300 h 327"/>
              <a:gd name="T12" fmla="*/ 246 w 460"/>
              <a:gd name="T13" fmla="*/ 327 h 327"/>
              <a:gd name="T14" fmla="*/ 289 w 460"/>
              <a:gd name="T15" fmla="*/ 302 h 327"/>
              <a:gd name="T16" fmla="*/ 314 w 460"/>
              <a:gd name="T17" fmla="*/ 316 h 327"/>
              <a:gd name="T18" fmla="*/ 343 w 460"/>
              <a:gd name="T19" fmla="*/ 280 h 327"/>
              <a:gd name="T20" fmla="*/ 374 w 460"/>
              <a:gd name="T21" fmla="*/ 262 h 327"/>
              <a:gd name="T22" fmla="*/ 374 w 460"/>
              <a:gd name="T23" fmla="*/ 249 h 327"/>
              <a:gd name="T24" fmla="*/ 395 w 460"/>
              <a:gd name="T25" fmla="*/ 249 h 327"/>
              <a:gd name="T26" fmla="*/ 412 w 460"/>
              <a:gd name="T27" fmla="*/ 262 h 327"/>
              <a:gd name="T28" fmla="*/ 383 w 460"/>
              <a:gd name="T29" fmla="*/ 181 h 327"/>
              <a:gd name="T30" fmla="*/ 401 w 460"/>
              <a:gd name="T31" fmla="*/ 159 h 327"/>
              <a:gd name="T32" fmla="*/ 419 w 460"/>
              <a:gd name="T33" fmla="*/ 159 h 327"/>
              <a:gd name="T34" fmla="*/ 419 w 460"/>
              <a:gd name="T35" fmla="*/ 127 h 327"/>
              <a:gd name="T36" fmla="*/ 460 w 460"/>
              <a:gd name="T37" fmla="*/ 127 h 327"/>
              <a:gd name="T38" fmla="*/ 453 w 460"/>
              <a:gd name="T39" fmla="*/ 100 h 327"/>
              <a:gd name="T40" fmla="*/ 432 w 460"/>
              <a:gd name="T41" fmla="*/ 89 h 327"/>
              <a:gd name="T42" fmla="*/ 432 w 460"/>
              <a:gd name="T43" fmla="*/ 60 h 327"/>
              <a:gd name="T44" fmla="*/ 417 w 460"/>
              <a:gd name="T45" fmla="*/ 60 h 327"/>
              <a:gd name="T46" fmla="*/ 352 w 460"/>
              <a:gd name="T47" fmla="*/ 27 h 327"/>
              <a:gd name="T48" fmla="*/ 300 w 460"/>
              <a:gd name="T49" fmla="*/ 27 h 327"/>
              <a:gd name="T50" fmla="*/ 285 w 460"/>
              <a:gd name="T51" fmla="*/ 0 h 327"/>
              <a:gd name="T52" fmla="*/ 255 w 460"/>
              <a:gd name="T53" fmla="*/ 31 h 327"/>
              <a:gd name="T54" fmla="*/ 184 w 460"/>
              <a:gd name="T55" fmla="*/ 31 h 327"/>
              <a:gd name="T56" fmla="*/ 159 w 460"/>
              <a:gd name="T57" fmla="*/ 22 h 327"/>
              <a:gd name="T58" fmla="*/ 155 w 460"/>
              <a:gd name="T59" fmla="*/ 49 h 327"/>
              <a:gd name="T60" fmla="*/ 137 w 460"/>
              <a:gd name="T61" fmla="*/ 33 h 327"/>
              <a:gd name="T62" fmla="*/ 123 w 460"/>
              <a:gd name="T63" fmla="*/ 45 h 327"/>
              <a:gd name="T64" fmla="*/ 67 w 460"/>
              <a:gd name="T65" fmla="*/ 34 h 327"/>
              <a:gd name="T66" fmla="*/ 14 w 460"/>
              <a:gd name="T67" fmla="*/ 69 h 327"/>
              <a:gd name="T68" fmla="*/ 0 w 460"/>
              <a:gd name="T69" fmla="*/ 96 h 327"/>
              <a:gd name="T70" fmla="*/ 0 w 460"/>
              <a:gd name="T71" fmla="*/ 119 h 327"/>
              <a:gd name="T72" fmla="*/ 18 w 460"/>
              <a:gd name="T73" fmla="*/ 141 h 327"/>
              <a:gd name="T74" fmla="*/ 23 w 460"/>
              <a:gd name="T75" fmla="*/ 181 h 327"/>
              <a:gd name="T76" fmla="*/ 58 w 460"/>
              <a:gd name="T77" fmla="*/ 193 h 327"/>
              <a:gd name="T78" fmla="*/ 108 w 460"/>
              <a:gd name="T79" fmla="*/ 206 h 327"/>
              <a:gd name="T80" fmla="*/ 137 w 460"/>
              <a:gd name="T81" fmla="*/ 19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60" h="327">
                <a:moveTo>
                  <a:pt x="137" y="197"/>
                </a:moveTo>
                <a:lnTo>
                  <a:pt x="170" y="213"/>
                </a:lnTo>
                <a:lnTo>
                  <a:pt x="162" y="235"/>
                </a:lnTo>
                <a:lnTo>
                  <a:pt x="171" y="269"/>
                </a:lnTo>
                <a:lnTo>
                  <a:pt x="211" y="291"/>
                </a:lnTo>
                <a:lnTo>
                  <a:pt x="242" y="300"/>
                </a:lnTo>
                <a:lnTo>
                  <a:pt x="246" y="327"/>
                </a:lnTo>
                <a:lnTo>
                  <a:pt x="289" y="302"/>
                </a:lnTo>
                <a:lnTo>
                  <a:pt x="314" y="316"/>
                </a:lnTo>
                <a:lnTo>
                  <a:pt x="343" y="280"/>
                </a:lnTo>
                <a:lnTo>
                  <a:pt x="374" y="262"/>
                </a:lnTo>
                <a:lnTo>
                  <a:pt x="374" y="249"/>
                </a:lnTo>
                <a:lnTo>
                  <a:pt x="395" y="249"/>
                </a:lnTo>
                <a:lnTo>
                  <a:pt x="412" y="262"/>
                </a:lnTo>
                <a:lnTo>
                  <a:pt x="383" y="181"/>
                </a:lnTo>
                <a:lnTo>
                  <a:pt x="401" y="159"/>
                </a:lnTo>
                <a:lnTo>
                  <a:pt x="419" y="159"/>
                </a:lnTo>
                <a:lnTo>
                  <a:pt x="419" y="127"/>
                </a:lnTo>
                <a:lnTo>
                  <a:pt x="460" y="127"/>
                </a:lnTo>
                <a:lnTo>
                  <a:pt x="453" y="100"/>
                </a:lnTo>
                <a:lnTo>
                  <a:pt x="432" y="89"/>
                </a:lnTo>
                <a:lnTo>
                  <a:pt x="432" y="60"/>
                </a:lnTo>
                <a:lnTo>
                  <a:pt x="417" y="60"/>
                </a:lnTo>
                <a:lnTo>
                  <a:pt x="352" y="27"/>
                </a:lnTo>
                <a:lnTo>
                  <a:pt x="300" y="27"/>
                </a:lnTo>
                <a:lnTo>
                  <a:pt x="285" y="0"/>
                </a:lnTo>
                <a:lnTo>
                  <a:pt x="255" y="31"/>
                </a:lnTo>
                <a:lnTo>
                  <a:pt x="184" y="31"/>
                </a:lnTo>
                <a:lnTo>
                  <a:pt x="159" y="22"/>
                </a:lnTo>
                <a:lnTo>
                  <a:pt x="155" y="49"/>
                </a:lnTo>
                <a:lnTo>
                  <a:pt x="137" y="33"/>
                </a:lnTo>
                <a:lnTo>
                  <a:pt x="123" y="45"/>
                </a:lnTo>
                <a:lnTo>
                  <a:pt x="67" y="34"/>
                </a:lnTo>
                <a:lnTo>
                  <a:pt x="14" y="69"/>
                </a:lnTo>
                <a:lnTo>
                  <a:pt x="0" y="96"/>
                </a:lnTo>
                <a:lnTo>
                  <a:pt x="0" y="119"/>
                </a:lnTo>
                <a:lnTo>
                  <a:pt x="18" y="141"/>
                </a:lnTo>
                <a:lnTo>
                  <a:pt x="23" y="181"/>
                </a:lnTo>
                <a:lnTo>
                  <a:pt x="58" y="193"/>
                </a:lnTo>
                <a:lnTo>
                  <a:pt x="108" y="206"/>
                </a:lnTo>
                <a:lnTo>
                  <a:pt x="137" y="19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31" name="Latvia"/>
          <p:cNvSpPr>
            <a:spLocks/>
          </p:cNvSpPr>
          <p:nvPr/>
        </p:nvSpPr>
        <p:spPr bwMode="auto">
          <a:xfrm>
            <a:off x="10193863" y="2546350"/>
            <a:ext cx="871538" cy="479425"/>
          </a:xfrm>
          <a:custGeom>
            <a:avLst/>
            <a:gdLst>
              <a:gd name="T0" fmla="*/ 213 w 549"/>
              <a:gd name="T1" fmla="*/ 42 h 302"/>
              <a:gd name="T2" fmla="*/ 272 w 549"/>
              <a:gd name="T3" fmla="*/ 0 h 302"/>
              <a:gd name="T4" fmla="*/ 319 w 549"/>
              <a:gd name="T5" fmla="*/ 20 h 302"/>
              <a:gd name="T6" fmla="*/ 354 w 549"/>
              <a:gd name="T7" fmla="*/ 42 h 302"/>
              <a:gd name="T8" fmla="*/ 379 w 549"/>
              <a:gd name="T9" fmla="*/ 55 h 302"/>
              <a:gd name="T10" fmla="*/ 399 w 549"/>
              <a:gd name="T11" fmla="*/ 28 h 302"/>
              <a:gd name="T12" fmla="*/ 431 w 549"/>
              <a:gd name="T13" fmla="*/ 28 h 302"/>
              <a:gd name="T14" fmla="*/ 495 w 549"/>
              <a:gd name="T15" fmla="*/ 58 h 302"/>
              <a:gd name="T16" fmla="*/ 476 w 549"/>
              <a:gd name="T17" fmla="*/ 82 h 302"/>
              <a:gd name="T18" fmla="*/ 491 w 549"/>
              <a:gd name="T19" fmla="*/ 112 h 302"/>
              <a:gd name="T20" fmla="*/ 504 w 549"/>
              <a:gd name="T21" fmla="*/ 112 h 302"/>
              <a:gd name="T22" fmla="*/ 516 w 549"/>
              <a:gd name="T23" fmla="*/ 129 h 302"/>
              <a:gd name="T24" fmla="*/ 549 w 549"/>
              <a:gd name="T25" fmla="*/ 152 h 302"/>
              <a:gd name="T26" fmla="*/ 549 w 549"/>
              <a:gd name="T27" fmla="*/ 174 h 302"/>
              <a:gd name="T28" fmla="*/ 520 w 549"/>
              <a:gd name="T29" fmla="*/ 199 h 302"/>
              <a:gd name="T30" fmla="*/ 513 w 549"/>
              <a:gd name="T31" fmla="*/ 237 h 302"/>
              <a:gd name="T32" fmla="*/ 491 w 549"/>
              <a:gd name="T33" fmla="*/ 237 h 302"/>
              <a:gd name="T34" fmla="*/ 462 w 549"/>
              <a:gd name="T35" fmla="*/ 252 h 302"/>
              <a:gd name="T36" fmla="*/ 448 w 549"/>
              <a:gd name="T37" fmla="*/ 259 h 302"/>
              <a:gd name="T38" fmla="*/ 433 w 549"/>
              <a:gd name="T39" fmla="*/ 259 h 302"/>
              <a:gd name="T40" fmla="*/ 368 w 549"/>
              <a:gd name="T41" fmla="*/ 226 h 302"/>
              <a:gd name="T42" fmla="*/ 316 w 549"/>
              <a:gd name="T43" fmla="*/ 226 h 302"/>
              <a:gd name="T44" fmla="*/ 301 w 549"/>
              <a:gd name="T45" fmla="*/ 199 h 302"/>
              <a:gd name="T46" fmla="*/ 271 w 549"/>
              <a:gd name="T47" fmla="*/ 230 h 302"/>
              <a:gd name="T48" fmla="*/ 200 w 549"/>
              <a:gd name="T49" fmla="*/ 230 h 302"/>
              <a:gd name="T50" fmla="*/ 175 w 549"/>
              <a:gd name="T51" fmla="*/ 221 h 302"/>
              <a:gd name="T52" fmla="*/ 171 w 549"/>
              <a:gd name="T53" fmla="*/ 248 h 302"/>
              <a:gd name="T54" fmla="*/ 153 w 549"/>
              <a:gd name="T55" fmla="*/ 232 h 302"/>
              <a:gd name="T56" fmla="*/ 139 w 549"/>
              <a:gd name="T57" fmla="*/ 244 h 302"/>
              <a:gd name="T58" fmla="*/ 83 w 549"/>
              <a:gd name="T59" fmla="*/ 233 h 302"/>
              <a:gd name="T60" fmla="*/ 30 w 549"/>
              <a:gd name="T61" fmla="*/ 268 h 302"/>
              <a:gd name="T62" fmla="*/ 16 w 549"/>
              <a:gd name="T63" fmla="*/ 302 h 302"/>
              <a:gd name="T64" fmla="*/ 9 w 549"/>
              <a:gd name="T65" fmla="*/ 261 h 302"/>
              <a:gd name="T66" fmla="*/ 0 w 549"/>
              <a:gd name="T67" fmla="*/ 192 h 302"/>
              <a:gd name="T68" fmla="*/ 16 w 549"/>
              <a:gd name="T69" fmla="*/ 174 h 302"/>
              <a:gd name="T70" fmla="*/ 16 w 549"/>
              <a:gd name="T71" fmla="*/ 131 h 302"/>
              <a:gd name="T72" fmla="*/ 36 w 549"/>
              <a:gd name="T73" fmla="*/ 102 h 302"/>
              <a:gd name="T74" fmla="*/ 68 w 549"/>
              <a:gd name="T75" fmla="*/ 87 h 302"/>
              <a:gd name="T76" fmla="*/ 101 w 549"/>
              <a:gd name="T77" fmla="*/ 69 h 302"/>
              <a:gd name="T78" fmla="*/ 103 w 549"/>
              <a:gd name="T79" fmla="*/ 96 h 302"/>
              <a:gd name="T80" fmla="*/ 139 w 549"/>
              <a:gd name="T81" fmla="*/ 114 h 302"/>
              <a:gd name="T82" fmla="*/ 160 w 549"/>
              <a:gd name="T83" fmla="*/ 152 h 302"/>
              <a:gd name="T84" fmla="*/ 206 w 549"/>
              <a:gd name="T85" fmla="*/ 152 h 302"/>
              <a:gd name="T86" fmla="*/ 238 w 549"/>
              <a:gd name="T87" fmla="*/ 131 h 302"/>
              <a:gd name="T88" fmla="*/ 231 w 549"/>
              <a:gd name="T89" fmla="*/ 102 h 302"/>
              <a:gd name="T90" fmla="*/ 215 w 549"/>
              <a:gd name="T91" fmla="*/ 67 h 302"/>
              <a:gd name="T92" fmla="*/ 213 w 549"/>
              <a:gd name="T93" fmla="*/ 42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549" h="302">
                <a:moveTo>
                  <a:pt x="213" y="42"/>
                </a:moveTo>
                <a:lnTo>
                  <a:pt x="272" y="0"/>
                </a:lnTo>
                <a:lnTo>
                  <a:pt x="319" y="20"/>
                </a:lnTo>
                <a:lnTo>
                  <a:pt x="354" y="42"/>
                </a:lnTo>
                <a:lnTo>
                  <a:pt x="379" y="55"/>
                </a:lnTo>
                <a:lnTo>
                  <a:pt x="399" y="28"/>
                </a:lnTo>
                <a:lnTo>
                  <a:pt x="431" y="28"/>
                </a:lnTo>
                <a:lnTo>
                  <a:pt x="495" y="58"/>
                </a:lnTo>
                <a:lnTo>
                  <a:pt x="476" y="82"/>
                </a:lnTo>
                <a:lnTo>
                  <a:pt x="491" y="112"/>
                </a:lnTo>
                <a:lnTo>
                  <a:pt x="504" y="112"/>
                </a:lnTo>
                <a:lnTo>
                  <a:pt x="516" y="129"/>
                </a:lnTo>
                <a:lnTo>
                  <a:pt x="549" y="152"/>
                </a:lnTo>
                <a:lnTo>
                  <a:pt x="549" y="174"/>
                </a:lnTo>
                <a:lnTo>
                  <a:pt x="520" y="199"/>
                </a:lnTo>
                <a:lnTo>
                  <a:pt x="513" y="237"/>
                </a:lnTo>
                <a:lnTo>
                  <a:pt x="491" y="237"/>
                </a:lnTo>
                <a:lnTo>
                  <a:pt x="462" y="252"/>
                </a:lnTo>
                <a:lnTo>
                  <a:pt x="448" y="259"/>
                </a:lnTo>
                <a:lnTo>
                  <a:pt x="433" y="259"/>
                </a:lnTo>
                <a:lnTo>
                  <a:pt x="368" y="226"/>
                </a:lnTo>
                <a:lnTo>
                  <a:pt x="316" y="226"/>
                </a:lnTo>
                <a:lnTo>
                  <a:pt x="301" y="199"/>
                </a:lnTo>
                <a:lnTo>
                  <a:pt x="271" y="230"/>
                </a:lnTo>
                <a:lnTo>
                  <a:pt x="200" y="230"/>
                </a:lnTo>
                <a:lnTo>
                  <a:pt x="175" y="221"/>
                </a:lnTo>
                <a:lnTo>
                  <a:pt x="171" y="248"/>
                </a:lnTo>
                <a:lnTo>
                  <a:pt x="153" y="232"/>
                </a:lnTo>
                <a:lnTo>
                  <a:pt x="139" y="244"/>
                </a:lnTo>
                <a:lnTo>
                  <a:pt x="83" y="233"/>
                </a:lnTo>
                <a:lnTo>
                  <a:pt x="30" y="268"/>
                </a:lnTo>
                <a:lnTo>
                  <a:pt x="16" y="302"/>
                </a:lnTo>
                <a:lnTo>
                  <a:pt x="9" y="261"/>
                </a:lnTo>
                <a:lnTo>
                  <a:pt x="0" y="192"/>
                </a:lnTo>
                <a:lnTo>
                  <a:pt x="16" y="174"/>
                </a:lnTo>
                <a:lnTo>
                  <a:pt x="16" y="131"/>
                </a:lnTo>
                <a:lnTo>
                  <a:pt x="36" y="102"/>
                </a:lnTo>
                <a:lnTo>
                  <a:pt x="68" y="87"/>
                </a:lnTo>
                <a:lnTo>
                  <a:pt x="101" y="69"/>
                </a:lnTo>
                <a:lnTo>
                  <a:pt x="103" y="96"/>
                </a:lnTo>
                <a:lnTo>
                  <a:pt x="139" y="114"/>
                </a:lnTo>
                <a:lnTo>
                  <a:pt x="160" y="152"/>
                </a:lnTo>
                <a:lnTo>
                  <a:pt x="206" y="152"/>
                </a:lnTo>
                <a:lnTo>
                  <a:pt x="238" y="131"/>
                </a:lnTo>
                <a:lnTo>
                  <a:pt x="231" y="102"/>
                </a:lnTo>
                <a:lnTo>
                  <a:pt x="215" y="67"/>
                </a:lnTo>
                <a:lnTo>
                  <a:pt x="213" y="4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32" name="Estonia"/>
          <p:cNvGrpSpPr>
            <a:grpSpLocks/>
          </p:cNvGrpSpPr>
          <p:nvPr/>
        </p:nvGrpSpPr>
        <p:grpSpPr>
          <a:xfrm>
            <a:off x="10233551" y="2214246"/>
            <a:ext cx="675007" cy="427038"/>
            <a:chOff x="10254571" y="2214246"/>
            <a:chExt cx="675007" cy="427038"/>
          </a:xfrm>
          <a:solidFill>
            <a:schemeClr val="accent3"/>
          </a:solidFill>
        </p:grpSpPr>
        <p:sp>
          <p:nvSpPr>
            <p:cNvPr id="33" name="Freeform 105"/>
            <p:cNvSpPr>
              <a:spLocks/>
            </p:cNvSpPr>
            <p:nvPr/>
          </p:nvSpPr>
          <p:spPr bwMode="auto">
            <a:xfrm>
              <a:off x="10254571" y="2406650"/>
              <a:ext cx="88900" cy="71438"/>
            </a:xfrm>
            <a:custGeom>
              <a:avLst/>
              <a:gdLst>
                <a:gd name="T0" fmla="*/ 32 w 56"/>
                <a:gd name="T1" fmla="*/ 45 h 45"/>
                <a:gd name="T2" fmla="*/ 20 w 56"/>
                <a:gd name="T3" fmla="*/ 34 h 45"/>
                <a:gd name="T4" fmla="*/ 0 w 56"/>
                <a:gd name="T5" fmla="*/ 23 h 45"/>
                <a:gd name="T6" fmla="*/ 32 w 56"/>
                <a:gd name="T7" fmla="*/ 14 h 45"/>
                <a:gd name="T8" fmla="*/ 32 w 56"/>
                <a:gd name="T9" fmla="*/ 0 h 45"/>
                <a:gd name="T10" fmla="*/ 56 w 56"/>
                <a:gd name="T11" fmla="*/ 9 h 45"/>
                <a:gd name="T12" fmla="*/ 56 w 56"/>
                <a:gd name="T13" fmla="*/ 27 h 45"/>
                <a:gd name="T14" fmla="*/ 56 w 56"/>
                <a:gd name="T15" fmla="*/ 45 h 45"/>
                <a:gd name="T16" fmla="*/ 32 w 56"/>
                <a:gd name="T17" fmla="*/ 45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6" h="45">
                  <a:moveTo>
                    <a:pt x="32" y="45"/>
                  </a:moveTo>
                  <a:lnTo>
                    <a:pt x="20" y="34"/>
                  </a:lnTo>
                  <a:lnTo>
                    <a:pt x="0" y="23"/>
                  </a:lnTo>
                  <a:lnTo>
                    <a:pt x="32" y="14"/>
                  </a:lnTo>
                  <a:lnTo>
                    <a:pt x="32" y="0"/>
                  </a:lnTo>
                  <a:lnTo>
                    <a:pt x="56" y="9"/>
                  </a:lnTo>
                  <a:lnTo>
                    <a:pt x="56" y="27"/>
                  </a:lnTo>
                  <a:lnTo>
                    <a:pt x="56" y="45"/>
                  </a:lnTo>
                  <a:lnTo>
                    <a:pt x="32" y="4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4" name="Freeform 106"/>
            <p:cNvSpPr>
              <a:spLocks/>
            </p:cNvSpPr>
            <p:nvPr/>
          </p:nvSpPr>
          <p:spPr bwMode="auto">
            <a:xfrm>
              <a:off x="10300608" y="2478088"/>
              <a:ext cx="92075" cy="138113"/>
            </a:xfrm>
            <a:custGeom>
              <a:avLst/>
              <a:gdLst>
                <a:gd name="T0" fmla="*/ 5 w 58"/>
                <a:gd name="T1" fmla="*/ 13 h 87"/>
                <a:gd name="T2" fmla="*/ 38 w 58"/>
                <a:gd name="T3" fmla="*/ 0 h 87"/>
                <a:gd name="T4" fmla="*/ 58 w 58"/>
                <a:gd name="T5" fmla="*/ 18 h 87"/>
                <a:gd name="T6" fmla="*/ 52 w 58"/>
                <a:gd name="T7" fmla="*/ 43 h 87"/>
                <a:gd name="T8" fmla="*/ 32 w 58"/>
                <a:gd name="T9" fmla="*/ 58 h 87"/>
                <a:gd name="T10" fmla="*/ 12 w 58"/>
                <a:gd name="T11" fmla="*/ 71 h 87"/>
                <a:gd name="T12" fmla="*/ 5 w 58"/>
                <a:gd name="T13" fmla="*/ 85 h 87"/>
                <a:gd name="T14" fmla="*/ 0 w 58"/>
                <a:gd name="T15" fmla="*/ 87 h 87"/>
                <a:gd name="T16" fmla="*/ 5 w 58"/>
                <a:gd name="T17" fmla="*/ 13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8" h="87">
                  <a:moveTo>
                    <a:pt x="5" y="13"/>
                  </a:moveTo>
                  <a:lnTo>
                    <a:pt x="38" y="0"/>
                  </a:lnTo>
                  <a:lnTo>
                    <a:pt x="58" y="18"/>
                  </a:lnTo>
                  <a:lnTo>
                    <a:pt x="52" y="43"/>
                  </a:lnTo>
                  <a:lnTo>
                    <a:pt x="32" y="58"/>
                  </a:lnTo>
                  <a:lnTo>
                    <a:pt x="12" y="71"/>
                  </a:lnTo>
                  <a:lnTo>
                    <a:pt x="5" y="85"/>
                  </a:lnTo>
                  <a:lnTo>
                    <a:pt x="0" y="87"/>
                  </a:lnTo>
                  <a:lnTo>
                    <a:pt x="5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5" name="Freeform 43"/>
            <p:cNvSpPr>
              <a:spLocks/>
            </p:cNvSpPr>
            <p:nvPr/>
          </p:nvSpPr>
          <p:spPr bwMode="auto">
            <a:xfrm>
              <a:off x="10394590" y="2214246"/>
              <a:ext cx="534988" cy="427038"/>
            </a:xfrm>
            <a:custGeom>
              <a:avLst/>
              <a:gdLst>
                <a:gd name="T0" fmla="*/ 301 w 337"/>
                <a:gd name="T1" fmla="*/ 157 h 269"/>
                <a:gd name="T2" fmla="*/ 326 w 337"/>
                <a:gd name="T3" fmla="*/ 168 h 269"/>
                <a:gd name="T4" fmla="*/ 337 w 337"/>
                <a:gd name="T5" fmla="*/ 193 h 269"/>
                <a:gd name="T6" fmla="*/ 326 w 337"/>
                <a:gd name="T7" fmla="*/ 208 h 269"/>
                <a:gd name="T8" fmla="*/ 326 w 337"/>
                <a:gd name="T9" fmla="*/ 229 h 269"/>
                <a:gd name="T10" fmla="*/ 337 w 337"/>
                <a:gd name="T11" fmla="*/ 249 h 269"/>
                <a:gd name="T12" fmla="*/ 320 w 337"/>
                <a:gd name="T13" fmla="*/ 242 h 269"/>
                <a:gd name="T14" fmla="*/ 288 w 337"/>
                <a:gd name="T15" fmla="*/ 242 h 269"/>
                <a:gd name="T16" fmla="*/ 268 w 337"/>
                <a:gd name="T17" fmla="*/ 269 h 269"/>
                <a:gd name="T18" fmla="*/ 243 w 337"/>
                <a:gd name="T19" fmla="*/ 257 h 269"/>
                <a:gd name="T20" fmla="*/ 208 w 337"/>
                <a:gd name="T21" fmla="*/ 235 h 269"/>
                <a:gd name="T22" fmla="*/ 160 w 337"/>
                <a:gd name="T23" fmla="*/ 215 h 269"/>
                <a:gd name="T24" fmla="*/ 100 w 337"/>
                <a:gd name="T25" fmla="*/ 257 h 269"/>
                <a:gd name="T26" fmla="*/ 100 w 337"/>
                <a:gd name="T27" fmla="*/ 239 h 269"/>
                <a:gd name="T28" fmla="*/ 107 w 337"/>
                <a:gd name="T29" fmla="*/ 228 h 269"/>
                <a:gd name="T30" fmla="*/ 109 w 337"/>
                <a:gd name="T31" fmla="*/ 195 h 269"/>
                <a:gd name="T32" fmla="*/ 91 w 337"/>
                <a:gd name="T33" fmla="*/ 183 h 269"/>
                <a:gd name="T34" fmla="*/ 80 w 337"/>
                <a:gd name="T35" fmla="*/ 213 h 269"/>
                <a:gd name="T36" fmla="*/ 62 w 337"/>
                <a:gd name="T37" fmla="*/ 202 h 269"/>
                <a:gd name="T38" fmla="*/ 44 w 337"/>
                <a:gd name="T39" fmla="*/ 208 h 269"/>
                <a:gd name="T40" fmla="*/ 38 w 337"/>
                <a:gd name="T41" fmla="*/ 193 h 269"/>
                <a:gd name="T42" fmla="*/ 44 w 337"/>
                <a:gd name="T43" fmla="*/ 177 h 269"/>
                <a:gd name="T44" fmla="*/ 11 w 337"/>
                <a:gd name="T45" fmla="*/ 157 h 269"/>
                <a:gd name="T46" fmla="*/ 17 w 337"/>
                <a:gd name="T47" fmla="*/ 137 h 269"/>
                <a:gd name="T48" fmla="*/ 0 w 337"/>
                <a:gd name="T49" fmla="*/ 110 h 269"/>
                <a:gd name="T50" fmla="*/ 11 w 337"/>
                <a:gd name="T51" fmla="*/ 90 h 269"/>
                <a:gd name="T52" fmla="*/ 44 w 337"/>
                <a:gd name="T53" fmla="*/ 90 h 269"/>
                <a:gd name="T54" fmla="*/ 40 w 337"/>
                <a:gd name="T55" fmla="*/ 72 h 269"/>
                <a:gd name="T56" fmla="*/ 76 w 337"/>
                <a:gd name="T57" fmla="*/ 52 h 269"/>
                <a:gd name="T58" fmla="*/ 93 w 337"/>
                <a:gd name="T59" fmla="*/ 40 h 269"/>
                <a:gd name="T60" fmla="*/ 103 w 337"/>
                <a:gd name="T61" fmla="*/ 49 h 269"/>
                <a:gd name="T62" fmla="*/ 134 w 337"/>
                <a:gd name="T63" fmla="*/ 40 h 269"/>
                <a:gd name="T64" fmla="*/ 141 w 337"/>
                <a:gd name="T65" fmla="*/ 22 h 269"/>
                <a:gd name="T66" fmla="*/ 163 w 337"/>
                <a:gd name="T67" fmla="*/ 14 h 269"/>
                <a:gd name="T68" fmla="*/ 174 w 337"/>
                <a:gd name="T69" fmla="*/ 22 h 269"/>
                <a:gd name="T70" fmla="*/ 268 w 337"/>
                <a:gd name="T71" fmla="*/ 25 h 269"/>
                <a:gd name="T72" fmla="*/ 288 w 337"/>
                <a:gd name="T73" fmla="*/ 14 h 269"/>
                <a:gd name="T74" fmla="*/ 306 w 337"/>
                <a:gd name="T75" fmla="*/ 0 h 269"/>
                <a:gd name="T76" fmla="*/ 311 w 337"/>
                <a:gd name="T77" fmla="*/ 13 h 269"/>
                <a:gd name="T78" fmla="*/ 293 w 337"/>
                <a:gd name="T79" fmla="*/ 34 h 269"/>
                <a:gd name="T80" fmla="*/ 297 w 337"/>
                <a:gd name="T81" fmla="*/ 60 h 269"/>
                <a:gd name="T82" fmla="*/ 277 w 337"/>
                <a:gd name="T83" fmla="*/ 83 h 269"/>
                <a:gd name="T84" fmla="*/ 288 w 337"/>
                <a:gd name="T85" fmla="*/ 117 h 269"/>
                <a:gd name="T86" fmla="*/ 308 w 337"/>
                <a:gd name="T87" fmla="*/ 123 h 269"/>
                <a:gd name="T88" fmla="*/ 301 w 337"/>
                <a:gd name="T89" fmla="*/ 157 h 2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337" h="269">
                  <a:moveTo>
                    <a:pt x="301" y="157"/>
                  </a:moveTo>
                  <a:lnTo>
                    <a:pt x="326" y="168"/>
                  </a:lnTo>
                  <a:lnTo>
                    <a:pt x="337" y="193"/>
                  </a:lnTo>
                  <a:lnTo>
                    <a:pt x="326" y="208"/>
                  </a:lnTo>
                  <a:lnTo>
                    <a:pt x="326" y="229"/>
                  </a:lnTo>
                  <a:lnTo>
                    <a:pt x="337" y="249"/>
                  </a:lnTo>
                  <a:lnTo>
                    <a:pt x="320" y="242"/>
                  </a:lnTo>
                  <a:lnTo>
                    <a:pt x="288" y="242"/>
                  </a:lnTo>
                  <a:lnTo>
                    <a:pt x="268" y="269"/>
                  </a:lnTo>
                  <a:lnTo>
                    <a:pt x="243" y="257"/>
                  </a:lnTo>
                  <a:lnTo>
                    <a:pt x="208" y="235"/>
                  </a:lnTo>
                  <a:lnTo>
                    <a:pt x="160" y="215"/>
                  </a:lnTo>
                  <a:lnTo>
                    <a:pt x="100" y="257"/>
                  </a:lnTo>
                  <a:lnTo>
                    <a:pt x="100" y="239"/>
                  </a:lnTo>
                  <a:lnTo>
                    <a:pt x="107" y="228"/>
                  </a:lnTo>
                  <a:lnTo>
                    <a:pt x="109" y="195"/>
                  </a:lnTo>
                  <a:lnTo>
                    <a:pt x="91" y="183"/>
                  </a:lnTo>
                  <a:lnTo>
                    <a:pt x="80" y="213"/>
                  </a:lnTo>
                  <a:lnTo>
                    <a:pt x="62" y="202"/>
                  </a:lnTo>
                  <a:lnTo>
                    <a:pt x="44" y="208"/>
                  </a:lnTo>
                  <a:lnTo>
                    <a:pt x="38" y="193"/>
                  </a:lnTo>
                  <a:lnTo>
                    <a:pt x="44" y="177"/>
                  </a:lnTo>
                  <a:lnTo>
                    <a:pt x="11" y="157"/>
                  </a:lnTo>
                  <a:lnTo>
                    <a:pt x="17" y="137"/>
                  </a:lnTo>
                  <a:lnTo>
                    <a:pt x="0" y="110"/>
                  </a:lnTo>
                  <a:lnTo>
                    <a:pt x="11" y="90"/>
                  </a:lnTo>
                  <a:lnTo>
                    <a:pt x="44" y="90"/>
                  </a:lnTo>
                  <a:lnTo>
                    <a:pt x="40" y="72"/>
                  </a:lnTo>
                  <a:lnTo>
                    <a:pt x="76" y="52"/>
                  </a:lnTo>
                  <a:lnTo>
                    <a:pt x="93" y="40"/>
                  </a:lnTo>
                  <a:lnTo>
                    <a:pt x="103" y="49"/>
                  </a:lnTo>
                  <a:lnTo>
                    <a:pt x="134" y="40"/>
                  </a:lnTo>
                  <a:lnTo>
                    <a:pt x="141" y="22"/>
                  </a:lnTo>
                  <a:lnTo>
                    <a:pt x="163" y="14"/>
                  </a:lnTo>
                  <a:lnTo>
                    <a:pt x="174" y="22"/>
                  </a:lnTo>
                  <a:lnTo>
                    <a:pt x="268" y="25"/>
                  </a:lnTo>
                  <a:lnTo>
                    <a:pt x="288" y="14"/>
                  </a:lnTo>
                  <a:lnTo>
                    <a:pt x="306" y="0"/>
                  </a:lnTo>
                  <a:lnTo>
                    <a:pt x="311" y="13"/>
                  </a:lnTo>
                  <a:lnTo>
                    <a:pt x="293" y="34"/>
                  </a:lnTo>
                  <a:lnTo>
                    <a:pt x="297" y="60"/>
                  </a:lnTo>
                  <a:lnTo>
                    <a:pt x="277" y="83"/>
                  </a:lnTo>
                  <a:lnTo>
                    <a:pt x="288" y="117"/>
                  </a:lnTo>
                  <a:lnTo>
                    <a:pt x="308" y="123"/>
                  </a:lnTo>
                  <a:lnTo>
                    <a:pt x="301" y="1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36" name="Kosovo"/>
          <p:cNvGrpSpPr>
            <a:grpSpLocks/>
          </p:cNvGrpSpPr>
          <p:nvPr/>
        </p:nvGrpSpPr>
        <p:grpSpPr>
          <a:xfrm>
            <a:off x="10522476" y="5503863"/>
            <a:ext cx="169863" cy="155857"/>
            <a:chOff x="10543496" y="5503863"/>
            <a:chExt cx="169863" cy="155857"/>
          </a:xfrm>
          <a:solidFill>
            <a:schemeClr val="bg1"/>
          </a:solidFill>
        </p:grpSpPr>
        <p:sp>
          <p:nvSpPr>
            <p:cNvPr id="37" name="Freeform 110"/>
            <p:cNvSpPr>
              <a:spLocks/>
            </p:cNvSpPr>
            <p:nvPr/>
          </p:nvSpPr>
          <p:spPr bwMode="auto">
            <a:xfrm>
              <a:off x="10692721" y="5623720"/>
              <a:ext cx="14288" cy="36000"/>
            </a:xfrm>
            <a:custGeom>
              <a:avLst/>
              <a:gdLst>
                <a:gd name="T0" fmla="*/ 7 w 9"/>
                <a:gd name="T1" fmla="*/ 11 h 11"/>
                <a:gd name="T2" fmla="*/ 0 w 9"/>
                <a:gd name="T3" fmla="*/ 11 h 11"/>
                <a:gd name="T4" fmla="*/ 2 w 9"/>
                <a:gd name="T5" fmla="*/ 0 h 11"/>
                <a:gd name="T6" fmla="*/ 9 w 9"/>
                <a:gd name="T7" fmla="*/ 0 h 11"/>
                <a:gd name="T8" fmla="*/ 7 w 9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7" y="11"/>
                  </a:moveTo>
                  <a:lnTo>
                    <a:pt x="0" y="11"/>
                  </a:lnTo>
                  <a:lnTo>
                    <a:pt x="2" y="0"/>
                  </a:lnTo>
                  <a:lnTo>
                    <a:pt x="9" y="0"/>
                  </a:lnTo>
                  <a:lnTo>
                    <a:pt x="7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8" name="Freeform 111"/>
            <p:cNvSpPr>
              <a:spLocks/>
            </p:cNvSpPr>
            <p:nvPr/>
          </p:nvSpPr>
          <p:spPr bwMode="auto">
            <a:xfrm>
              <a:off x="10689546" y="5573713"/>
              <a:ext cx="23813" cy="33338"/>
            </a:xfrm>
            <a:custGeom>
              <a:avLst/>
              <a:gdLst>
                <a:gd name="T0" fmla="*/ 13 w 15"/>
                <a:gd name="T1" fmla="*/ 21 h 21"/>
                <a:gd name="T2" fmla="*/ 6 w 15"/>
                <a:gd name="T3" fmla="*/ 21 h 21"/>
                <a:gd name="T4" fmla="*/ 8 w 15"/>
                <a:gd name="T5" fmla="*/ 12 h 21"/>
                <a:gd name="T6" fmla="*/ 0 w 15"/>
                <a:gd name="T7" fmla="*/ 5 h 21"/>
                <a:gd name="T8" fmla="*/ 6 w 15"/>
                <a:gd name="T9" fmla="*/ 0 h 21"/>
                <a:gd name="T10" fmla="*/ 15 w 15"/>
                <a:gd name="T11" fmla="*/ 9 h 21"/>
                <a:gd name="T12" fmla="*/ 13 w 15"/>
                <a:gd name="T13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" h="21">
                  <a:moveTo>
                    <a:pt x="13" y="21"/>
                  </a:moveTo>
                  <a:lnTo>
                    <a:pt x="6" y="21"/>
                  </a:lnTo>
                  <a:lnTo>
                    <a:pt x="8" y="12"/>
                  </a:lnTo>
                  <a:lnTo>
                    <a:pt x="0" y="5"/>
                  </a:lnTo>
                  <a:lnTo>
                    <a:pt x="6" y="0"/>
                  </a:lnTo>
                  <a:lnTo>
                    <a:pt x="15" y="9"/>
                  </a:lnTo>
                  <a:lnTo>
                    <a:pt x="1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9" name="Freeform 112"/>
            <p:cNvSpPr>
              <a:spLocks/>
            </p:cNvSpPr>
            <p:nvPr/>
          </p:nvSpPr>
          <p:spPr bwMode="auto">
            <a:xfrm>
              <a:off x="10656208" y="5535613"/>
              <a:ext cx="25400" cy="28575"/>
            </a:xfrm>
            <a:custGeom>
              <a:avLst/>
              <a:gdLst>
                <a:gd name="T0" fmla="*/ 11 w 16"/>
                <a:gd name="T1" fmla="*/ 18 h 18"/>
                <a:gd name="T2" fmla="*/ 0 w 16"/>
                <a:gd name="T3" fmla="*/ 5 h 18"/>
                <a:gd name="T4" fmla="*/ 5 w 16"/>
                <a:gd name="T5" fmla="*/ 0 h 18"/>
                <a:gd name="T6" fmla="*/ 16 w 16"/>
                <a:gd name="T7" fmla="*/ 13 h 18"/>
                <a:gd name="T8" fmla="*/ 11 w 16"/>
                <a:gd name="T9" fmla="*/ 18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8">
                  <a:moveTo>
                    <a:pt x="11" y="18"/>
                  </a:moveTo>
                  <a:lnTo>
                    <a:pt x="0" y="5"/>
                  </a:lnTo>
                  <a:lnTo>
                    <a:pt x="5" y="0"/>
                  </a:lnTo>
                  <a:lnTo>
                    <a:pt x="16" y="13"/>
                  </a:lnTo>
                  <a:lnTo>
                    <a:pt x="11" y="1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0" name="Freeform 113"/>
            <p:cNvSpPr>
              <a:spLocks/>
            </p:cNvSpPr>
            <p:nvPr/>
          </p:nvSpPr>
          <p:spPr bwMode="auto">
            <a:xfrm>
              <a:off x="10613346" y="5503863"/>
              <a:ext cx="33338" cy="23813"/>
            </a:xfrm>
            <a:custGeom>
              <a:avLst/>
              <a:gdLst>
                <a:gd name="T0" fmla="*/ 16 w 21"/>
                <a:gd name="T1" fmla="*/ 15 h 15"/>
                <a:gd name="T2" fmla="*/ 11 w 21"/>
                <a:gd name="T3" fmla="*/ 7 h 15"/>
                <a:gd name="T4" fmla="*/ 1 w 21"/>
                <a:gd name="T5" fmla="*/ 11 h 15"/>
                <a:gd name="T6" fmla="*/ 0 w 21"/>
                <a:gd name="T7" fmla="*/ 4 h 15"/>
                <a:gd name="T8" fmla="*/ 11 w 21"/>
                <a:gd name="T9" fmla="*/ 0 h 15"/>
                <a:gd name="T10" fmla="*/ 21 w 21"/>
                <a:gd name="T11" fmla="*/ 9 h 15"/>
                <a:gd name="T12" fmla="*/ 16 w 21"/>
                <a:gd name="T13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1" h="15">
                  <a:moveTo>
                    <a:pt x="16" y="15"/>
                  </a:moveTo>
                  <a:lnTo>
                    <a:pt x="11" y="7"/>
                  </a:lnTo>
                  <a:lnTo>
                    <a:pt x="1" y="11"/>
                  </a:lnTo>
                  <a:lnTo>
                    <a:pt x="0" y="4"/>
                  </a:lnTo>
                  <a:lnTo>
                    <a:pt x="11" y="0"/>
                  </a:lnTo>
                  <a:lnTo>
                    <a:pt x="21" y="9"/>
                  </a:lnTo>
                  <a:lnTo>
                    <a:pt x="16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1" name="Freeform 114"/>
            <p:cNvSpPr>
              <a:spLocks/>
            </p:cNvSpPr>
            <p:nvPr/>
          </p:nvSpPr>
          <p:spPr bwMode="auto">
            <a:xfrm>
              <a:off x="10578421" y="5518150"/>
              <a:ext cx="20638" cy="17463"/>
            </a:xfrm>
            <a:custGeom>
              <a:avLst/>
              <a:gdLst>
                <a:gd name="T0" fmla="*/ 2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2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2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2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2" name="Freeform 115"/>
            <p:cNvSpPr>
              <a:spLocks/>
            </p:cNvSpPr>
            <p:nvPr/>
          </p:nvSpPr>
          <p:spPr bwMode="auto">
            <a:xfrm>
              <a:off x="10543496" y="5532438"/>
              <a:ext cx="20638" cy="17463"/>
            </a:xfrm>
            <a:custGeom>
              <a:avLst/>
              <a:gdLst>
                <a:gd name="T0" fmla="*/ 4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4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4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4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43" name="Montenegro"/>
          <p:cNvSpPr>
            <a:spLocks/>
          </p:cNvSpPr>
          <p:nvPr/>
        </p:nvSpPr>
        <p:spPr bwMode="auto">
          <a:xfrm>
            <a:off x="10230376" y="5414963"/>
            <a:ext cx="295275" cy="322263"/>
          </a:xfrm>
          <a:custGeom>
            <a:avLst/>
            <a:gdLst>
              <a:gd name="T0" fmla="*/ 92 w 186"/>
              <a:gd name="T1" fmla="*/ 0 h 203"/>
              <a:gd name="T2" fmla="*/ 136 w 186"/>
              <a:gd name="T3" fmla="*/ 15 h 203"/>
              <a:gd name="T4" fmla="*/ 148 w 186"/>
              <a:gd name="T5" fmla="*/ 45 h 203"/>
              <a:gd name="T6" fmla="*/ 177 w 186"/>
              <a:gd name="T7" fmla="*/ 56 h 203"/>
              <a:gd name="T8" fmla="*/ 186 w 186"/>
              <a:gd name="T9" fmla="*/ 81 h 203"/>
              <a:gd name="T10" fmla="*/ 170 w 186"/>
              <a:gd name="T11" fmla="*/ 96 h 203"/>
              <a:gd name="T12" fmla="*/ 170 w 186"/>
              <a:gd name="T13" fmla="*/ 119 h 203"/>
              <a:gd name="T14" fmla="*/ 157 w 186"/>
              <a:gd name="T15" fmla="*/ 132 h 203"/>
              <a:gd name="T16" fmla="*/ 139 w 186"/>
              <a:gd name="T17" fmla="*/ 118 h 203"/>
              <a:gd name="T18" fmla="*/ 125 w 186"/>
              <a:gd name="T19" fmla="*/ 143 h 203"/>
              <a:gd name="T20" fmla="*/ 121 w 186"/>
              <a:gd name="T21" fmla="*/ 177 h 203"/>
              <a:gd name="T22" fmla="*/ 103 w 186"/>
              <a:gd name="T23" fmla="*/ 203 h 203"/>
              <a:gd name="T24" fmla="*/ 78 w 186"/>
              <a:gd name="T25" fmla="*/ 197 h 203"/>
              <a:gd name="T26" fmla="*/ 60 w 186"/>
              <a:gd name="T27" fmla="*/ 174 h 203"/>
              <a:gd name="T28" fmla="*/ 47 w 186"/>
              <a:gd name="T29" fmla="*/ 159 h 203"/>
              <a:gd name="T30" fmla="*/ 31 w 186"/>
              <a:gd name="T31" fmla="*/ 183 h 203"/>
              <a:gd name="T32" fmla="*/ 9 w 186"/>
              <a:gd name="T33" fmla="*/ 152 h 203"/>
              <a:gd name="T34" fmla="*/ 0 w 186"/>
              <a:gd name="T35" fmla="*/ 146 h 203"/>
              <a:gd name="T36" fmla="*/ 7 w 186"/>
              <a:gd name="T37" fmla="*/ 123 h 203"/>
              <a:gd name="T38" fmla="*/ 0 w 186"/>
              <a:gd name="T39" fmla="*/ 100 h 203"/>
              <a:gd name="T40" fmla="*/ 20 w 186"/>
              <a:gd name="T41" fmla="*/ 81 h 203"/>
              <a:gd name="T42" fmla="*/ 14 w 186"/>
              <a:gd name="T43" fmla="*/ 58 h 203"/>
              <a:gd name="T44" fmla="*/ 31 w 186"/>
              <a:gd name="T45" fmla="*/ 34 h 203"/>
              <a:gd name="T46" fmla="*/ 85 w 186"/>
              <a:gd name="T47" fmla="*/ 31 h 203"/>
              <a:gd name="T48" fmla="*/ 92 w 186"/>
              <a:gd name="T49" fmla="*/ 0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86" h="203">
                <a:moveTo>
                  <a:pt x="92" y="0"/>
                </a:moveTo>
                <a:lnTo>
                  <a:pt x="136" y="15"/>
                </a:lnTo>
                <a:lnTo>
                  <a:pt x="148" y="45"/>
                </a:lnTo>
                <a:lnTo>
                  <a:pt x="177" y="56"/>
                </a:lnTo>
                <a:lnTo>
                  <a:pt x="186" y="81"/>
                </a:lnTo>
                <a:lnTo>
                  <a:pt x="170" y="96"/>
                </a:lnTo>
                <a:lnTo>
                  <a:pt x="170" y="119"/>
                </a:lnTo>
                <a:lnTo>
                  <a:pt x="157" y="132"/>
                </a:lnTo>
                <a:lnTo>
                  <a:pt x="139" y="118"/>
                </a:lnTo>
                <a:lnTo>
                  <a:pt x="125" y="143"/>
                </a:lnTo>
                <a:lnTo>
                  <a:pt x="121" y="177"/>
                </a:lnTo>
                <a:lnTo>
                  <a:pt x="103" y="203"/>
                </a:lnTo>
                <a:lnTo>
                  <a:pt x="78" y="197"/>
                </a:lnTo>
                <a:lnTo>
                  <a:pt x="60" y="174"/>
                </a:lnTo>
                <a:lnTo>
                  <a:pt x="47" y="159"/>
                </a:lnTo>
                <a:lnTo>
                  <a:pt x="31" y="183"/>
                </a:lnTo>
                <a:lnTo>
                  <a:pt x="9" y="152"/>
                </a:lnTo>
                <a:lnTo>
                  <a:pt x="0" y="146"/>
                </a:lnTo>
                <a:lnTo>
                  <a:pt x="7" y="123"/>
                </a:lnTo>
                <a:lnTo>
                  <a:pt x="0" y="100"/>
                </a:lnTo>
                <a:lnTo>
                  <a:pt x="20" y="81"/>
                </a:lnTo>
                <a:lnTo>
                  <a:pt x="14" y="58"/>
                </a:lnTo>
                <a:lnTo>
                  <a:pt x="31" y="34"/>
                </a:lnTo>
                <a:lnTo>
                  <a:pt x="85" y="31"/>
                </a:lnTo>
                <a:lnTo>
                  <a:pt x="92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4" name="Croatia"/>
          <p:cNvSpPr>
            <a:spLocks/>
          </p:cNvSpPr>
          <p:nvPr/>
        </p:nvSpPr>
        <p:spPr bwMode="auto">
          <a:xfrm>
            <a:off x="9408051" y="4910138"/>
            <a:ext cx="871538" cy="642938"/>
          </a:xfrm>
          <a:custGeom>
            <a:avLst/>
            <a:gdLst>
              <a:gd name="T0" fmla="*/ 286 w 304"/>
              <a:gd name="T1" fmla="*/ 30 h 224"/>
              <a:gd name="T2" fmla="*/ 257 w 304"/>
              <a:gd name="T3" fmla="*/ 40 h 224"/>
              <a:gd name="T4" fmla="*/ 213 w 304"/>
              <a:gd name="T5" fmla="*/ 31 h 224"/>
              <a:gd name="T6" fmla="*/ 152 w 304"/>
              <a:gd name="T7" fmla="*/ 0 h 224"/>
              <a:gd name="T8" fmla="*/ 134 w 304"/>
              <a:gd name="T9" fmla="*/ 31 h 224"/>
              <a:gd name="T10" fmla="*/ 109 w 304"/>
              <a:gd name="T11" fmla="*/ 58 h 224"/>
              <a:gd name="T12" fmla="*/ 100 w 304"/>
              <a:gd name="T13" fmla="*/ 59 h 224"/>
              <a:gd name="T14" fmla="*/ 42 w 304"/>
              <a:gd name="T15" fmla="*/ 69 h 224"/>
              <a:gd name="T16" fmla="*/ 19 w 304"/>
              <a:gd name="T17" fmla="*/ 75 h 224"/>
              <a:gd name="T18" fmla="*/ 0 w 304"/>
              <a:gd name="T19" fmla="*/ 83 h 224"/>
              <a:gd name="T20" fmla="*/ 7 w 304"/>
              <a:gd name="T21" fmla="*/ 109 h 224"/>
              <a:gd name="T22" fmla="*/ 31 w 304"/>
              <a:gd name="T23" fmla="*/ 112 h 224"/>
              <a:gd name="T24" fmla="*/ 44 w 304"/>
              <a:gd name="T25" fmla="*/ 95 h 224"/>
              <a:gd name="T26" fmla="*/ 54 w 304"/>
              <a:gd name="T27" fmla="*/ 86 h 224"/>
              <a:gd name="T28" fmla="*/ 77 w 304"/>
              <a:gd name="T29" fmla="*/ 104 h 224"/>
              <a:gd name="T30" fmla="*/ 84 w 304"/>
              <a:gd name="T31" fmla="*/ 145 h 224"/>
              <a:gd name="T32" fmla="*/ 98 w 304"/>
              <a:gd name="T33" fmla="*/ 161 h 224"/>
              <a:gd name="T34" fmla="*/ 143 w 304"/>
              <a:gd name="T35" fmla="*/ 188 h 224"/>
              <a:gd name="T36" fmla="*/ 167 w 304"/>
              <a:gd name="T37" fmla="*/ 191 h 224"/>
              <a:gd name="T38" fmla="*/ 191 w 304"/>
              <a:gd name="T39" fmla="*/ 199 h 224"/>
              <a:gd name="T40" fmla="*/ 199 w 304"/>
              <a:gd name="T41" fmla="*/ 212 h 224"/>
              <a:gd name="T42" fmla="*/ 239 w 304"/>
              <a:gd name="T43" fmla="*/ 223 h 224"/>
              <a:gd name="T44" fmla="*/ 239 w 304"/>
              <a:gd name="T45" fmla="*/ 223 h 224"/>
              <a:gd name="T46" fmla="*/ 143 w 304"/>
              <a:gd name="T47" fmla="*/ 160 h 224"/>
              <a:gd name="T48" fmla="*/ 130 w 304"/>
              <a:gd name="T49" fmla="*/ 147 h 224"/>
              <a:gd name="T50" fmla="*/ 133 w 304"/>
              <a:gd name="T51" fmla="*/ 125 h 224"/>
              <a:gd name="T52" fmla="*/ 126 w 304"/>
              <a:gd name="T53" fmla="*/ 94 h 224"/>
              <a:gd name="T54" fmla="*/ 149 w 304"/>
              <a:gd name="T55" fmla="*/ 98 h 224"/>
              <a:gd name="T56" fmla="*/ 180 w 304"/>
              <a:gd name="T57" fmla="*/ 85 h 224"/>
              <a:gd name="T58" fmla="*/ 200 w 304"/>
              <a:gd name="T59" fmla="*/ 86 h 224"/>
              <a:gd name="T60" fmla="*/ 219 w 304"/>
              <a:gd name="T61" fmla="*/ 81 h 224"/>
              <a:gd name="T62" fmla="*/ 245 w 304"/>
              <a:gd name="T63" fmla="*/ 81 h 224"/>
              <a:gd name="T64" fmla="*/ 276 w 304"/>
              <a:gd name="T65" fmla="*/ 81 h 224"/>
              <a:gd name="T66" fmla="*/ 304 w 304"/>
              <a:gd name="T67" fmla="*/ 81 h 224"/>
              <a:gd name="T68" fmla="*/ 286 w 304"/>
              <a:gd name="T69" fmla="*/ 46 h 2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04" h="224">
                <a:moveTo>
                  <a:pt x="286" y="46"/>
                </a:moveTo>
                <a:cubicBezTo>
                  <a:pt x="286" y="30"/>
                  <a:pt x="286" y="30"/>
                  <a:pt x="286" y="30"/>
                </a:cubicBezTo>
                <a:cubicBezTo>
                  <a:pt x="279" y="27"/>
                  <a:pt x="279" y="27"/>
                  <a:pt x="279" y="27"/>
                </a:cubicBezTo>
                <a:cubicBezTo>
                  <a:pt x="257" y="40"/>
                  <a:pt x="257" y="40"/>
                  <a:pt x="257" y="40"/>
                </a:cubicBezTo>
                <a:cubicBezTo>
                  <a:pt x="226" y="38"/>
                  <a:pt x="226" y="38"/>
                  <a:pt x="226" y="38"/>
                </a:cubicBezTo>
                <a:cubicBezTo>
                  <a:pt x="213" y="31"/>
                  <a:pt x="213" y="31"/>
                  <a:pt x="213" y="31"/>
                </a:cubicBezTo>
                <a:cubicBezTo>
                  <a:pt x="197" y="36"/>
                  <a:pt x="197" y="36"/>
                  <a:pt x="197" y="36"/>
                </a:cubicBezTo>
                <a:cubicBezTo>
                  <a:pt x="152" y="0"/>
                  <a:pt x="152" y="0"/>
                  <a:pt x="152" y="0"/>
                </a:cubicBezTo>
                <a:cubicBezTo>
                  <a:pt x="149" y="3"/>
                  <a:pt x="149" y="3"/>
                  <a:pt x="149" y="3"/>
                </a:cubicBezTo>
                <a:cubicBezTo>
                  <a:pt x="134" y="31"/>
                  <a:pt x="134" y="31"/>
                  <a:pt x="134" y="31"/>
                </a:cubicBezTo>
                <a:cubicBezTo>
                  <a:pt x="109" y="36"/>
                  <a:pt x="109" y="36"/>
                  <a:pt x="109" y="36"/>
                </a:cubicBezTo>
                <a:cubicBezTo>
                  <a:pt x="109" y="58"/>
                  <a:pt x="109" y="58"/>
                  <a:pt x="109" y="58"/>
                </a:cubicBezTo>
                <a:cubicBezTo>
                  <a:pt x="104" y="62"/>
                  <a:pt x="104" y="62"/>
                  <a:pt x="104" y="62"/>
                </a:cubicBezTo>
                <a:cubicBezTo>
                  <a:pt x="100" y="59"/>
                  <a:pt x="100" y="59"/>
                  <a:pt x="100" y="59"/>
                </a:cubicBezTo>
                <a:cubicBezTo>
                  <a:pt x="63" y="59"/>
                  <a:pt x="63" y="59"/>
                  <a:pt x="63" y="59"/>
                </a:cubicBezTo>
                <a:cubicBezTo>
                  <a:pt x="42" y="69"/>
                  <a:pt x="42" y="69"/>
                  <a:pt x="42" y="69"/>
                </a:cubicBezTo>
                <a:cubicBezTo>
                  <a:pt x="29" y="62"/>
                  <a:pt x="29" y="62"/>
                  <a:pt x="29" y="62"/>
                </a:cubicBezTo>
                <a:cubicBezTo>
                  <a:pt x="19" y="75"/>
                  <a:pt x="19" y="75"/>
                  <a:pt x="19" y="75"/>
                </a:cubicBezTo>
                <a:cubicBezTo>
                  <a:pt x="4" y="76"/>
                  <a:pt x="4" y="76"/>
                  <a:pt x="4" y="76"/>
                </a:cubicBezTo>
                <a:cubicBezTo>
                  <a:pt x="0" y="83"/>
                  <a:pt x="0" y="83"/>
                  <a:pt x="0" y="83"/>
                </a:cubicBezTo>
                <a:cubicBezTo>
                  <a:pt x="6" y="93"/>
                  <a:pt x="6" y="93"/>
                  <a:pt x="6" y="93"/>
                </a:cubicBezTo>
                <a:cubicBezTo>
                  <a:pt x="7" y="109"/>
                  <a:pt x="7" y="109"/>
                  <a:pt x="7" y="109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31" y="112"/>
                  <a:pt x="31" y="112"/>
                  <a:pt x="31" y="112"/>
                </a:cubicBezTo>
                <a:cubicBezTo>
                  <a:pt x="43" y="112"/>
                  <a:pt x="43" y="112"/>
                  <a:pt x="43" y="112"/>
                </a:cubicBezTo>
                <a:cubicBezTo>
                  <a:pt x="44" y="95"/>
                  <a:pt x="44" y="95"/>
                  <a:pt x="44" y="95"/>
                </a:cubicBezTo>
                <a:cubicBezTo>
                  <a:pt x="45" y="86"/>
                  <a:pt x="45" y="86"/>
                  <a:pt x="45" y="86"/>
                </a:cubicBezTo>
                <a:cubicBezTo>
                  <a:pt x="54" y="86"/>
                  <a:pt x="54" y="86"/>
                  <a:pt x="54" y="86"/>
                </a:cubicBezTo>
                <a:cubicBezTo>
                  <a:pt x="64" y="98"/>
                  <a:pt x="64" y="98"/>
                  <a:pt x="64" y="98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0" y="131"/>
                  <a:pt x="80" y="131"/>
                  <a:pt x="80" y="131"/>
                </a:cubicBezTo>
                <a:cubicBezTo>
                  <a:pt x="84" y="145"/>
                  <a:pt x="84" y="145"/>
                  <a:pt x="84" y="145"/>
                </a:cubicBezTo>
                <a:cubicBezTo>
                  <a:pt x="96" y="151"/>
                  <a:pt x="96" y="151"/>
                  <a:pt x="96" y="151"/>
                </a:cubicBezTo>
                <a:cubicBezTo>
                  <a:pt x="98" y="161"/>
                  <a:pt x="98" y="161"/>
                  <a:pt x="98" y="161"/>
                </a:cubicBezTo>
                <a:cubicBezTo>
                  <a:pt x="136" y="184"/>
                  <a:pt x="136" y="184"/>
                  <a:pt x="136" y="184"/>
                </a:cubicBezTo>
                <a:cubicBezTo>
                  <a:pt x="143" y="188"/>
                  <a:pt x="143" y="188"/>
                  <a:pt x="143" y="188"/>
                </a:cubicBezTo>
                <a:cubicBezTo>
                  <a:pt x="147" y="201"/>
                  <a:pt x="147" y="201"/>
                  <a:pt x="147" y="201"/>
                </a:cubicBezTo>
                <a:cubicBezTo>
                  <a:pt x="167" y="191"/>
                  <a:pt x="167" y="191"/>
                  <a:pt x="167" y="191"/>
                </a:cubicBezTo>
                <a:cubicBezTo>
                  <a:pt x="173" y="201"/>
                  <a:pt x="173" y="201"/>
                  <a:pt x="173" y="201"/>
                </a:cubicBezTo>
                <a:cubicBezTo>
                  <a:pt x="191" y="199"/>
                  <a:pt x="191" y="199"/>
                  <a:pt x="191" y="199"/>
                </a:cubicBezTo>
                <a:cubicBezTo>
                  <a:pt x="196" y="202"/>
                  <a:pt x="196" y="202"/>
                  <a:pt x="196" y="202"/>
                </a:cubicBezTo>
                <a:cubicBezTo>
                  <a:pt x="199" y="212"/>
                  <a:pt x="199" y="212"/>
                  <a:pt x="199" y="212"/>
                </a:cubicBezTo>
                <a:cubicBezTo>
                  <a:pt x="225" y="222"/>
                  <a:pt x="225" y="222"/>
                  <a:pt x="225" y="222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239" y="224"/>
                  <a:pt x="239" y="224"/>
                  <a:pt x="239" y="224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181" y="187"/>
                  <a:pt x="181" y="187"/>
                  <a:pt x="181" y="187"/>
                </a:cubicBezTo>
                <a:cubicBezTo>
                  <a:pt x="143" y="160"/>
                  <a:pt x="143" y="160"/>
                  <a:pt x="143" y="160"/>
                </a:cubicBezTo>
                <a:cubicBezTo>
                  <a:pt x="134" y="156"/>
                  <a:pt x="134" y="156"/>
                  <a:pt x="134" y="156"/>
                </a:cubicBezTo>
                <a:cubicBezTo>
                  <a:pt x="130" y="147"/>
                  <a:pt x="130" y="147"/>
                  <a:pt x="130" y="147"/>
                </a:cubicBezTo>
                <a:cubicBezTo>
                  <a:pt x="130" y="135"/>
                  <a:pt x="130" y="135"/>
                  <a:pt x="130" y="135"/>
                </a:cubicBezTo>
                <a:cubicBezTo>
                  <a:pt x="133" y="125"/>
                  <a:pt x="133" y="125"/>
                  <a:pt x="133" y="125"/>
                </a:cubicBezTo>
                <a:cubicBezTo>
                  <a:pt x="133" y="113"/>
                  <a:pt x="133" y="113"/>
                  <a:pt x="133" y="113"/>
                </a:cubicBezTo>
                <a:cubicBezTo>
                  <a:pt x="126" y="94"/>
                  <a:pt x="126" y="94"/>
                  <a:pt x="126" y="94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49" y="98"/>
                  <a:pt x="149" y="98"/>
                  <a:pt x="149" y="98"/>
                </a:cubicBezTo>
                <a:cubicBezTo>
                  <a:pt x="165" y="81"/>
                  <a:pt x="165" y="81"/>
                  <a:pt x="165" y="81"/>
                </a:cubicBezTo>
                <a:cubicBezTo>
                  <a:pt x="180" y="85"/>
                  <a:pt x="180" y="85"/>
                  <a:pt x="180" y="85"/>
                </a:cubicBezTo>
                <a:cubicBezTo>
                  <a:pt x="185" y="76"/>
                  <a:pt x="185" y="76"/>
                  <a:pt x="185" y="76"/>
                </a:cubicBezTo>
                <a:cubicBezTo>
                  <a:pt x="200" y="86"/>
                  <a:pt x="200" y="86"/>
                  <a:pt x="200" y="86"/>
                </a:cubicBezTo>
                <a:cubicBezTo>
                  <a:pt x="209" y="81"/>
                  <a:pt x="209" y="81"/>
                  <a:pt x="209" y="81"/>
                </a:cubicBezTo>
                <a:cubicBezTo>
                  <a:pt x="219" y="81"/>
                  <a:pt x="219" y="81"/>
                  <a:pt x="219" y="81"/>
                </a:cubicBezTo>
                <a:cubicBezTo>
                  <a:pt x="233" y="92"/>
                  <a:pt x="233" y="92"/>
                  <a:pt x="233" y="92"/>
                </a:cubicBezTo>
                <a:cubicBezTo>
                  <a:pt x="245" y="81"/>
                  <a:pt x="245" y="81"/>
                  <a:pt x="245" y="81"/>
                </a:cubicBezTo>
                <a:cubicBezTo>
                  <a:pt x="257" y="76"/>
                  <a:pt x="257" y="76"/>
                  <a:pt x="257" y="76"/>
                </a:cubicBezTo>
                <a:cubicBezTo>
                  <a:pt x="276" y="81"/>
                  <a:pt x="276" y="81"/>
                  <a:pt x="276" y="81"/>
                </a:cubicBezTo>
                <a:cubicBezTo>
                  <a:pt x="276" y="81"/>
                  <a:pt x="285" y="89"/>
                  <a:pt x="285" y="91"/>
                </a:cubicBezTo>
                <a:cubicBezTo>
                  <a:pt x="288" y="89"/>
                  <a:pt x="304" y="81"/>
                  <a:pt x="304" y="81"/>
                </a:cubicBezTo>
                <a:cubicBezTo>
                  <a:pt x="304" y="58"/>
                  <a:pt x="304" y="58"/>
                  <a:pt x="304" y="58"/>
                </a:cubicBezTo>
                <a:lnTo>
                  <a:pt x="286" y="4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5" name="Slovenia"/>
          <p:cNvSpPr>
            <a:spLocks/>
          </p:cNvSpPr>
          <p:nvPr/>
        </p:nvSpPr>
        <p:spPr bwMode="auto">
          <a:xfrm>
            <a:off x="9390588" y="4864100"/>
            <a:ext cx="452438" cy="252413"/>
          </a:xfrm>
          <a:custGeom>
            <a:avLst/>
            <a:gdLst>
              <a:gd name="T0" fmla="*/ 207 w 285"/>
              <a:gd name="T1" fmla="*/ 94 h 159"/>
              <a:gd name="T2" fmla="*/ 253 w 285"/>
              <a:gd name="T3" fmla="*/ 85 h 159"/>
              <a:gd name="T4" fmla="*/ 280 w 285"/>
              <a:gd name="T5" fmla="*/ 35 h 159"/>
              <a:gd name="T6" fmla="*/ 285 w 285"/>
              <a:gd name="T7" fmla="*/ 29 h 159"/>
              <a:gd name="T8" fmla="*/ 247 w 285"/>
              <a:gd name="T9" fmla="*/ 0 h 159"/>
              <a:gd name="T10" fmla="*/ 193 w 285"/>
              <a:gd name="T11" fmla="*/ 20 h 159"/>
              <a:gd name="T12" fmla="*/ 146 w 285"/>
              <a:gd name="T13" fmla="*/ 6 h 159"/>
              <a:gd name="T14" fmla="*/ 117 w 285"/>
              <a:gd name="T15" fmla="*/ 44 h 159"/>
              <a:gd name="T16" fmla="*/ 47 w 285"/>
              <a:gd name="T17" fmla="*/ 38 h 159"/>
              <a:gd name="T18" fmla="*/ 0 w 285"/>
              <a:gd name="T19" fmla="*/ 62 h 159"/>
              <a:gd name="T20" fmla="*/ 34 w 285"/>
              <a:gd name="T21" fmla="*/ 80 h 159"/>
              <a:gd name="T22" fmla="*/ 18 w 285"/>
              <a:gd name="T23" fmla="*/ 103 h 159"/>
              <a:gd name="T24" fmla="*/ 61 w 285"/>
              <a:gd name="T25" fmla="*/ 141 h 159"/>
              <a:gd name="T26" fmla="*/ 85 w 285"/>
              <a:gd name="T27" fmla="*/ 154 h 159"/>
              <a:gd name="T28" fmla="*/ 126 w 285"/>
              <a:gd name="T29" fmla="*/ 145 h 159"/>
              <a:gd name="T30" fmla="*/ 175 w 285"/>
              <a:gd name="T31" fmla="*/ 159 h 159"/>
              <a:gd name="T32" fmla="*/ 207 w 285"/>
              <a:gd name="T33" fmla="*/ 134 h 159"/>
              <a:gd name="T34" fmla="*/ 207 w 285"/>
              <a:gd name="T35" fmla="*/ 94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</a:cxnLst>
            <a:rect l="0" t="0" r="r" b="b"/>
            <a:pathLst>
              <a:path w="285" h="159">
                <a:moveTo>
                  <a:pt x="207" y="94"/>
                </a:moveTo>
                <a:lnTo>
                  <a:pt x="253" y="85"/>
                </a:lnTo>
                <a:lnTo>
                  <a:pt x="280" y="35"/>
                </a:lnTo>
                <a:lnTo>
                  <a:pt x="285" y="29"/>
                </a:lnTo>
                <a:lnTo>
                  <a:pt x="247" y="0"/>
                </a:lnTo>
                <a:lnTo>
                  <a:pt x="193" y="20"/>
                </a:lnTo>
                <a:lnTo>
                  <a:pt x="146" y="6"/>
                </a:lnTo>
                <a:lnTo>
                  <a:pt x="117" y="44"/>
                </a:lnTo>
                <a:lnTo>
                  <a:pt x="47" y="38"/>
                </a:lnTo>
                <a:lnTo>
                  <a:pt x="0" y="62"/>
                </a:lnTo>
                <a:lnTo>
                  <a:pt x="34" y="80"/>
                </a:lnTo>
                <a:lnTo>
                  <a:pt x="18" y="103"/>
                </a:lnTo>
                <a:lnTo>
                  <a:pt x="61" y="141"/>
                </a:lnTo>
                <a:lnTo>
                  <a:pt x="85" y="154"/>
                </a:lnTo>
                <a:lnTo>
                  <a:pt x="126" y="145"/>
                </a:lnTo>
                <a:lnTo>
                  <a:pt x="175" y="159"/>
                </a:lnTo>
                <a:lnTo>
                  <a:pt x="207" y="134"/>
                </a:lnTo>
                <a:lnTo>
                  <a:pt x="207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6" name="Switzerland"/>
          <p:cNvSpPr>
            <a:spLocks/>
          </p:cNvSpPr>
          <p:nvPr/>
        </p:nvSpPr>
        <p:spPr bwMode="auto">
          <a:xfrm>
            <a:off x="8285688" y="4695825"/>
            <a:ext cx="714375" cy="381000"/>
          </a:xfrm>
          <a:custGeom>
            <a:avLst/>
            <a:gdLst>
              <a:gd name="T0" fmla="*/ 137 w 249"/>
              <a:gd name="T1" fmla="*/ 0 h 133"/>
              <a:gd name="T2" fmla="*/ 151 w 249"/>
              <a:gd name="T3" fmla="*/ 9 h 133"/>
              <a:gd name="T4" fmla="*/ 171 w 249"/>
              <a:gd name="T5" fmla="*/ 8 h 133"/>
              <a:gd name="T6" fmla="*/ 186 w 249"/>
              <a:gd name="T7" fmla="*/ 18 h 133"/>
              <a:gd name="T8" fmla="*/ 191 w 249"/>
              <a:gd name="T9" fmla="*/ 29 h 133"/>
              <a:gd name="T10" fmla="*/ 180 w 249"/>
              <a:gd name="T11" fmla="*/ 43 h 133"/>
              <a:gd name="T12" fmla="*/ 193 w 249"/>
              <a:gd name="T13" fmla="*/ 55 h 133"/>
              <a:gd name="T14" fmla="*/ 206 w 249"/>
              <a:gd name="T15" fmla="*/ 62 h 133"/>
              <a:gd name="T16" fmla="*/ 232 w 249"/>
              <a:gd name="T17" fmla="*/ 63 h 133"/>
              <a:gd name="T18" fmla="*/ 242 w 249"/>
              <a:gd name="T19" fmla="*/ 50 h 133"/>
              <a:gd name="T20" fmla="*/ 249 w 249"/>
              <a:gd name="T21" fmla="*/ 62 h 133"/>
              <a:gd name="T22" fmla="*/ 238 w 249"/>
              <a:gd name="T23" fmla="*/ 70 h 133"/>
              <a:gd name="T24" fmla="*/ 236 w 249"/>
              <a:gd name="T25" fmla="*/ 88 h 133"/>
              <a:gd name="T26" fmla="*/ 222 w 249"/>
              <a:gd name="T27" fmla="*/ 77 h 133"/>
              <a:gd name="T28" fmla="*/ 212 w 249"/>
              <a:gd name="T29" fmla="*/ 83 h 133"/>
              <a:gd name="T30" fmla="*/ 222 w 249"/>
              <a:gd name="T31" fmla="*/ 102 h 133"/>
              <a:gd name="T32" fmla="*/ 215 w 249"/>
              <a:gd name="T33" fmla="*/ 111 h 133"/>
              <a:gd name="T34" fmla="*/ 204 w 249"/>
              <a:gd name="T35" fmla="*/ 95 h 133"/>
              <a:gd name="T36" fmla="*/ 187 w 249"/>
              <a:gd name="T37" fmla="*/ 102 h 133"/>
              <a:gd name="T38" fmla="*/ 177 w 249"/>
              <a:gd name="T39" fmla="*/ 83 h 133"/>
              <a:gd name="T40" fmla="*/ 172 w 249"/>
              <a:gd name="T41" fmla="*/ 88 h 133"/>
              <a:gd name="T42" fmla="*/ 172 w 249"/>
              <a:gd name="T43" fmla="*/ 103 h 133"/>
              <a:gd name="T44" fmla="*/ 156 w 249"/>
              <a:gd name="T45" fmla="*/ 118 h 133"/>
              <a:gd name="T46" fmla="*/ 167 w 249"/>
              <a:gd name="T47" fmla="*/ 127 h 133"/>
              <a:gd name="T48" fmla="*/ 159 w 249"/>
              <a:gd name="T49" fmla="*/ 133 h 133"/>
              <a:gd name="T50" fmla="*/ 147 w 249"/>
              <a:gd name="T51" fmla="*/ 127 h 133"/>
              <a:gd name="T52" fmla="*/ 147 w 249"/>
              <a:gd name="T53" fmla="*/ 110 h 133"/>
              <a:gd name="T54" fmla="*/ 132 w 249"/>
              <a:gd name="T55" fmla="*/ 107 h 133"/>
              <a:gd name="T56" fmla="*/ 122 w 249"/>
              <a:gd name="T57" fmla="*/ 93 h 133"/>
              <a:gd name="T58" fmla="*/ 102 w 249"/>
              <a:gd name="T59" fmla="*/ 124 h 133"/>
              <a:gd name="T60" fmla="*/ 46 w 249"/>
              <a:gd name="T61" fmla="*/ 126 h 133"/>
              <a:gd name="T62" fmla="*/ 39 w 249"/>
              <a:gd name="T63" fmla="*/ 85 h 133"/>
              <a:gd name="T64" fmla="*/ 11 w 249"/>
              <a:gd name="T65" fmla="*/ 89 h 133"/>
              <a:gd name="T66" fmla="*/ 0 w 249"/>
              <a:gd name="T67" fmla="*/ 102 h 133"/>
              <a:gd name="T68" fmla="*/ 2 w 249"/>
              <a:gd name="T69" fmla="*/ 81 h 133"/>
              <a:gd name="T70" fmla="*/ 28 w 249"/>
              <a:gd name="T71" fmla="*/ 50 h 133"/>
              <a:gd name="T72" fmla="*/ 86 w 249"/>
              <a:gd name="T73" fmla="*/ 13 h 133"/>
              <a:gd name="T74" fmla="*/ 106 w 249"/>
              <a:gd name="T75" fmla="*/ 14 h 133"/>
              <a:gd name="T76" fmla="*/ 133 w 249"/>
              <a:gd name="T77" fmla="*/ 17 h 133"/>
              <a:gd name="T78" fmla="*/ 137 w 249"/>
              <a:gd name="T79" fmla="*/ 0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</a:cxnLst>
            <a:rect l="0" t="0" r="r" b="b"/>
            <a:pathLst>
              <a:path w="249" h="133">
                <a:moveTo>
                  <a:pt x="137" y="0"/>
                </a:moveTo>
                <a:cubicBezTo>
                  <a:pt x="151" y="9"/>
                  <a:pt x="151" y="9"/>
                  <a:pt x="151" y="9"/>
                </a:cubicBezTo>
                <a:cubicBezTo>
                  <a:pt x="171" y="8"/>
                  <a:pt x="171" y="8"/>
                  <a:pt x="171" y="8"/>
                </a:cubicBezTo>
                <a:cubicBezTo>
                  <a:pt x="186" y="18"/>
                  <a:pt x="186" y="18"/>
                  <a:pt x="186" y="18"/>
                </a:cubicBezTo>
                <a:cubicBezTo>
                  <a:pt x="191" y="29"/>
                  <a:pt x="191" y="29"/>
                  <a:pt x="191" y="29"/>
                </a:cubicBezTo>
                <a:cubicBezTo>
                  <a:pt x="180" y="43"/>
                  <a:pt x="180" y="43"/>
                  <a:pt x="180" y="43"/>
                </a:cubicBezTo>
                <a:cubicBezTo>
                  <a:pt x="193" y="55"/>
                  <a:pt x="193" y="55"/>
                  <a:pt x="193" y="55"/>
                </a:cubicBezTo>
                <a:cubicBezTo>
                  <a:pt x="206" y="62"/>
                  <a:pt x="206" y="62"/>
                  <a:pt x="206" y="62"/>
                </a:cubicBezTo>
                <a:cubicBezTo>
                  <a:pt x="232" y="63"/>
                  <a:pt x="232" y="63"/>
                  <a:pt x="232" y="63"/>
                </a:cubicBezTo>
                <a:cubicBezTo>
                  <a:pt x="242" y="50"/>
                  <a:pt x="242" y="50"/>
                  <a:pt x="242" y="50"/>
                </a:cubicBezTo>
                <a:cubicBezTo>
                  <a:pt x="249" y="62"/>
                  <a:pt x="249" y="62"/>
                  <a:pt x="249" y="62"/>
                </a:cubicBezTo>
                <a:cubicBezTo>
                  <a:pt x="238" y="70"/>
                  <a:pt x="238" y="70"/>
                  <a:pt x="238" y="70"/>
                </a:cubicBezTo>
                <a:cubicBezTo>
                  <a:pt x="236" y="88"/>
                  <a:pt x="236" y="88"/>
                  <a:pt x="236" y="88"/>
                </a:cubicBezTo>
                <a:cubicBezTo>
                  <a:pt x="222" y="77"/>
                  <a:pt x="222" y="77"/>
                  <a:pt x="222" y="77"/>
                </a:cubicBezTo>
                <a:cubicBezTo>
                  <a:pt x="212" y="83"/>
                  <a:pt x="212" y="83"/>
                  <a:pt x="212" y="83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5" y="111"/>
                  <a:pt x="215" y="111"/>
                  <a:pt x="215" y="111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187" y="102"/>
                  <a:pt x="187" y="102"/>
                  <a:pt x="187" y="102"/>
                </a:cubicBezTo>
                <a:cubicBezTo>
                  <a:pt x="177" y="83"/>
                  <a:pt x="177" y="83"/>
                  <a:pt x="177" y="83"/>
                </a:cubicBezTo>
                <a:cubicBezTo>
                  <a:pt x="172" y="88"/>
                  <a:pt x="172" y="88"/>
                  <a:pt x="172" y="88"/>
                </a:cubicBezTo>
                <a:cubicBezTo>
                  <a:pt x="172" y="103"/>
                  <a:pt x="172" y="103"/>
                  <a:pt x="172" y="103"/>
                </a:cubicBezTo>
                <a:cubicBezTo>
                  <a:pt x="156" y="118"/>
                  <a:pt x="156" y="118"/>
                  <a:pt x="156" y="118"/>
                </a:cubicBezTo>
                <a:cubicBezTo>
                  <a:pt x="167" y="127"/>
                  <a:pt x="167" y="127"/>
                  <a:pt x="167" y="127"/>
                </a:cubicBezTo>
                <a:cubicBezTo>
                  <a:pt x="159" y="133"/>
                  <a:pt x="159" y="133"/>
                  <a:pt x="159" y="133"/>
                </a:cubicBezTo>
                <a:cubicBezTo>
                  <a:pt x="147" y="127"/>
                  <a:pt x="147" y="127"/>
                  <a:pt x="147" y="127"/>
                </a:cubicBezTo>
                <a:cubicBezTo>
                  <a:pt x="147" y="110"/>
                  <a:pt x="147" y="110"/>
                  <a:pt x="147" y="110"/>
                </a:cubicBezTo>
                <a:cubicBezTo>
                  <a:pt x="132" y="107"/>
                  <a:pt x="132" y="107"/>
                  <a:pt x="132" y="107"/>
                </a:cubicBezTo>
                <a:cubicBezTo>
                  <a:pt x="122" y="93"/>
                  <a:pt x="122" y="93"/>
                  <a:pt x="122" y="93"/>
                </a:cubicBezTo>
                <a:cubicBezTo>
                  <a:pt x="102" y="124"/>
                  <a:pt x="102" y="124"/>
                  <a:pt x="102" y="124"/>
                </a:cubicBezTo>
                <a:cubicBezTo>
                  <a:pt x="102" y="124"/>
                  <a:pt x="45" y="126"/>
                  <a:pt x="46" y="126"/>
                </a:cubicBezTo>
                <a:cubicBezTo>
                  <a:pt x="48" y="126"/>
                  <a:pt x="39" y="85"/>
                  <a:pt x="39" y="85"/>
                </a:cubicBezTo>
                <a:cubicBezTo>
                  <a:pt x="11" y="89"/>
                  <a:pt x="11" y="89"/>
                  <a:pt x="11" y="89"/>
                </a:cubicBezTo>
                <a:cubicBezTo>
                  <a:pt x="0" y="102"/>
                  <a:pt x="0" y="102"/>
                  <a:pt x="0" y="102"/>
                </a:cubicBezTo>
                <a:cubicBezTo>
                  <a:pt x="2" y="81"/>
                  <a:pt x="2" y="81"/>
                  <a:pt x="2" y="81"/>
                </a:cubicBezTo>
                <a:cubicBezTo>
                  <a:pt x="28" y="50"/>
                  <a:pt x="28" y="50"/>
                  <a:pt x="28" y="50"/>
                </a:cubicBezTo>
                <a:cubicBezTo>
                  <a:pt x="86" y="13"/>
                  <a:pt x="86" y="13"/>
                  <a:pt x="86" y="13"/>
                </a:cubicBezTo>
                <a:cubicBezTo>
                  <a:pt x="106" y="14"/>
                  <a:pt x="106" y="14"/>
                  <a:pt x="106" y="14"/>
                </a:cubicBezTo>
                <a:cubicBezTo>
                  <a:pt x="133" y="17"/>
                  <a:pt x="133" y="17"/>
                  <a:pt x="133" y="17"/>
                </a:cubicBezTo>
                <a:lnTo>
                  <a:pt x="137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7" name="ANDORRA"/>
          <p:cNvSpPr>
            <a:spLocks noChangeArrowheads="1"/>
          </p:cNvSpPr>
          <p:nvPr/>
        </p:nvSpPr>
        <p:spPr bwMode="auto">
          <a:xfrm>
            <a:off x="7425263" y="5492750"/>
            <a:ext cx="244475" cy="24606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8" name="Portugal"/>
          <p:cNvSpPr>
            <a:spLocks/>
          </p:cNvSpPr>
          <p:nvPr/>
        </p:nvSpPr>
        <p:spPr bwMode="auto">
          <a:xfrm>
            <a:off x="5561538" y="5446713"/>
            <a:ext cx="693738" cy="989013"/>
          </a:xfrm>
          <a:custGeom>
            <a:avLst/>
            <a:gdLst>
              <a:gd name="T0" fmla="*/ 159 w 437"/>
              <a:gd name="T1" fmla="*/ 107 h 623"/>
              <a:gd name="T2" fmla="*/ 159 w 437"/>
              <a:gd name="T3" fmla="*/ 61 h 623"/>
              <a:gd name="T4" fmla="*/ 148 w 437"/>
              <a:gd name="T5" fmla="*/ 34 h 623"/>
              <a:gd name="T6" fmla="*/ 179 w 437"/>
              <a:gd name="T7" fmla="*/ 0 h 623"/>
              <a:gd name="T8" fmla="*/ 229 w 437"/>
              <a:gd name="T9" fmla="*/ 0 h 623"/>
              <a:gd name="T10" fmla="*/ 260 w 437"/>
              <a:gd name="T11" fmla="*/ 14 h 623"/>
              <a:gd name="T12" fmla="*/ 242 w 437"/>
              <a:gd name="T13" fmla="*/ 40 h 623"/>
              <a:gd name="T14" fmla="*/ 280 w 437"/>
              <a:gd name="T15" fmla="*/ 38 h 623"/>
              <a:gd name="T16" fmla="*/ 331 w 437"/>
              <a:gd name="T17" fmla="*/ 58 h 623"/>
              <a:gd name="T18" fmla="*/ 341 w 437"/>
              <a:gd name="T19" fmla="*/ 43 h 623"/>
              <a:gd name="T20" fmla="*/ 401 w 437"/>
              <a:gd name="T21" fmla="*/ 51 h 623"/>
              <a:gd name="T22" fmla="*/ 396 w 437"/>
              <a:gd name="T23" fmla="*/ 96 h 623"/>
              <a:gd name="T24" fmla="*/ 437 w 437"/>
              <a:gd name="T25" fmla="*/ 94 h 623"/>
              <a:gd name="T26" fmla="*/ 437 w 437"/>
              <a:gd name="T27" fmla="*/ 126 h 623"/>
              <a:gd name="T28" fmla="*/ 340 w 437"/>
              <a:gd name="T29" fmla="*/ 154 h 623"/>
              <a:gd name="T30" fmla="*/ 347 w 437"/>
              <a:gd name="T31" fmla="*/ 179 h 623"/>
              <a:gd name="T32" fmla="*/ 332 w 437"/>
              <a:gd name="T33" fmla="*/ 246 h 623"/>
              <a:gd name="T34" fmla="*/ 314 w 437"/>
              <a:gd name="T35" fmla="*/ 239 h 623"/>
              <a:gd name="T36" fmla="*/ 311 w 437"/>
              <a:gd name="T37" fmla="*/ 273 h 623"/>
              <a:gd name="T38" fmla="*/ 294 w 437"/>
              <a:gd name="T39" fmla="*/ 318 h 623"/>
              <a:gd name="T40" fmla="*/ 238 w 437"/>
              <a:gd name="T41" fmla="*/ 314 h 623"/>
              <a:gd name="T42" fmla="*/ 278 w 437"/>
              <a:gd name="T43" fmla="*/ 378 h 623"/>
              <a:gd name="T44" fmla="*/ 276 w 437"/>
              <a:gd name="T45" fmla="*/ 405 h 623"/>
              <a:gd name="T46" fmla="*/ 226 w 437"/>
              <a:gd name="T47" fmla="*/ 454 h 623"/>
              <a:gd name="T48" fmla="*/ 273 w 437"/>
              <a:gd name="T49" fmla="*/ 506 h 623"/>
              <a:gd name="T50" fmla="*/ 219 w 437"/>
              <a:gd name="T51" fmla="*/ 506 h 623"/>
              <a:gd name="T52" fmla="*/ 179 w 437"/>
              <a:gd name="T53" fmla="*/ 556 h 623"/>
              <a:gd name="T54" fmla="*/ 188 w 437"/>
              <a:gd name="T55" fmla="*/ 600 h 623"/>
              <a:gd name="T56" fmla="*/ 121 w 437"/>
              <a:gd name="T57" fmla="*/ 623 h 623"/>
              <a:gd name="T58" fmla="*/ 58 w 437"/>
              <a:gd name="T59" fmla="*/ 584 h 623"/>
              <a:gd name="T60" fmla="*/ 0 w 437"/>
              <a:gd name="T61" fmla="*/ 593 h 623"/>
              <a:gd name="T62" fmla="*/ 29 w 437"/>
              <a:gd name="T63" fmla="*/ 544 h 623"/>
              <a:gd name="T64" fmla="*/ 47 w 437"/>
              <a:gd name="T65" fmla="*/ 504 h 623"/>
              <a:gd name="T66" fmla="*/ 34 w 437"/>
              <a:gd name="T67" fmla="*/ 470 h 623"/>
              <a:gd name="T68" fmla="*/ 60 w 437"/>
              <a:gd name="T69" fmla="*/ 450 h 623"/>
              <a:gd name="T70" fmla="*/ 56 w 437"/>
              <a:gd name="T71" fmla="*/ 417 h 623"/>
              <a:gd name="T72" fmla="*/ 16 w 437"/>
              <a:gd name="T73" fmla="*/ 419 h 623"/>
              <a:gd name="T74" fmla="*/ 0 w 437"/>
              <a:gd name="T75" fmla="*/ 369 h 623"/>
              <a:gd name="T76" fmla="*/ 25 w 437"/>
              <a:gd name="T77" fmla="*/ 329 h 623"/>
              <a:gd name="T78" fmla="*/ 27 w 437"/>
              <a:gd name="T79" fmla="*/ 296 h 623"/>
              <a:gd name="T80" fmla="*/ 60 w 437"/>
              <a:gd name="T81" fmla="*/ 296 h 623"/>
              <a:gd name="T82" fmla="*/ 101 w 437"/>
              <a:gd name="T83" fmla="*/ 248 h 623"/>
              <a:gd name="T84" fmla="*/ 110 w 437"/>
              <a:gd name="T85" fmla="*/ 199 h 623"/>
              <a:gd name="T86" fmla="*/ 166 w 437"/>
              <a:gd name="T87" fmla="*/ 143 h 623"/>
              <a:gd name="T88" fmla="*/ 159 w 437"/>
              <a:gd name="T89" fmla="*/ 107 h 6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437" h="623">
                <a:moveTo>
                  <a:pt x="159" y="107"/>
                </a:moveTo>
                <a:lnTo>
                  <a:pt x="159" y="61"/>
                </a:lnTo>
                <a:lnTo>
                  <a:pt x="148" y="34"/>
                </a:lnTo>
                <a:lnTo>
                  <a:pt x="179" y="0"/>
                </a:lnTo>
                <a:lnTo>
                  <a:pt x="229" y="0"/>
                </a:lnTo>
                <a:lnTo>
                  <a:pt x="260" y="14"/>
                </a:lnTo>
                <a:lnTo>
                  <a:pt x="242" y="40"/>
                </a:lnTo>
                <a:lnTo>
                  <a:pt x="280" y="38"/>
                </a:lnTo>
                <a:lnTo>
                  <a:pt x="331" y="58"/>
                </a:lnTo>
                <a:lnTo>
                  <a:pt x="341" y="43"/>
                </a:lnTo>
                <a:lnTo>
                  <a:pt x="401" y="51"/>
                </a:lnTo>
                <a:lnTo>
                  <a:pt x="396" y="96"/>
                </a:lnTo>
                <a:lnTo>
                  <a:pt x="437" y="94"/>
                </a:lnTo>
                <a:lnTo>
                  <a:pt x="437" y="126"/>
                </a:lnTo>
                <a:lnTo>
                  <a:pt x="340" y="154"/>
                </a:lnTo>
                <a:lnTo>
                  <a:pt x="347" y="179"/>
                </a:lnTo>
                <a:lnTo>
                  <a:pt x="332" y="246"/>
                </a:lnTo>
                <a:lnTo>
                  <a:pt x="314" y="239"/>
                </a:lnTo>
                <a:lnTo>
                  <a:pt x="311" y="273"/>
                </a:lnTo>
                <a:lnTo>
                  <a:pt x="294" y="318"/>
                </a:lnTo>
                <a:lnTo>
                  <a:pt x="238" y="314"/>
                </a:lnTo>
                <a:lnTo>
                  <a:pt x="278" y="378"/>
                </a:lnTo>
                <a:lnTo>
                  <a:pt x="276" y="405"/>
                </a:lnTo>
                <a:lnTo>
                  <a:pt x="226" y="454"/>
                </a:lnTo>
                <a:lnTo>
                  <a:pt x="273" y="506"/>
                </a:lnTo>
                <a:lnTo>
                  <a:pt x="219" y="506"/>
                </a:lnTo>
                <a:lnTo>
                  <a:pt x="179" y="556"/>
                </a:lnTo>
                <a:lnTo>
                  <a:pt x="188" y="600"/>
                </a:lnTo>
                <a:lnTo>
                  <a:pt x="121" y="623"/>
                </a:lnTo>
                <a:lnTo>
                  <a:pt x="58" y="584"/>
                </a:lnTo>
                <a:lnTo>
                  <a:pt x="0" y="593"/>
                </a:lnTo>
                <a:lnTo>
                  <a:pt x="29" y="544"/>
                </a:lnTo>
                <a:lnTo>
                  <a:pt x="47" y="504"/>
                </a:lnTo>
                <a:lnTo>
                  <a:pt x="34" y="470"/>
                </a:lnTo>
                <a:lnTo>
                  <a:pt x="60" y="450"/>
                </a:lnTo>
                <a:lnTo>
                  <a:pt x="56" y="417"/>
                </a:lnTo>
                <a:lnTo>
                  <a:pt x="16" y="419"/>
                </a:lnTo>
                <a:lnTo>
                  <a:pt x="0" y="369"/>
                </a:lnTo>
                <a:lnTo>
                  <a:pt x="25" y="329"/>
                </a:lnTo>
                <a:lnTo>
                  <a:pt x="27" y="296"/>
                </a:lnTo>
                <a:lnTo>
                  <a:pt x="60" y="296"/>
                </a:lnTo>
                <a:lnTo>
                  <a:pt x="101" y="248"/>
                </a:lnTo>
                <a:lnTo>
                  <a:pt x="110" y="199"/>
                </a:lnTo>
                <a:lnTo>
                  <a:pt x="166" y="143"/>
                </a:lnTo>
                <a:lnTo>
                  <a:pt x="159" y="10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9" name="Spain"/>
          <p:cNvSpPr>
            <a:spLocks/>
          </p:cNvSpPr>
          <p:nvPr/>
        </p:nvSpPr>
        <p:spPr bwMode="auto">
          <a:xfrm>
            <a:off x="5825063" y="5143500"/>
            <a:ext cx="1965325" cy="1547813"/>
          </a:xfrm>
          <a:custGeom>
            <a:avLst/>
            <a:gdLst>
              <a:gd name="T0" fmla="*/ 638 w 1238"/>
              <a:gd name="T1" fmla="*/ 133 h 975"/>
              <a:gd name="T2" fmla="*/ 710 w 1238"/>
              <a:gd name="T3" fmla="*/ 169 h 975"/>
              <a:gd name="T4" fmla="*/ 779 w 1238"/>
              <a:gd name="T5" fmla="*/ 178 h 975"/>
              <a:gd name="T6" fmla="*/ 842 w 1238"/>
              <a:gd name="T7" fmla="*/ 224 h 975"/>
              <a:gd name="T8" fmla="*/ 914 w 1238"/>
              <a:gd name="T9" fmla="*/ 269 h 975"/>
              <a:gd name="T10" fmla="*/ 999 w 1238"/>
              <a:gd name="T11" fmla="*/ 256 h 975"/>
              <a:gd name="T12" fmla="*/ 1061 w 1238"/>
              <a:gd name="T13" fmla="*/ 298 h 975"/>
              <a:gd name="T14" fmla="*/ 1095 w 1238"/>
              <a:gd name="T15" fmla="*/ 316 h 975"/>
              <a:gd name="T16" fmla="*/ 1173 w 1238"/>
              <a:gd name="T17" fmla="*/ 345 h 975"/>
              <a:gd name="T18" fmla="*/ 1227 w 1238"/>
              <a:gd name="T19" fmla="*/ 397 h 975"/>
              <a:gd name="T20" fmla="*/ 1100 w 1238"/>
              <a:gd name="T21" fmla="*/ 469 h 975"/>
              <a:gd name="T22" fmla="*/ 958 w 1238"/>
              <a:gd name="T23" fmla="*/ 500 h 975"/>
              <a:gd name="T24" fmla="*/ 934 w 1238"/>
              <a:gd name="T25" fmla="*/ 532 h 975"/>
              <a:gd name="T26" fmla="*/ 826 w 1238"/>
              <a:gd name="T27" fmla="*/ 713 h 975"/>
              <a:gd name="T28" fmla="*/ 860 w 1238"/>
              <a:gd name="T29" fmla="*/ 753 h 975"/>
              <a:gd name="T30" fmla="*/ 763 w 1238"/>
              <a:gd name="T31" fmla="*/ 829 h 975"/>
              <a:gd name="T32" fmla="*/ 748 w 1238"/>
              <a:gd name="T33" fmla="*/ 869 h 975"/>
              <a:gd name="T34" fmla="*/ 703 w 1238"/>
              <a:gd name="T35" fmla="*/ 860 h 975"/>
              <a:gd name="T36" fmla="*/ 593 w 1238"/>
              <a:gd name="T37" fmla="*/ 943 h 975"/>
              <a:gd name="T38" fmla="*/ 562 w 1238"/>
              <a:gd name="T39" fmla="*/ 934 h 975"/>
              <a:gd name="T40" fmla="*/ 481 w 1238"/>
              <a:gd name="T41" fmla="*/ 926 h 975"/>
              <a:gd name="T42" fmla="*/ 338 w 1238"/>
              <a:gd name="T43" fmla="*/ 908 h 975"/>
              <a:gd name="T44" fmla="*/ 239 w 1238"/>
              <a:gd name="T45" fmla="*/ 925 h 975"/>
              <a:gd name="T46" fmla="*/ 165 w 1238"/>
              <a:gd name="T47" fmla="*/ 975 h 975"/>
              <a:gd name="T48" fmla="*/ 116 w 1238"/>
              <a:gd name="T49" fmla="*/ 908 h 975"/>
              <a:gd name="T50" fmla="*/ 116 w 1238"/>
              <a:gd name="T51" fmla="*/ 838 h 975"/>
              <a:gd name="T52" fmla="*/ 22 w 1238"/>
              <a:gd name="T53" fmla="*/ 791 h 975"/>
              <a:gd name="T54" fmla="*/ 53 w 1238"/>
              <a:gd name="T55" fmla="*/ 697 h 975"/>
              <a:gd name="T56" fmla="*/ 60 w 1238"/>
              <a:gd name="T57" fmla="*/ 645 h 975"/>
              <a:gd name="T58" fmla="*/ 112 w 1238"/>
              <a:gd name="T59" fmla="*/ 569 h 975"/>
              <a:gd name="T60" fmla="*/ 128 w 1238"/>
              <a:gd name="T61" fmla="*/ 509 h 975"/>
              <a:gd name="T62" fmla="*/ 148 w 1238"/>
              <a:gd name="T63" fmla="*/ 430 h 975"/>
              <a:gd name="T64" fmla="*/ 181 w 1238"/>
              <a:gd name="T65" fmla="*/ 370 h 975"/>
              <a:gd name="T66" fmla="*/ 271 w 1238"/>
              <a:gd name="T67" fmla="*/ 317 h 975"/>
              <a:gd name="T68" fmla="*/ 230 w 1238"/>
              <a:gd name="T69" fmla="*/ 287 h 975"/>
              <a:gd name="T70" fmla="*/ 175 w 1238"/>
              <a:gd name="T71" fmla="*/ 234 h 975"/>
              <a:gd name="T72" fmla="*/ 114 w 1238"/>
              <a:gd name="T73" fmla="*/ 229 h 975"/>
              <a:gd name="T74" fmla="*/ 94 w 1238"/>
              <a:gd name="T75" fmla="*/ 205 h 975"/>
              <a:gd name="T76" fmla="*/ 13 w 1238"/>
              <a:gd name="T77" fmla="*/ 191 h 975"/>
              <a:gd name="T78" fmla="*/ 54 w 1238"/>
              <a:gd name="T79" fmla="*/ 108 h 975"/>
              <a:gd name="T80" fmla="*/ 13 w 1238"/>
              <a:gd name="T81" fmla="*/ 110 h 975"/>
              <a:gd name="T82" fmla="*/ 27 w 1238"/>
              <a:gd name="T83" fmla="*/ 45 h 975"/>
              <a:gd name="T84" fmla="*/ 157 w 1238"/>
              <a:gd name="T85" fmla="*/ 0 h 975"/>
              <a:gd name="T86" fmla="*/ 190 w 1238"/>
              <a:gd name="T87" fmla="*/ 10 h 975"/>
              <a:gd name="T88" fmla="*/ 268 w 1238"/>
              <a:gd name="T89" fmla="*/ 56 h 975"/>
              <a:gd name="T90" fmla="*/ 356 w 1238"/>
              <a:gd name="T91" fmla="*/ 57 h 975"/>
              <a:gd name="T92" fmla="*/ 477 w 1238"/>
              <a:gd name="T93" fmla="*/ 121 h 975"/>
              <a:gd name="T94" fmla="*/ 542 w 1238"/>
              <a:gd name="T95" fmla="*/ 113 h 975"/>
              <a:gd name="T96" fmla="*/ 609 w 1238"/>
              <a:gd name="T97" fmla="*/ 157 h 9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38" h="975">
                <a:moveTo>
                  <a:pt x="609" y="157"/>
                </a:moveTo>
                <a:lnTo>
                  <a:pt x="638" y="133"/>
                </a:lnTo>
                <a:lnTo>
                  <a:pt x="672" y="157"/>
                </a:lnTo>
                <a:lnTo>
                  <a:pt x="710" y="169"/>
                </a:lnTo>
                <a:lnTo>
                  <a:pt x="763" y="162"/>
                </a:lnTo>
                <a:lnTo>
                  <a:pt x="779" y="178"/>
                </a:lnTo>
                <a:lnTo>
                  <a:pt x="779" y="204"/>
                </a:lnTo>
                <a:lnTo>
                  <a:pt x="842" y="224"/>
                </a:lnTo>
                <a:lnTo>
                  <a:pt x="898" y="252"/>
                </a:lnTo>
                <a:lnTo>
                  <a:pt x="914" y="269"/>
                </a:lnTo>
                <a:lnTo>
                  <a:pt x="990" y="278"/>
                </a:lnTo>
                <a:lnTo>
                  <a:pt x="999" y="256"/>
                </a:lnTo>
                <a:lnTo>
                  <a:pt x="1046" y="281"/>
                </a:lnTo>
                <a:lnTo>
                  <a:pt x="1061" y="298"/>
                </a:lnTo>
                <a:lnTo>
                  <a:pt x="1061" y="316"/>
                </a:lnTo>
                <a:lnTo>
                  <a:pt x="1095" y="316"/>
                </a:lnTo>
                <a:lnTo>
                  <a:pt x="1109" y="327"/>
                </a:lnTo>
                <a:lnTo>
                  <a:pt x="1173" y="345"/>
                </a:lnTo>
                <a:lnTo>
                  <a:pt x="1238" y="345"/>
                </a:lnTo>
                <a:lnTo>
                  <a:pt x="1227" y="397"/>
                </a:lnTo>
                <a:lnTo>
                  <a:pt x="1129" y="444"/>
                </a:lnTo>
                <a:lnTo>
                  <a:pt x="1100" y="469"/>
                </a:lnTo>
                <a:lnTo>
                  <a:pt x="1001" y="478"/>
                </a:lnTo>
                <a:lnTo>
                  <a:pt x="958" y="500"/>
                </a:lnTo>
                <a:lnTo>
                  <a:pt x="967" y="523"/>
                </a:lnTo>
                <a:lnTo>
                  <a:pt x="934" y="532"/>
                </a:lnTo>
                <a:lnTo>
                  <a:pt x="837" y="637"/>
                </a:lnTo>
                <a:lnTo>
                  <a:pt x="826" y="713"/>
                </a:lnTo>
                <a:lnTo>
                  <a:pt x="867" y="735"/>
                </a:lnTo>
                <a:lnTo>
                  <a:pt x="860" y="753"/>
                </a:lnTo>
                <a:lnTo>
                  <a:pt x="786" y="782"/>
                </a:lnTo>
                <a:lnTo>
                  <a:pt x="763" y="829"/>
                </a:lnTo>
                <a:lnTo>
                  <a:pt x="739" y="840"/>
                </a:lnTo>
                <a:lnTo>
                  <a:pt x="748" y="869"/>
                </a:lnTo>
                <a:lnTo>
                  <a:pt x="732" y="878"/>
                </a:lnTo>
                <a:lnTo>
                  <a:pt x="703" y="860"/>
                </a:lnTo>
                <a:lnTo>
                  <a:pt x="631" y="896"/>
                </a:lnTo>
                <a:lnTo>
                  <a:pt x="593" y="943"/>
                </a:lnTo>
                <a:lnTo>
                  <a:pt x="584" y="964"/>
                </a:lnTo>
                <a:lnTo>
                  <a:pt x="562" y="934"/>
                </a:lnTo>
                <a:lnTo>
                  <a:pt x="517" y="944"/>
                </a:lnTo>
                <a:lnTo>
                  <a:pt x="481" y="926"/>
                </a:lnTo>
                <a:lnTo>
                  <a:pt x="448" y="934"/>
                </a:lnTo>
                <a:lnTo>
                  <a:pt x="338" y="908"/>
                </a:lnTo>
                <a:lnTo>
                  <a:pt x="295" y="941"/>
                </a:lnTo>
                <a:lnTo>
                  <a:pt x="239" y="925"/>
                </a:lnTo>
                <a:lnTo>
                  <a:pt x="202" y="964"/>
                </a:lnTo>
                <a:lnTo>
                  <a:pt x="165" y="975"/>
                </a:lnTo>
                <a:lnTo>
                  <a:pt x="143" y="941"/>
                </a:lnTo>
                <a:lnTo>
                  <a:pt x="116" y="908"/>
                </a:lnTo>
                <a:lnTo>
                  <a:pt x="116" y="869"/>
                </a:lnTo>
                <a:lnTo>
                  <a:pt x="116" y="838"/>
                </a:lnTo>
                <a:lnTo>
                  <a:pt x="76" y="814"/>
                </a:lnTo>
                <a:lnTo>
                  <a:pt x="22" y="791"/>
                </a:lnTo>
                <a:lnTo>
                  <a:pt x="13" y="747"/>
                </a:lnTo>
                <a:lnTo>
                  <a:pt x="53" y="697"/>
                </a:lnTo>
                <a:lnTo>
                  <a:pt x="107" y="697"/>
                </a:lnTo>
                <a:lnTo>
                  <a:pt x="60" y="645"/>
                </a:lnTo>
                <a:lnTo>
                  <a:pt x="110" y="596"/>
                </a:lnTo>
                <a:lnTo>
                  <a:pt x="112" y="569"/>
                </a:lnTo>
                <a:lnTo>
                  <a:pt x="72" y="505"/>
                </a:lnTo>
                <a:lnTo>
                  <a:pt x="128" y="509"/>
                </a:lnTo>
                <a:lnTo>
                  <a:pt x="145" y="464"/>
                </a:lnTo>
                <a:lnTo>
                  <a:pt x="148" y="430"/>
                </a:lnTo>
                <a:lnTo>
                  <a:pt x="166" y="437"/>
                </a:lnTo>
                <a:lnTo>
                  <a:pt x="181" y="370"/>
                </a:lnTo>
                <a:lnTo>
                  <a:pt x="174" y="345"/>
                </a:lnTo>
                <a:lnTo>
                  <a:pt x="271" y="317"/>
                </a:lnTo>
                <a:lnTo>
                  <a:pt x="271" y="285"/>
                </a:lnTo>
                <a:lnTo>
                  <a:pt x="230" y="287"/>
                </a:lnTo>
                <a:lnTo>
                  <a:pt x="235" y="242"/>
                </a:lnTo>
                <a:lnTo>
                  <a:pt x="175" y="234"/>
                </a:lnTo>
                <a:lnTo>
                  <a:pt x="165" y="249"/>
                </a:lnTo>
                <a:lnTo>
                  <a:pt x="114" y="229"/>
                </a:lnTo>
                <a:lnTo>
                  <a:pt x="76" y="231"/>
                </a:lnTo>
                <a:lnTo>
                  <a:pt x="94" y="205"/>
                </a:lnTo>
                <a:lnTo>
                  <a:pt x="63" y="191"/>
                </a:lnTo>
                <a:lnTo>
                  <a:pt x="13" y="191"/>
                </a:lnTo>
                <a:lnTo>
                  <a:pt x="29" y="140"/>
                </a:lnTo>
                <a:lnTo>
                  <a:pt x="54" y="108"/>
                </a:lnTo>
                <a:lnTo>
                  <a:pt x="53" y="88"/>
                </a:lnTo>
                <a:lnTo>
                  <a:pt x="13" y="110"/>
                </a:lnTo>
                <a:lnTo>
                  <a:pt x="0" y="63"/>
                </a:lnTo>
                <a:lnTo>
                  <a:pt x="27" y="45"/>
                </a:lnTo>
                <a:lnTo>
                  <a:pt x="103" y="32"/>
                </a:lnTo>
                <a:lnTo>
                  <a:pt x="157" y="0"/>
                </a:lnTo>
                <a:lnTo>
                  <a:pt x="170" y="21"/>
                </a:lnTo>
                <a:lnTo>
                  <a:pt x="190" y="10"/>
                </a:lnTo>
                <a:lnTo>
                  <a:pt x="224" y="43"/>
                </a:lnTo>
                <a:lnTo>
                  <a:pt x="268" y="56"/>
                </a:lnTo>
                <a:lnTo>
                  <a:pt x="325" y="63"/>
                </a:lnTo>
                <a:lnTo>
                  <a:pt x="356" y="57"/>
                </a:lnTo>
                <a:lnTo>
                  <a:pt x="381" y="81"/>
                </a:lnTo>
                <a:lnTo>
                  <a:pt x="477" y="121"/>
                </a:lnTo>
                <a:lnTo>
                  <a:pt x="537" y="128"/>
                </a:lnTo>
                <a:lnTo>
                  <a:pt x="542" y="113"/>
                </a:lnTo>
                <a:lnTo>
                  <a:pt x="584" y="119"/>
                </a:lnTo>
                <a:lnTo>
                  <a:pt x="609" y="15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0" name="France"/>
          <p:cNvSpPr>
            <a:spLocks/>
          </p:cNvSpPr>
          <p:nvPr/>
        </p:nvSpPr>
        <p:spPr bwMode="auto">
          <a:xfrm>
            <a:off x="6752163" y="4013200"/>
            <a:ext cx="1889125" cy="1677988"/>
          </a:xfrm>
          <a:custGeom>
            <a:avLst/>
            <a:gdLst>
              <a:gd name="T0" fmla="*/ 246 w 659"/>
              <a:gd name="T1" fmla="*/ 109 h 585"/>
              <a:gd name="T2" fmla="*/ 336 w 659"/>
              <a:gd name="T3" fmla="*/ 64 h 585"/>
              <a:gd name="T4" fmla="*/ 386 w 659"/>
              <a:gd name="T5" fmla="*/ 0 h 585"/>
              <a:gd name="T6" fmla="*/ 454 w 659"/>
              <a:gd name="T7" fmla="*/ 54 h 585"/>
              <a:gd name="T8" fmla="*/ 490 w 659"/>
              <a:gd name="T9" fmla="*/ 73 h 585"/>
              <a:gd name="T10" fmla="*/ 551 w 659"/>
              <a:gd name="T11" fmla="*/ 120 h 585"/>
              <a:gd name="T12" fmla="*/ 594 w 659"/>
              <a:gd name="T13" fmla="*/ 150 h 585"/>
              <a:gd name="T14" fmla="*/ 628 w 659"/>
              <a:gd name="T15" fmla="*/ 200 h 585"/>
              <a:gd name="T16" fmla="*/ 563 w 659"/>
              <a:gd name="T17" fmla="*/ 288 h 585"/>
              <a:gd name="T18" fmla="*/ 535 w 659"/>
              <a:gd name="T19" fmla="*/ 340 h 585"/>
              <a:gd name="T20" fmla="*/ 575 w 659"/>
              <a:gd name="T21" fmla="*/ 323 h 585"/>
              <a:gd name="T22" fmla="*/ 568 w 659"/>
              <a:gd name="T23" fmla="*/ 370 h 585"/>
              <a:gd name="T24" fmla="*/ 567 w 659"/>
              <a:gd name="T25" fmla="*/ 414 h 585"/>
              <a:gd name="T26" fmla="*/ 575 w 659"/>
              <a:gd name="T27" fmla="*/ 466 h 585"/>
              <a:gd name="T28" fmla="*/ 606 w 659"/>
              <a:gd name="T29" fmla="*/ 507 h 585"/>
              <a:gd name="T30" fmla="*/ 488 w 659"/>
              <a:gd name="T31" fmla="*/ 536 h 585"/>
              <a:gd name="T32" fmla="*/ 450 w 659"/>
              <a:gd name="T33" fmla="*/ 528 h 585"/>
              <a:gd name="T34" fmla="*/ 362 w 659"/>
              <a:gd name="T35" fmla="*/ 529 h 585"/>
              <a:gd name="T36" fmla="*/ 362 w 659"/>
              <a:gd name="T37" fmla="*/ 585 h 585"/>
              <a:gd name="T38" fmla="*/ 291 w 659"/>
              <a:gd name="T39" fmla="*/ 575 h 585"/>
              <a:gd name="T40" fmla="*/ 264 w 659"/>
              <a:gd name="T41" fmla="*/ 559 h 585"/>
              <a:gd name="T42" fmla="*/ 230 w 659"/>
              <a:gd name="T43" fmla="*/ 536 h 585"/>
              <a:gd name="T44" fmla="*/ 183 w 659"/>
              <a:gd name="T45" fmla="*/ 543 h 585"/>
              <a:gd name="T46" fmla="*/ 143 w 659"/>
              <a:gd name="T47" fmla="*/ 518 h 585"/>
              <a:gd name="T48" fmla="*/ 108 w 659"/>
              <a:gd name="T49" fmla="*/ 493 h 585"/>
              <a:gd name="T50" fmla="*/ 121 w 659"/>
              <a:gd name="T51" fmla="*/ 463 h 585"/>
              <a:gd name="T52" fmla="*/ 151 w 659"/>
              <a:gd name="T53" fmla="*/ 351 h 585"/>
              <a:gd name="T54" fmla="*/ 155 w 659"/>
              <a:gd name="T55" fmla="*/ 337 h 585"/>
              <a:gd name="T56" fmla="*/ 159 w 659"/>
              <a:gd name="T57" fmla="*/ 296 h 585"/>
              <a:gd name="T58" fmla="*/ 126 w 659"/>
              <a:gd name="T59" fmla="*/ 266 h 585"/>
              <a:gd name="T60" fmla="*/ 122 w 659"/>
              <a:gd name="T61" fmla="*/ 242 h 585"/>
              <a:gd name="T62" fmla="*/ 113 w 659"/>
              <a:gd name="T63" fmla="*/ 207 h 585"/>
              <a:gd name="T64" fmla="*/ 45 w 659"/>
              <a:gd name="T65" fmla="*/ 177 h 585"/>
              <a:gd name="T66" fmla="*/ 0 w 659"/>
              <a:gd name="T67" fmla="*/ 156 h 585"/>
              <a:gd name="T68" fmla="*/ 5 w 659"/>
              <a:gd name="T69" fmla="*/ 132 h 585"/>
              <a:gd name="T70" fmla="*/ 43 w 659"/>
              <a:gd name="T71" fmla="*/ 111 h 585"/>
              <a:gd name="T72" fmla="*/ 85 w 659"/>
              <a:gd name="T73" fmla="*/ 110 h 585"/>
              <a:gd name="T74" fmla="*/ 123 w 659"/>
              <a:gd name="T75" fmla="*/ 126 h 585"/>
              <a:gd name="T76" fmla="*/ 172 w 659"/>
              <a:gd name="T77" fmla="*/ 143 h 585"/>
              <a:gd name="T78" fmla="*/ 174 w 659"/>
              <a:gd name="T79" fmla="*/ 100 h 585"/>
              <a:gd name="T80" fmla="*/ 163 w 659"/>
              <a:gd name="T81" fmla="*/ 65 h 585"/>
              <a:gd name="T82" fmla="*/ 188 w 659"/>
              <a:gd name="T83" fmla="*/ 94 h 5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659" h="585">
                <a:moveTo>
                  <a:pt x="201" y="92"/>
                </a:moveTo>
                <a:cubicBezTo>
                  <a:pt x="246" y="109"/>
                  <a:pt x="246" y="109"/>
                  <a:pt x="246" y="109"/>
                </a:cubicBezTo>
                <a:cubicBezTo>
                  <a:pt x="262" y="80"/>
                  <a:pt x="262" y="80"/>
                  <a:pt x="262" y="80"/>
                </a:cubicBezTo>
                <a:cubicBezTo>
                  <a:pt x="336" y="64"/>
                  <a:pt x="336" y="64"/>
                  <a:pt x="336" y="64"/>
                </a:cubicBezTo>
                <a:cubicBezTo>
                  <a:pt x="339" y="6"/>
                  <a:pt x="339" y="6"/>
                  <a:pt x="339" y="6"/>
                </a:cubicBezTo>
                <a:cubicBezTo>
                  <a:pt x="386" y="0"/>
                  <a:pt x="386" y="0"/>
                  <a:pt x="386" y="0"/>
                </a:cubicBezTo>
                <a:cubicBezTo>
                  <a:pt x="408" y="29"/>
                  <a:pt x="408" y="29"/>
                  <a:pt x="408" y="29"/>
                </a:cubicBezTo>
                <a:cubicBezTo>
                  <a:pt x="454" y="54"/>
                  <a:pt x="454" y="54"/>
                  <a:pt x="454" y="54"/>
                </a:cubicBezTo>
                <a:cubicBezTo>
                  <a:pt x="464" y="82"/>
                  <a:pt x="464" y="82"/>
                  <a:pt x="464" y="82"/>
                </a:cubicBezTo>
                <a:cubicBezTo>
                  <a:pt x="490" y="73"/>
                  <a:pt x="490" y="73"/>
                  <a:pt x="490" y="73"/>
                </a:cubicBezTo>
                <a:cubicBezTo>
                  <a:pt x="522" y="120"/>
                  <a:pt x="522" y="120"/>
                  <a:pt x="522" y="120"/>
                </a:cubicBezTo>
                <a:cubicBezTo>
                  <a:pt x="551" y="120"/>
                  <a:pt x="551" y="120"/>
                  <a:pt x="551" y="120"/>
                </a:cubicBezTo>
                <a:cubicBezTo>
                  <a:pt x="571" y="122"/>
                  <a:pt x="571" y="122"/>
                  <a:pt x="571" y="122"/>
                </a:cubicBezTo>
                <a:cubicBezTo>
                  <a:pt x="594" y="150"/>
                  <a:pt x="594" y="150"/>
                  <a:pt x="594" y="150"/>
                </a:cubicBezTo>
                <a:cubicBezTo>
                  <a:pt x="659" y="153"/>
                  <a:pt x="659" y="153"/>
                  <a:pt x="659" y="153"/>
                </a:cubicBezTo>
                <a:cubicBezTo>
                  <a:pt x="628" y="200"/>
                  <a:pt x="628" y="200"/>
                  <a:pt x="628" y="200"/>
                </a:cubicBezTo>
                <a:cubicBezTo>
                  <a:pt x="621" y="251"/>
                  <a:pt x="621" y="251"/>
                  <a:pt x="621" y="251"/>
                </a:cubicBezTo>
                <a:cubicBezTo>
                  <a:pt x="563" y="288"/>
                  <a:pt x="563" y="288"/>
                  <a:pt x="563" y="288"/>
                </a:cubicBezTo>
                <a:cubicBezTo>
                  <a:pt x="537" y="319"/>
                  <a:pt x="537" y="319"/>
                  <a:pt x="537" y="319"/>
                </a:cubicBezTo>
                <a:cubicBezTo>
                  <a:pt x="535" y="340"/>
                  <a:pt x="535" y="340"/>
                  <a:pt x="535" y="340"/>
                </a:cubicBezTo>
                <a:cubicBezTo>
                  <a:pt x="549" y="324"/>
                  <a:pt x="549" y="324"/>
                  <a:pt x="549" y="324"/>
                </a:cubicBezTo>
                <a:cubicBezTo>
                  <a:pt x="575" y="323"/>
                  <a:pt x="575" y="323"/>
                  <a:pt x="575" y="323"/>
                </a:cubicBezTo>
                <a:cubicBezTo>
                  <a:pt x="583" y="364"/>
                  <a:pt x="583" y="364"/>
                  <a:pt x="583" y="364"/>
                </a:cubicBezTo>
                <a:cubicBezTo>
                  <a:pt x="568" y="370"/>
                  <a:pt x="568" y="370"/>
                  <a:pt x="568" y="370"/>
                </a:cubicBezTo>
                <a:cubicBezTo>
                  <a:pt x="590" y="389"/>
                  <a:pt x="590" y="389"/>
                  <a:pt x="590" y="389"/>
                </a:cubicBezTo>
                <a:cubicBezTo>
                  <a:pt x="567" y="414"/>
                  <a:pt x="567" y="414"/>
                  <a:pt x="567" y="414"/>
                </a:cubicBezTo>
                <a:cubicBezTo>
                  <a:pt x="581" y="434"/>
                  <a:pt x="581" y="434"/>
                  <a:pt x="581" y="434"/>
                </a:cubicBezTo>
                <a:cubicBezTo>
                  <a:pt x="575" y="466"/>
                  <a:pt x="575" y="466"/>
                  <a:pt x="575" y="466"/>
                </a:cubicBezTo>
                <a:cubicBezTo>
                  <a:pt x="619" y="473"/>
                  <a:pt x="619" y="473"/>
                  <a:pt x="619" y="473"/>
                </a:cubicBezTo>
                <a:cubicBezTo>
                  <a:pt x="606" y="507"/>
                  <a:pt x="606" y="507"/>
                  <a:pt x="606" y="507"/>
                </a:cubicBezTo>
                <a:cubicBezTo>
                  <a:pt x="540" y="547"/>
                  <a:pt x="540" y="547"/>
                  <a:pt x="540" y="547"/>
                </a:cubicBezTo>
                <a:cubicBezTo>
                  <a:pt x="488" y="536"/>
                  <a:pt x="488" y="536"/>
                  <a:pt x="488" y="536"/>
                </a:cubicBezTo>
                <a:cubicBezTo>
                  <a:pt x="472" y="511"/>
                  <a:pt x="472" y="511"/>
                  <a:pt x="472" y="511"/>
                </a:cubicBezTo>
                <a:cubicBezTo>
                  <a:pt x="472" y="511"/>
                  <a:pt x="454" y="528"/>
                  <a:pt x="450" y="528"/>
                </a:cubicBezTo>
                <a:cubicBezTo>
                  <a:pt x="445" y="528"/>
                  <a:pt x="411" y="509"/>
                  <a:pt x="411" y="509"/>
                </a:cubicBezTo>
                <a:cubicBezTo>
                  <a:pt x="362" y="529"/>
                  <a:pt x="362" y="529"/>
                  <a:pt x="362" y="529"/>
                </a:cubicBezTo>
                <a:cubicBezTo>
                  <a:pt x="356" y="556"/>
                  <a:pt x="356" y="556"/>
                  <a:pt x="356" y="556"/>
                </a:cubicBezTo>
                <a:cubicBezTo>
                  <a:pt x="362" y="585"/>
                  <a:pt x="362" y="585"/>
                  <a:pt x="362" y="585"/>
                </a:cubicBezTo>
                <a:cubicBezTo>
                  <a:pt x="326" y="585"/>
                  <a:pt x="326" y="585"/>
                  <a:pt x="326" y="585"/>
                </a:cubicBezTo>
                <a:cubicBezTo>
                  <a:pt x="291" y="575"/>
                  <a:pt x="291" y="575"/>
                  <a:pt x="291" y="575"/>
                </a:cubicBezTo>
                <a:cubicBezTo>
                  <a:pt x="278" y="556"/>
                  <a:pt x="278" y="556"/>
                  <a:pt x="278" y="556"/>
                </a:cubicBezTo>
                <a:cubicBezTo>
                  <a:pt x="264" y="559"/>
                  <a:pt x="264" y="559"/>
                  <a:pt x="264" y="559"/>
                </a:cubicBezTo>
                <a:cubicBezTo>
                  <a:pt x="256" y="550"/>
                  <a:pt x="256" y="550"/>
                  <a:pt x="256" y="550"/>
                </a:cubicBezTo>
                <a:cubicBezTo>
                  <a:pt x="230" y="536"/>
                  <a:pt x="230" y="536"/>
                  <a:pt x="230" y="536"/>
                </a:cubicBezTo>
                <a:cubicBezTo>
                  <a:pt x="225" y="548"/>
                  <a:pt x="225" y="548"/>
                  <a:pt x="225" y="548"/>
                </a:cubicBezTo>
                <a:cubicBezTo>
                  <a:pt x="183" y="543"/>
                  <a:pt x="183" y="543"/>
                  <a:pt x="183" y="543"/>
                </a:cubicBezTo>
                <a:cubicBezTo>
                  <a:pt x="174" y="534"/>
                  <a:pt x="174" y="534"/>
                  <a:pt x="174" y="534"/>
                </a:cubicBezTo>
                <a:cubicBezTo>
                  <a:pt x="143" y="518"/>
                  <a:pt x="143" y="518"/>
                  <a:pt x="143" y="518"/>
                </a:cubicBezTo>
                <a:cubicBezTo>
                  <a:pt x="108" y="507"/>
                  <a:pt x="108" y="507"/>
                  <a:pt x="108" y="507"/>
                </a:cubicBezTo>
                <a:cubicBezTo>
                  <a:pt x="108" y="493"/>
                  <a:pt x="108" y="493"/>
                  <a:pt x="108" y="493"/>
                </a:cubicBezTo>
                <a:cubicBezTo>
                  <a:pt x="99" y="484"/>
                  <a:pt x="99" y="484"/>
                  <a:pt x="99" y="484"/>
                </a:cubicBezTo>
                <a:cubicBezTo>
                  <a:pt x="121" y="463"/>
                  <a:pt x="121" y="463"/>
                  <a:pt x="121" y="463"/>
                </a:cubicBezTo>
                <a:cubicBezTo>
                  <a:pt x="131" y="397"/>
                  <a:pt x="131" y="397"/>
                  <a:pt x="131" y="397"/>
                </a:cubicBezTo>
                <a:cubicBezTo>
                  <a:pt x="151" y="351"/>
                  <a:pt x="151" y="351"/>
                  <a:pt x="151" y="351"/>
                </a:cubicBezTo>
                <a:cubicBezTo>
                  <a:pt x="171" y="371"/>
                  <a:pt x="171" y="371"/>
                  <a:pt x="171" y="371"/>
                </a:cubicBezTo>
                <a:cubicBezTo>
                  <a:pt x="155" y="337"/>
                  <a:pt x="155" y="337"/>
                  <a:pt x="155" y="337"/>
                </a:cubicBezTo>
                <a:cubicBezTo>
                  <a:pt x="159" y="318"/>
                  <a:pt x="159" y="318"/>
                  <a:pt x="159" y="318"/>
                </a:cubicBezTo>
                <a:cubicBezTo>
                  <a:pt x="159" y="296"/>
                  <a:pt x="159" y="296"/>
                  <a:pt x="159" y="296"/>
                </a:cubicBezTo>
                <a:cubicBezTo>
                  <a:pt x="128" y="285"/>
                  <a:pt x="128" y="285"/>
                  <a:pt x="128" y="285"/>
                </a:cubicBezTo>
                <a:cubicBezTo>
                  <a:pt x="126" y="266"/>
                  <a:pt x="126" y="266"/>
                  <a:pt x="126" y="266"/>
                </a:cubicBezTo>
                <a:cubicBezTo>
                  <a:pt x="117" y="254"/>
                  <a:pt x="117" y="254"/>
                  <a:pt x="117" y="254"/>
                </a:cubicBezTo>
                <a:cubicBezTo>
                  <a:pt x="122" y="242"/>
                  <a:pt x="122" y="242"/>
                  <a:pt x="122" y="242"/>
                </a:cubicBezTo>
                <a:cubicBezTo>
                  <a:pt x="103" y="225"/>
                  <a:pt x="103" y="225"/>
                  <a:pt x="103" y="225"/>
                </a:cubicBezTo>
                <a:cubicBezTo>
                  <a:pt x="113" y="207"/>
                  <a:pt x="113" y="207"/>
                  <a:pt x="113" y="207"/>
                </a:cubicBezTo>
                <a:cubicBezTo>
                  <a:pt x="72" y="192"/>
                  <a:pt x="72" y="192"/>
                  <a:pt x="72" y="192"/>
                </a:cubicBezTo>
                <a:cubicBezTo>
                  <a:pt x="45" y="177"/>
                  <a:pt x="45" y="177"/>
                  <a:pt x="45" y="177"/>
                </a:cubicBezTo>
                <a:cubicBezTo>
                  <a:pt x="13" y="175"/>
                  <a:pt x="13" y="175"/>
                  <a:pt x="13" y="175"/>
                </a:cubicBezTo>
                <a:cubicBezTo>
                  <a:pt x="0" y="156"/>
                  <a:pt x="0" y="156"/>
                  <a:pt x="0" y="156"/>
                </a:cubicBezTo>
                <a:cubicBezTo>
                  <a:pt x="26" y="138"/>
                  <a:pt x="26" y="138"/>
                  <a:pt x="26" y="138"/>
                </a:cubicBezTo>
                <a:cubicBezTo>
                  <a:pt x="5" y="132"/>
                  <a:pt x="5" y="132"/>
                  <a:pt x="5" y="132"/>
                </a:cubicBezTo>
                <a:cubicBezTo>
                  <a:pt x="12" y="115"/>
                  <a:pt x="12" y="115"/>
                  <a:pt x="12" y="115"/>
                </a:cubicBezTo>
                <a:cubicBezTo>
                  <a:pt x="43" y="111"/>
                  <a:pt x="43" y="111"/>
                  <a:pt x="43" y="111"/>
                </a:cubicBezTo>
                <a:cubicBezTo>
                  <a:pt x="65" y="122"/>
                  <a:pt x="65" y="122"/>
                  <a:pt x="65" y="122"/>
                </a:cubicBezTo>
                <a:cubicBezTo>
                  <a:pt x="85" y="110"/>
                  <a:pt x="85" y="110"/>
                  <a:pt x="85" y="110"/>
                </a:cubicBezTo>
                <a:cubicBezTo>
                  <a:pt x="108" y="132"/>
                  <a:pt x="108" y="132"/>
                  <a:pt x="108" y="132"/>
                </a:cubicBezTo>
                <a:cubicBezTo>
                  <a:pt x="123" y="126"/>
                  <a:pt x="123" y="126"/>
                  <a:pt x="123" y="126"/>
                </a:cubicBezTo>
                <a:cubicBezTo>
                  <a:pt x="140" y="143"/>
                  <a:pt x="140" y="143"/>
                  <a:pt x="140" y="143"/>
                </a:cubicBezTo>
                <a:cubicBezTo>
                  <a:pt x="172" y="143"/>
                  <a:pt x="172" y="143"/>
                  <a:pt x="172" y="143"/>
                </a:cubicBezTo>
                <a:cubicBezTo>
                  <a:pt x="159" y="128"/>
                  <a:pt x="159" y="128"/>
                  <a:pt x="159" y="128"/>
                </a:cubicBezTo>
                <a:cubicBezTo>
                  <a:pt x="174" y="100"/>
                  <a:pt x="174" y="100"/>
                  <a:pt x="174" y="100"/>
                </a:cubicBezTo>
                <a:cubicBezTo>
                  <a:pt x="159" y="79"/>
                  <a:pt x="159" y="79"/>
                  <a:pt x="159" y="79"/>
                </a:cubicBezTo>
                <a:cubicBezTo>
                  <a:pt x="163" y="65"/>
                  <a:pt x="163" y="65"/>
                  <a:pt x="163" y="65"/>
                </a:cubicBezTo>
                <a:cubicBezTo>
                  <a:pt x="191" y="71"/>
                  <a:pt x="191" y="71"/>
                  <a:pt x="191" y="71"/>
                </a:cubicBezTo>
                <a:cubicBezTo>
                  <a:pt x="188" y="94"/>
                  <a:pt x="188" y="94"/>
                  <a:pt x="188" y="94"/>
                </a:cubicBezTo>
                <a:lnTo>
                  <a:pt x="20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1" name="Belgium"/>
          <p:cNvSpPr>
            <a:spLocks/>
          </p:cNvSpPr>
          <p:nvPr/>
        </p:nvSpPr>
        <p:spPr bwMode="auto">
          <a:xfrm>
            <a:off x="7858651" y="3957638"/>
            <a:ext cx="533400" cy="398463"/>
          </a:xfrm>
          <a:custGeom>
            <a:avLst/>
            <a:gdLst>
              <a:gd name="T0" fmla="*/ 0 w 336"/>
              <a:gd name="T1" fmla="*/ 35 h 251"/>
              <a:gd name="T2" fmla="*/ 34 w 336"/>
              <a:gd name="T3" fmla="*/ 17 h 251"/>
              <a:gd name="T4" fmla="*/ 85 w 336"/>
              <a:gd name="T5" fmla="*/ 8 h 251"/>
              <a:gd name="T6" fmla="*/ 105 w 336"/>
              <a:gd name="T7" fmla="*/ 20 h 251"/>
              <a:gd name="T8" fmla="*/ 130 w 336"/>
              <a:gd name="T9" fmla="*/ 8 h 251"/>
              <a:gd name="T10" fmla="*/ 150 w 336"/>
              <a:gd name="T11" fmla="*/ 35 h 251"/>
              <a:gd name="T12" fmla="*/ 161 w 336"/>
              <a:gd name="T13" fmla="*/ 8 h 251"/>
              <a:gd name="T14" fmla="*/ 188 w 336"/>
              <a:gd name="T15" fmla="*/ 20 h 251"/>
              <a:gd name="T16" fmla="*/ 195 w 336"/>
              <a:gd name="T17" fmla="*/ 0 h 251"/>
              <a:gd name="T18" fmla="*/ 215 w 336"/>
              <a:gd name="T19" fmla="*/ 11 h 251"/>
              <a:gd name="T20" fmla="*/ 242 w 336"/>
              <a:gd name="T21" fmla="*/ 35 h 251"/>
              <a:gd name="T22" fmla="*/ 276 w 336"/>
              <a:gd name="T23" fmla="*/ 40 h 251"/>
              <a:gd name="T24" fmla="*/ 271 w 336"/>
              <a:gd name="T25" fmla="*/ 69 h 251"/>
              <a:gd name="T26" fmla="*/ 276 w 336"/>
              <a:gd name="T27" fmla="*/ 105 h 251"/>
              <a:gd name="T28" fmla="*/ 311 w 336"/>
              <a:gd name="T29" fmla="*/ 105 h 251"/>
              <a:gd name="T30" fmla="*/ 331 w 336"/>
              <a:gd name="T31" fmla="*/ 125 h 251"/>
              <a:gd name="T32" fmla="*/ 336 w 336"/>
              <a:gd name="T33" fmla="*/ 138 h 251"/>
              <a:gd name="T34" fmla="*/ 289 w 336"/>
              <a:gd name="T35" fmla="*/ 163 h 251"/>
              <a:gd name="T36" fmla="*/ 271 w 336"/>
              <a:gd name="T37" fmla="*/ 190 h 251"/>
              <a:gd name="T38" fmla="*/ 296 w 336"/>
              <a:gd name="T39" fmla="*/ 251 h 251"/>
              <a:gd name="T40" fmla="*/ 246 w 336"/>
              <a:gd name="T41" fmla="*/ 251 h 251"/>
              <a:gd name="T42" fmla="*/ 188 w 336"/>
              <a:gd name="T43" fmla="*/ 167 h 251"/>
              <a:gd name="T44" fmla="*/ 141 w 336"/>
              <a:gd name="T45" fmla="*/ 183 h 251"/>
              <a:gd name="T46" fmla="*/ 123 w 336"/>
              <a:gd name="T47" fmla="*/ 132 h 251"/>
              <a:gd name="T48" fmla="*/ 40 w 336"/>
              <a:gd name="T49" fmla="*/ 87 h 251"/>
              <a:gd name="T50" fmla="*/ 0 w 336"/>
              <a:gd name="T51" fmla="*/ 35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336" h="251">
                <a:moveTo>
                  <a:pt x="0" y="35"/>
                </a:moveTo>
                <a:lnTo>
                  <a:pt x="34" y="17"/>
                </a:lnTo>
                <a:lnTo>
                  <a:pt x="85" y="8"/>
                </a:lnTo>
                <a:lnTo>
                  <a:pt x="105" y="20"/>
                </a:lnTo>
                <a:lnTo>
                  <a:pt x="130" y="8"/>
                </a:lnTo>
                <a:lnTo>
                  <a:pt x="150" y="35"/>
                </a:lnTo>
                <a:lnTo>
                  <a:pt x="161" y="8"/>
                </a:lnTo>
                <a:lnTo>
                  <a:pt x="188" y="20"/>
                </a:lnTo>
                <a:lnTo>
                  <a:pt x="195" y="0"/>
                </a:lnTo>
                <a:lnTo>
                  <a:pt x="215" y="11"/>
                </a:lnTo>
                <a:lnTo>
                  <a:pt x="242" y="35"/>
                </a:lnTo>
                <a:lnTo>
                  <a:pt x="276" y="40"/>
                </a:lnTo>
                <a:lnTo>
                  <a:pt x="271" y="69"/>
                </a:lnTo>
                <a:lnTo>
                  <a:pt x="276" y="105"/>
                </a:lnTo>
                <a:lnTo>
                  <a:pt x="311" y="105"/>
                </a:lnTo>
                <a:lnTo>
                  <a:pt x="331" y="125"/>
                </a:lnTo>
                <a:lnTo>
                  <a:pt x="336" y="138"/>
                </a:lnTo>
                <a:lnTo>
                  <a:pt x="289" y="163"/>
                </a:lnTo>
                <a:lnTo>
                  <a:pt x="271" y="190"/>
                </a:lnTo>
                <a:lnTo>
                  <a:pt x="296" y="251"/>
                </a:lnTo>
                <a:lnTo>
                  <a:pt x="246" y="251"/>
                </a:lnTo>
                <a:lnTo>
                  <a:pt x="188" y="167"/>
                </a:lnTo>
                <a:lnTo>
                  <a:pt x="141" y="183"/>
                </a:lnTo>
                <a:lnTo>
                  <a:pt x="123" y="132"/>
                </a:lnTo>
                <a:lnTo>
                  <a:pt x="40" y="87"/>
                </a:lnTo>
                <a:lnTo>
                  <a:pt x="0" y="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2" name="Netherlands"/>
          <p:cNvSpPr>
            <a:spLocks/>
          </p:cNvSpPr>
          <p:nvPr/>
        </p:nvSpPr>
        <p:spPr bwMode="auto">
          <a:xfrm>
            <a:off x="8022163" y="3593344"/>
            <a:ext cx="514800" cy="533400"/>
          </a:xfrm>
          <a:custGeom>
            <a:avLst/>
            <a:gdLst>
              <a:gd name="T0" fmla="*/ 43 w 325"/>
              <a:gd name="T1" fmla="*/ 262 h 336"/>
              <a:gd name="T2" fmla="*/ 45 w 325"/>
              <a:gd name="T3" fmla="*/ 231 h 336"/>
              <a:gd name="T4" fmla="*/ 0 w 325"/>
              <a:gd name="T5" fmla="*/ 195 h 336"/>
              <a:gd name="T6" fmla="*/ 33 w 325"/>
              <a:gd name="T7" fmla="*/ 188 h 336"/>
              <a:gd name="T8" fmla="*/ 36 w 325"/>
              <a:gd name="T9" fmla="*/ 163 h 336"/>
              <a:gd name="T10" fmla="*/ 51 w 325"/>
              <a:gd name="T11" fmla="*/ 163 h 336"/>
              <a:gd name="T12" fmla="*/ 58 w 325"/>
              <a:gd name="T13" fmla="*/ 148 h 336"/>
              <a:gd name="T14" fmla="*/ 74 w 325"/>
              <a:gd name="T15" fmla="*/ 148 h 336"/>
              <a:gd name="T16" fmla="*/ 99 w 325"/>
              <a:gd name="T17" fmla="*/ 101 h 336"/>
              <a:gd name="T18" fmla="*/ 94 w 325"/>
              <a:gd name="T19" fmla="*/ 63 h 336"/>
              <a:gd name="T20" fmla="*/ 105 w 325"/>
              <a:gd name="T21" fmla="*/ 49 h 336"/>
              <a:gd name="T22" fmla="*/ 132 w 325"/>
              <a:gd name="T23" fmla="*/ 58 h 336"/>
              <a:gd name="T24" fmla="*/ 155 w 325"/>
              <a:gd name="T25" fmla="*/ 78 h 336"/>
              <a:gd name="T26" fmla="*/ 132 w 325"/>
              <a:gd name="T27" fmla="*/ 121 h 336"/>
              <a:gd name="T28" fmla="*/ 190 w 325"/>
              <a:gd name="T29" fmla="*/ 105 h 336"/>
              <a:gd name="T30" fmla="*/ 190 w 325"/>
              <a:gd name="T31" fmla="*/ 65 h 336"/>
              <a:gd name="T32" fmla="*/ 170 w 325"/>
              <a:gd name="T33" fmla="*/ 63 h 336"/>
              <a:gd name="T34" fmla="*/ 163 w 325"/>
              <a:gd name="T35" fmla="*/ 34 h 336"/>
              <a:gd name="T36" fmla="*/ 220 w 325"/>
              <a:gd name="T37" fmla="*/ 0 h 336"/>
              <a:gd name="T38" fmla="*/ 285 w 325"/>
              <a:gd name="T39" fmla="*/ 0 h 336"/>
              <a:gd name="T40" fmla="*/ 311 w 325"/>
              <a:gd name="T41" fmla="*/ 29 h 336"/>
              <a:gd name="T42" fmla="*/ 325 w 325"/>
              <a:gd name="T43" fmla="*/ 29 h 336"/>
              <a:gd name="T44" fmla="*/ 294 w 325"/>
              <a:gd name="T45" fmla="*/ 99 h 336"/>
              <a:gd name="T46" fmla="*/ 275 w 325"/>
              <a:gd name="T47" fmla="*/ 107 h 336"/>
              <a:gd name="T48" fmla="*/ 293 w 325"/>
              <a:gd name="T49" fmla="*/ 134 h 336"/>
              <a:gd name="T50" fmla="*/ 285 w 325"/>
              <a:gd name="T51" fmla="*/ 166 h 336"/>
              <a:gd name="T52" fmla="*/ 269 w 325"/>
              <a:gd name="T53" fmla="*/ 164 h 336"/>
              <a:gd name="T54" fmla="*/ 278 w 325"/>
              <a:gd name="T55" fmla="*/ 192 h 336"/>
              <a:gd name="T56" fmla="*/ 206 w 325"/>
              <a:gd name="T57" fmla="*/ 193 h 336"/>
              <a:gd name="T58" fmla="*/ 224 w 325"/>
              <a:gd name="T59" fmla="*/ 244 h 336"/>
              <a:gd name="T60" fmla="*/ 213 w 325"/>
              <a:gd name="T61" fmla="*/ 275 h 336"/>
              <a:gd name="T62" fmla="*/ 217 w 325"/>
              <a:gd name="T63" fmla="*/ 293 h 336"/>
              <a:gd name="T64" fmla="*/ 199 w 325"/>
              <a:gd name="T65" fmla="*/ 304 h 336"/>
              <a:gd name="T66" fmla="*/ 208 w 325"/>
              <a:gd name="T67" fmla="*/ 336 h 336"/>
              <a:gd name="T68" fmla="*/ 173 w 325"/>
              <a:gd name="T69" fmla="*/ 336 h 336"/>
              <a:gd name="T70" fmla="*/ 168 w 325"/>
              <a:gd name="T71" fmla="*/ 300 h 336"/>
              <a:gd name="T72" fmla="*/ 173 w 325"/>
              <a:gd name="T73" fmla="*/ 271 h 336"/>
              <a:gd name="T74" fmla="*/ 139 w 325"/>
              <a:gd name="T75" fmla="*/ 266 h 336"/>
              <a:gd name="T76" fmla="*/ 114 w 325"/>
              <a:gd name="T77" fmla="*/ 242 h 336"/>
              <a:gd name="T78" fmla="*/ 92 w 325"/>
              <a:gd name="T79" fmla="*/ 231 h 336"/>
              <a:gd name="T80" fmla="*/ 85 w 325"/>
              <a:gd name="T81" fmla="*/ 251 h 336"/>
              <a:gd name="T82" fmla="*/ 60 w 325"/>
              <a:gd name="T83" fmla="*/ 240 h 336"/>
              <a:gd name="T84" fmla="*/ 47 w 325"/>
              <a:gd name="T85" fmla="*/ 266 h 336"/>
              <a:gd name="T86" fmla="*/ 43 w 325"/>
              <a:gd name="T87" fmla="*/ 262 h 3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25" h="336">
                <a:moveTo>
                  <a:pt x="43" y="262"/>
                </a:moveTo>
                <a:lnTo>
                  <a:pt x="45" y="231"/>
                </a:lnTo>
                <a:lnTo>
                  <a:pt x="0" y="195"/>
                </a:lnTo>
                <a:lnTo>
                  <a:pt x="33" y="188"/>
                </a:lnTo>
                <a:lnTo>
                  <a:pt x="36" y="163"/>
                </a:lnTo>
                <a:lnTo>
                  <a:pt x="51" y="163"/>
                </a:lnTo>
                <a:lnTo>
                  <a:pt x="58" y="148"/>
                </a:lnTo>
                <a:lnTo>
                  <a:pt x="74" y="148"/>
                </a:lnTo>
                <a:lnTo>
                  <a:pt x="99" y="101"/>
                </a:lnTo>
                <a:lnTo>
                  <a:pt x="94" y="63"/>
                </a:lnTo>
                <a:lnTo>
                  <a:pt x="105" y="49"/>
                </a:lnTo>
                <a:lnTo>
                  <a:pt x="132" y="58"/>
                </a:lnTo>
                <a:lnTo>
                  <a:pt x="155" y="78"/>
                </a:lnTo>
                <a:lnTo>
                  <a:pt x="132" y="121"/>
                </a:lnTo>
                <a:lnTo>
                  <a:pt x="190" y="105"/>
                </a:lnTo>
                <a:lnTo>
                  <a:pt x="190" y="65"/>
                </a:lnTo>
                <a:lnTo>
                  <a:pt x="170" y="63"/>
                </a:lnTo>
                <a:lnTo>
                  <a:pt x="163" y="34"/>
                </a:lnTo>
                <a:lnTo>
                  <a:pt x="220" y="0"/>
                </a:lnTo>
                <a:lnTo>
                  <a:pt x="285" y="0"/>
                </a:lnTo>
                <a:lnTo>
                  <a:pt x="311" y="29"/>
                </a:lnTo>
                <a:lnTo>
                  <a:pt x="325" y="29"/>
                </a:lnTo>
                <a:lnTo>
                  <a:pt x="294" y="99"/>
                </a:lnTo>
                <a:lnTo>
                  <a:pt x="275" y="107"/>
                </a:lnTo>
                <a:lnTo>
                  <a:pt x="293" y="134"/>
                </a:lnTo>
                <a:lnTo>
                  <a:pt x="285" y="166"/>
                </a:lnTo>
                <a:lnTo>
                  <a:pt x="269" y="164"/>
                </a:lnTo>
                <a:lnTo>
                  <a:pt x="278" y="192"/>
                </a:lnTo>
                <a:lnTo>
                  <a:pt x="206" y="193"/>
                </a:lnTo>
                <a:lnTo>
                  <a:pt x="224" y="244"/>
                </a:lnTo>
                <a:lnTo>
                  <a:pt x="213" y="275"/>
                </a:lnTo>
                <a:lnTo>
                  <a:pt x="217" y="293"/>
                </a:lnTo>
                <a:lnTo>
                  <a:pt x="199" y="304"/>
                </a:lnTo>
                <a:lnTo>
                  <a:pt x="208" y="336"/>
                </a:lnTo>
                <a:lnTo>
                  <a:pt x="173" y="336"/>
                </a:lnTo>
                <a:lnTo>
                  <a:pt x="168" y="300"/>
                </a:lnTo>
                <a:lnTo>
                  <a:pt x="173" y="271"/>
                </a:lnTo>
                <a:lnTo>
                  <a:pt x="139" y="266"/>
                </a:lnTo>
                <a:lnTo>
                  <a:pt x="114" y="242"/>
                </a:lnTo>
                <a:lnTo>
                  <a:pt x="92" y="231"/>
                </a:lnTo>
                <a:lnTo>
                  <a:pt x="85" y="251"/>
                </a:lnTo>
                <a:lnTo>
                  <a:pt x="60" y="240"/>
                </a:lnTo>
                <a:lnTo>
                  <a:pt x="47" y="266"/>
                </a:lnTo>
                <a:lnTo>
                  <a:pt x="43" y="26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3" name="Germany"/>
          <p:cNvSpPr>
            <a:spLocks/>
          </p:cNvSpPr>
          <p:nvPr/>
        </p:nvSpPr>
        <p:spPr bwMode="auto">
          <a:xfrm>
            <a:off x="8288863" y="3324225"/>
            <a:ext cx="1287463" cy="1471613"/>
          </a:xfrm>
          <a:custGeom>
            <a:avLst/>
            <a:gdLst>
              <a:gd name="T0" fmla="*/ 157 w 811"/>
              <a:gd name="T1" fmla="*/ 145 h 927"/>
              <a:gd name="T2" fmla="*/ 237 w 811"/>
              <a:gd name="T3" fmla="*/ 190 h 927"/>
              <a:gd name="T4" fmla="*/ 260 w 811"/>
              <a:gd name="T5" fmla="*/ 136 h 927"/>
              <a:gd name="T6" fmla="*/ 284 w 811"/>
              <a:gd name="T7" fmla="*/ 132 h 927"/>
              <a:gd name="T8" fmla="*/ 293 w 811"/>
              <a:gd name="T9" fmla="*/ 123 h 927"/>
              <a:gd name="T10" fmla="*/ 260 w 811"/>
              <a:gd name="T11" fmla="*/ 74 h 927"/>
              <a:gd name="T12" fmla="*/ 262 w 811"/>
              <a:gd name="T13" fmla="*/ 16 h 927"/>
              <a:gd name="T14" fmla="*/ 340 w 811"/>
              <a:gd name="T15" fmla="*/ 16 h 927"/>
              <a:gd name="T16" fmla="*/ 378 w 811"/>
              <a:gd name="T17" fmla="*/ 58 h 927"/>
              <a:gd name="T18" fmla="*/ 423 w 811"/>
              <a:gd name="T19" fmla="*/ 71 h 927"/>
              <a:gd name="T20" fmla="*/ 457 w 811"/>
              <a:gd name="T21" fmla="*/ 63 h 927"/>
              <a:gd name="T22" fmla="*/ 466 w 811"/>
              <a:gd name="T23" fmla="*/ 92 h 927"/>
              <a:gd name="T24" fmla="*/ 472 w 811"/>
              <a:gd name="T25" fmla="*/ 110 h 927"/>
              <a:gd name="T26" fmla="*/ 517 w 811"/>
              <a:gd name="T27" fmla="*/ 90 h 927"/>
              <a:gd name="T28" fmla="*/ 578 w 811"/>
              <a:gd name="T29" fmla="*/ 56 h 927"/>
              <a:gd name="T30" fmla="*/ 627 w 811"/>
              <a:gd name="T31" fmla="*/ 42 h 927"/>
              <a:gd name="T32" fmla="*/ 656 w 811"/>
              <a:gd name="T33" fmla="*/ 36 h 927"/>
              <a:gd name="T34" fmla="*/ 676 w 811"/>
              <a:gd name="T35" fmla="*/ 65 h 927"/>
              <a:gd name="T36" fmla="*/ 649 w 811"/>
              <a:gd name="T37" fmla="*/ 83 h 927"/>
              <a:gd name="T38" fmla="*/ 686 w 811"/>
              <a:gd name="T39" fmla="*/ 98 h 927"/>
              <a:gd name="T40" fmla="*/ 714 w 811"/>
              <a:gd name="T41" fmla="*/ 137 h 927"/>
              <a:gd name="T42" fmla="*/ 712 w 811"/>
              <a:gd name="T43" fmla="*/ 233 h 927"/>
              <a:gd name="T44" fmla="*/ 742 w 811"/>
              <a:gd name="T45" fmla="*/ 296 h 927"/>
              <a:gd name="T46" fmla="*/ 762 w 811"/>
              <a:gd name="T47" fmla="*/ 370 h 927"/>
              <a:gd name="T48" fmla="*/ 800 w 811"/>
              <a:gd name="T49" fmla="*/ 419 h 927"/>
              <a:gd name="T50" fmla="*/ 811 w 811"/>
              <a:gd name="T51" fmla="*/ 479 h 927"/>
              <a:gd name="T52" fmla="*/ 764 w 811"/>
              <a:gd name="T53" fmla="*/ 455 h 927"/>
              <a:gd name="T54" fmla="*/ 748 w 811"/>
              <a:gd name="T55" fmla="*/ 479 h 927"/>
              <a:gd name="T56" fmla="*/ 632 w 811"/>
              <a:gd name="T57" fmla="*/ 526 h 927"/>
              <a:gd name="T58" fmla="*/ 609 w 811"/>
              <a:gd name="T59" fmla="*/ 542 h 927"/>
              <a:gd name="T60" fmla="*/ 556 w 811"/>
              <a:gd name="T61" fmla="*/ 560 h 927"/>
              <a:gd name="T62" fmla="*/ 587 w 811"/>
              <a:gd name="T63" fmla="*/ 623 h 927"/>
              <a:gd name="T64" fmla="*/ 643 w 811"/>
              <a:gd name="T65" fmla="*/ 678 h 927"/>
              <a:gd name="T66" fmla="*/ 696 w 811"/>
              <a:gd name="T67" fmla="*/ 712 h 927"/>
              <a:gd name="T68" fmla="*/ 723 w 811"/>
              <a:gd name="T69" fmla="*/ 764 h 927"/>
              <a:gd name="T70" fmla="*/ 679 w 811"/>
              <a:gd name="T71" fmla="*/ 791 h 927"/>
              <a:gd name="T72" fmla="*/ 652 w 811"/>
              <a:gd name="T73" fmla="*/ 847 h 927"/>
              <a:gd name="T74" fmla="*/ 640 w 811"/>
              <a:gd name="T75" fmla="*/ 896 h 927"/>
              <a:gd name="T76" fmla="*/ 540 w 811"/>
              <a:gd name="T77" fmla="*/ 880 h 927"/>
              <a:gd name="T78" fmla="*/ 452 w 811"/>
              <a:gd name="T79" fmla="*/ 893 h 927"/>
              <a:gd name="T80" fmla="*/ 396 w 811"/>
              <a:gd name="T81" fmla="*/ 927 h 927"/>
              <a:gd name="T82" fmla="*/ 334 w 811"/>
              <a:gd name="T83" fmla="*/ 896 h 927"/>
              <a:gd name="T84" fmla="*/ 271 w 811"/>
              <a:gd name="T85" fmla="*/ 880 h 927"/>
              <a:gd name="T86" fmla="*/ 238 w 811"/>
              <a:gd name="T87" fmla="*/ 894 h 927"/>
              <a:gd name="T88" fmla="*/ 150 w 811"/>
              <a:gd name="T89" fmla="*/ 887 h 927"/>
              <a:gd name="T90" fmla="*/ 222 w 811"/>
              <a:gd name="T91" fmla="*/ 710 h 927"/>
              <a:gd name="T92" fmla="*/ 63 w 811"/>
              <a:gd name="T93" fmla="*/ 654 h 927"/>
              <a:gd name="T94" fmla="*/ 0 w 811"/>
              <a:gd name="T95" fmla="*/ 589 h 927"/>
              <a:gd name="T96" fmla="*/ 65 w 811"/>
              <a:gd name="T97" fmla="*/ 537 h 927"/>
              <a:gd name="T98" fmla="*/ 40 w 811"/>
              <a:gd name="T99" fmla="*/ 504 h 927"/>
              <a:gd name="T100" fmla="*/ 49 w 811"/>
              <a:gd name="T101" fmla="*/ 461 h 927"/>
              <a:gd name="T102" fmla="*/ 56 w 811"/>
              <a:gd name="T103" fmla="*/ 412 h 927"/>
              <a:gd name="T104" fmla="*/ 110 w 811"/>
              <a:gd name="T105" fmla="*/ 360 h 927"/>
              <a:gd name="T106" fmla="*/ 117 w 811"/>
              <a:gd name="T107" fmla="*/ 334 h 927"/>
              <a:gd name="T108" fmla="*/ 107 w 811"/>
              <a:gd name="T109" fmla="*/ 275 h 927"/>
              <a:gd name="T110" fmla="*/ 157 w 811"/>
              <a:gd name="T111" fmla="*/ 197 h 927"/>
              <a:gd name="T112" fmla="*/ 128 w 811"/>
              <a:gd name="T113" fmla="*/ 181 h 9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811" h="927">
                <a:moveTo>
                  <a:pt x="128" y="181"/>
                </a:moveTo>
                <a:lnTo>
                  <a:pt x="157" y="145"/>
                </a:lnTo>
                <a:lnTo>
                  <a:pt x="222" y="145"/>
                </a:lnTo>
                <a:lnTo>
                  <a:pt x="237" y="190"/>
                </a:lnTo>
                <a:lnTo>
                  <a:pt x="260" y="197"/>
                </a:lnTo>
                <a:lnTo>
                  <a:pt x="260" y="136"/>
                </a:lnTo>
                <a:lnTo>
                  <a:pt x="273" y="123"/>
                </a:lnTo>
                <a:lnTo>
                  <a:pt x="284" y="132"/>
                </a:lnTo>
                <a:lnTo>
                  <a:pt x="318" y="136"/>
                </a:lnTo>
                <a:lnTo>
                  <a:pt x="293" y="123"/>
                </a:lnTo>
                <a:lnTo>
                  <a:pt x="296" y="83"/>
                </a:lnTo>
                <a:lnTo>
                  <a:pt x="260" y="74"/>
                </a:lnTo>
                <a:lnTo>
                  <a:pt x="298" y="58"/>
                </a:lnTo>
                <a:lnTo>
                  <a:pt x="262" y="16"/>
                </a:lnTo>
                <a:lnTo>
                  <a:pt x="267" y="0"/>
                </a:lnTo>
                <a:lnTo>
                  <a:pt x="340" y="16"/>
                </a:lnTo>
                <a:lnTo>
                  <a:pt x="381" y="22"/>
                </a:lnTo>
                <a:lnTo>
                  <a:pt x="378" y="58"/>
                </a:lnTo>
                <a:lnTo>
                  <a:pt x="392" y="72"/>
                </a:lnTo>
                <a:lnTo>
                  <a:pt x="423" y="71"/>
                </a:lnTo>
                <a:lnTo>
                  <a:pt x="437" y="74"/>
                </a:lnTo>
                <a:lnTo>
                  <a:pt x="457" y="63"/>
                </a:lnTo>
                <a:lnTo>
                  <a:pt x="472" y="67"/>
                </a:lnTo>
                <a:lnTo>
                  <a:pt x="466" y="92"/>
                </a:lnTo>
                <a:lnTo>
                  <a:pt x="444" y="119"/>
                </a:lnTo>
                <a:lnTo>
                  <a:pt x="472" y="110"/>
                </a:lnTo>
                <a:lnTo>
                  <a:pt x="482" y="123"/>
                </a:lnTo>
                <a:lnTo>
                  <a:pt x="517" y="90"/>
                </a:lnTo>
                <a:lnTo>
                  <a:pt x="555" y="98"/>
                </a:lnTo>
                <a:lnTo>
                  <a:pt x="578" y="56"/>
                </a:lnTo>
                <a:lnTo>
                  <a:pt x="612" y="60"/>
                </a:lnTo>
                <a:lnTo>
                  <a:pt x="627" y="42"/>
                </a:lnTo>
                <a:lnTo>
                  <a:pt x="643" y="22"/>
                </a:lnTo>
                <a:lnTo>
                  <a:pt x="656" y="36"/>
                </a:lnTo>
                <a:lnTo>
                  <a:pt x="663" y="43"/>
                </a:lnTo>
                <a:lnTo>
                  <a:pt x="676" y="65"/>
                </a:lnTo>
                <a:lnTo>
                  <a:pt x="667" y="78"/>
                </a:lnTo>
                <a:lnTo>
                  <a:pt x="649" y="83"/>
                </a:lnTo>
                <a:lnTo>
                  <a:pt x="650" y="98"/>
                </a:lnTo>
                <a:lnTo>
                  <a:pt x="686" y="98"/>
                </a:lnTo>
                <a:lnTo>
                  <a:pt x="686" y="130"/>
                </a:lnTo>
                <a:lnTo>
                  <a:pt x="714" y="137"/>
                </a:lnTo>
                <a:lnTo>
                  <a:pt x="742" y="197"/>
                </a:lnTo>
                <a:lnTo>
                  <a:pt x="712" y="233"/>
                </a:lnTo>
                <a:lnTo>
                  <a:pt x="750" y="264"/>
                </a:lnTo>
                <a:lnTo>
                  <a:pt x="742" y="296"/>
                </a:lnTo>
                <a:lnTo>
                  <a:pt x="770" y="336"/>
                </a:lnTo>
                <a:lnTo>
                  <a:pt x="762" y="370"/>
                </a:lnTo>
                <a:lnTo>
                  <a:pt x="773" y="392"/>
                </a:lnTo>
                <a:lnTo>
                  <a:pt x="800" y="419"/>
                </a:lnTo>
                <a:lnTo>
                  <a:pt x="811" y="461"/>
                </a:lnTo>
                <a:lnTo>
                  <a:pt x="811" y="479"/>
                </a:lnTo>
                <a:lnTo>
                  <a:pt x="786" y="479"/>
                </a:lnTo>
                <a:lnTo>
                  <a:pt x="764" y="455"/>
                </a:lnTo>
                <a:lnTo>
                  <a:pt x="746" y="461"/>
                </a:lnTo>
                <a:lnTo>
                  <a:pt x="748" y="479"/>
                </a:lnTo>
                <a:lnTo>
                  <a:pt x="665" y="526"/>
                </a:lnTo>
                <a:lnTo>
                  <a:pt x="632" y="526"/>
                </a:lnTo>
                <a:lnTo>
                  <a:pt x="627" y="542"/>
                </a:lnTo>
                <a:lnTo>
                  <a:pt x="609" y="542"/>
                </a:lnTo>
                <a:lnTo>
                  <a:pt x="578" y="569"/>
                </a:lnTo>
                <a:lnTo>
                  <a:pt x="556" y="560"/>
                </a:lnTo>
                <a:lnTo>
                  <a:pt x="594" y="602"/>
                </a:lnTo>
                <a:lnTo>
                  <a:pt x="587" y="623"/>
                </a:lnTo>
                <a:lnTo>
                  <a:pt x="614" y="667"/>
                </a:lnTo>
                <a:lnTo>
                  <a:pt x="643" y="678"/>
                </a:lnTo>
                <a:lnTo>
                  <a:pt x="656" y="699"/>
                </a:lnTo>
                <a:lnTo>
                  <a:pt x="696" y="712"/>
                </a:lnTo>
                <a:lnTo>
                  <a:pt x="723" y="739"/>
                </a:lnTo>
                <a:lnTo>
                  <a:pt x="723" y="764"/>
                </a:lnTo>
                <a:lnTo>
                  <a:pt x="683" y="775"/>
                </a:lnTo>
                <a:lnTo>
                  <a:pt x="679" y="791"/>
                </a:lnTo>
                <a:lnTo>
                  <a:pt x="630" y="822"/>
                </a:lnTo>
                <a:lnTo>
                  <a:pt x="652" y="847"/>
                </a:lnTo>
                <a:lnTo>
                  <a:pt x="641" y="875"/>
                </a:lnTo>
                <a:lnTo>
                  <a:pt x="640" y="896"/>
                </a:lnTo>
                <a:lnTo>
                  <a:pt x="582" y="862"/>
                </a:lnTo>
                <a:lnTo>
                  <a:pt x="540" y="880"/>
                </a:lnTo>
                <a:lnTo>
                  <a:pt x="475" y="914"/>
                </a:lnTo>
                <a:lnTo>
                  <a:pt x="452" y="893"/>
                </a:lnTo>
                <a:lnTo>
                  <a:pt x="425" y="889"/>
                </a:lnTo>
                <a:lnTo>
                  <a:pt x="396" y="927"/>
                </a:lnTo>
                <a:lnTo>
                  <a:pt x="374" y="893"/>
                </a:lnTo>
                <a:lnTo>
                  <a:pt x="334" y="896"/>
                </a:lnTo>
                <a:lnTo>
                  <a:pt x="307" y="878"/>
                </a:lnTo>
                <a:lnTo>
                  <a:pt x="271" y="880"/>
                </a:lnTo>
                <a:lnTo>
                  <a:pt x="246" y="864"/>
                </a:lnTo>
                <a:lnTo>
                  <a:pt x="238" y="894"/>
                </a:lnTo>
                <a:lnTo>
                  <a:pt x="190" y="889"/>
                </a:lnTo>
                <a:lnTo>
                  <a:pt x="150" y="887"/>
                </a:lnTo>
                <a:lnTo>
                  <a:pt x="168" y="793"/>
                </a:lnTo>
                <a:lnTo>
                  <a:pt x="222" y="710"/>
                </a:lnTo>
                <a:lnTo>
                  <a:pt x="107" y="706"/>
                </a:lnTo>
                <a:lnTo>
                  <a:pt x="63" y="654"/>
                </a:lnTo>
                <a:lnTo>
                  <a:pt x="25" y="650"/>
                </a:lnTo>
                <a:lnTo>
                  <a:pt x="0" y="589"/>
                </a:lnTo>
                <a:lnTo>
                  <a:pt x="18" y="562"/>
                </a:lnTo>
                <a:lnTo>
                  <a:pt x="65" y="537"/>
                </a:lnTo>
                <a:lnTo>
                  <a:pt x="60" y="524"/>
                </a:lnTo>
                <a:lnTo>
                  <a:pt x="40" y="504"/>
                </a:lnTo>
                <a:lnTo>
                  <a:pt x="31" y="472"/>
                </a:lnTo>
                <a:lnTo>
                  <a:pt x="49" y="461"/>
                </a:lnTo>
                <a:lnTo>
                  <a:pt x="45" y="443"/>
                </a:lnTo>
                <a:lnTo>
                  <a:pt x="56" y="412"/>
                </a:lnTo>
                <a:lnTo>
                  <a:pt x="38" y="361"/>
                </a:lnTo>
                <a:lnTo>
                  <a:pt x="110" y="360"/>
                </a:lnTo>
                <a:lnTo>
                  <a:pt x="101" y="332"/>
                </a:lnTo>
                <a:lnTo>
                  <a:pt x="117" y="334"/>
                </a:lnTo>
                <a:lnTo>
                  <a:pt x="125" y="302"/>
                </a:lnTo>
                <a:lnTo>
                  <a:pt x="107" y="275"/>
                </a:lnTo>
                <a:lnTo>
                  <a:pt x="126" y="267"/>
                </a:lnTo>
                <a:lnTo>
                  <a:pt x="157" y="197"/>
                </a:lnTo>
                <a:lnTo>
                  <a:pt x="143" y="197"/>
                </a:lnTo>
                <a:lnTo>
                  <a:pt x="128" y="181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4" name="Luxembourg"/>
          <p:cNvSpPr>
            <a:spLocks/>
          </p:cNvSpPr>
          <p:nvPr/>
        </p:nvSpPr>
        <p:spPr bwMode="auto">
          <a:xfrm>
            <a:off x="8288863" y="4259263"/>
            <a:ext cx="100013" cy="103188"/>
          </a:xfrm>
          <a:custGeom>
            <a:avLst/>
            <a:gdLst>
              <a:gd name="T0" fmla="*/ 23 w 63"/>
              <a:gd name="T1" fmla="*/ 7 h 65"/>
              <a:gd name="T2" fmla="*/ 0 w 63"/>
              <a:gd name="T3" fmla="*/ 0 h 65"/>
              <a:gd name="T4" fmla="*/ 25 w 63"/>
              <a:gd name="T5" fmla="*/ 61 h 65"/>
              <a:gd name="T6" fmla="*/ 63 w 63"/>
              <a:gd name="T7" fmla="*/ 65 h 65"/>
              <a:gd name="T8" fmla="*/ 54 w 63"/>
              <a:gd name="T9" fmla="*/ 33 h 65"/>
              <a:gd name="T10" fmla="*/ 23 w 63"/>
              <a:gd name="T11" fmla="*/ 7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63" h="65">
                <a:moveTo>
                  <a:pt x="23" y="7"/>
                </a:moveTo>
                <a:lnTo>
                  <a:pt x="0" y="0"/>
                </a:lnTo>
                <a:lnTo>
                  <a:pt x="25" y="61"/>
                </a:lnTo>
                <a:lnTo>
                  <a:pt x="63" y="65"/>
                </a:lnTo>
                <a:lnTo>
                  <a:pt x="54" y="33"/>
                </a:lnTo>
                <a:lnTo>
                  <a:pt x="23" y="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55" name="Ireland"/>
          <p:cNvGrpSpPr>
            <a:grpSpLocks/>
          </p:cNvGrpSpPr>
          <p:nvPr/>
        </p:nvGrpSpPr>
        <p:grpSpPr>
          <a:xfrm>
            <a:off x="6183838" y="3011488"/>
            <a:ext cx="760413" cy="677863"/>
            <a:chOff x="6204858" y="3011488"/>
            <a:chExt cx="760413" cy="677863"/>
          </a:xfrm>
          <a:solidFill>
            <a:schemeClr val="accent3"/>
          </a:solidFill>
        </p:grpSpPr>
        <p:sp>
          <p:nvSpPr>
            <p:cNvPr id="56" name="Ireland"/>
            <p:cNvSpPr>
              <a:spLocks/>
            </p:cNvSpPr>
            <p:nvPr/>
          </p:nvSpPr>
          <p:spPr bwMode="auto">
            <a:xfrm>
              <a:off x="6204858" y="3011488"/>
              <a:ext cx="630238" cy="677863"/>
            </a:xfrm>
            <a:custGeom>
              <a:avLst/>
              <a:gdLst>
                <a:gd name="T0" fmla="*/ 347 w 397"/>
                <a:gd name="T1" fmla="*/ 155 h 427"/>
                <a:gd name="T2" fmla="*/ 322 w 397"/>
                <a:gd name="T3" fmla="*/ 174 h 427"/>
                <a:gd name="T4" fmla="*/ 276 w 397"/>
                <a:gd name="T5" fmla="*/ 145 h 427"/>
                <a:gd name="T6" fmla="*/ 287 w 397"/>
                <a:gd name="T7" fmla="*/ 101 h 427"/>
                <a:gd name="T8" fmla="*/ 329 w 397"/>
                <a:gd name="T9" fmla="*/ 85 h 427"/>
                <a:gd name="T10" fmla="*/ 338 w 397"/>
                <a:gd name="T11" fmla="*/ 78 h 427"/>
                <a:gd name="T12" fmla="*/ 354 w 397"/>
                <a:gd name="T13" fmla="*/ 33 h 427"/>
                <a:gd name="T14" fmla="*/ 341 w 397"/>
                <a:gd name="T15" fmla="*/ 18 h 427"/>
                <a:gd name="T16" fmla="*/ 303 w 397"/>
                <a:gd name="T17" fmla="*/ 0 h 427"/>
                <a:gd name="T18" fmla="*/ 262 w 397"/>
                <a:gd name="T19" fmla="*/ 18 h 427"/>
                <a:gd name="T20" fmla="*/ 262 w 397"/>
                <a:gd name="T21" fmla="*/ 45 h 427"/>
                <a:gd name="T22" fmla="*/ 229 w 397"/>
                <a:gd name="T23" fmla="*/ 45 h 427"/>
                <a:gd name="T24" fmla="*/ 231 w 397"/>
                <a:gd name="T25" fmla="*/ 62 h 427"/>
                <a:gd name="T26" fmla="*/ 262 w 397"/>
                <a:gd name="T27" fmla="*/ 80 h 427"/>
                <a:gd name="T28" fmla="*/ 224 w 397"/>
                <a:gd name="T29" fmla="*/ 101 h 427"/>
                <a:gd name="T30" fmla="*/ 199 w 397"/>
                <a:gd name="T31" fmla="*/ 103 h 427"/>
                <a:gd name="T32" fmla="*/ 163 w 397"/>
                <a:gd name="T33" fmla="*/ 76 h 427"/>
                <a:gd name="T34" fmla="*/ 107 w 397"/>
                <a:gd name="T35" fmla="*/ 87 h 427"/>
                <a:gd name="T36" fmla="*/ 137 w 397"/>
                <a:gd name="T37" fmla="*/ 134 h 427"/>
                <a:gd name="T38" fmla="*/ 79 w 397"/>
                <a:gd name="T39" fmla="*/ 155 h 427"/>
                <a:gd name="T40" fmla="*/ 72 w 397"/>
                <a:gd name="T41" fmla="*/ 172 h 427"/>
                <a:gd name="T42" fmla="*/ 116 w 397"/>
                <a:gd name="T43" fmla="*/ 181 h 427"/>
                <a:gd name="T44" fmla="*/ 117 w 397"/>
                <a:gd name="T45" fmla="*/ 208 h 427"/>
                <a:gd name="T46" fmla="*/ 168 w 397"/>
                <a:gd name="T47" fmla="*/ 213 h 427"/>
                <a:gd name="T48" fmla="*/ 137 w 397"/>
                <a:gd name="T49" fmla="*/ 228 h 427"/>
                <a:gd name="T50" fmla="*/ 117 w 397"/>
                <a:gd name="T51" fmla="*/ 242 h 427"/>
                <a:gd name="T52" fmla="*/ 99 w 397"/>
                <a:gd name="T53" fmla="*/ 266 h 427"/>
                <a:gd name="T54" fmla="*/ 94 w 397"/>
                <a:gd name="T55" fmla="*/ 293 h 427"/>
                <a:gd name="T56" fmla="*/ 54 w 397"/>
                <a:gd name="T57" fmla="*/ 298 h 427"/>
                <a:gd name="T58" fmla="*/ 51 w 397"/>
                <a:gd name="T59" fmla="*/ 309 h 427"/>
                <a:gd name="T60" fmla="*/ 16 w 397"/>
                <a:gd name="T61" fmla="*/ 318 h 427"/>
                <a:gd name="T62" fmla="*/ 36 w 397"/>
                <a:gd name="T63" fmla="*/ 342 h 427"/>
                <a:gd name="T64" fmla="*/ 0 w 397"/>
                <a:gd name="T65" fmla="*/ 354 h 427"/>
                <a:gd name="T66" fmla="*/ 23 w 397"/>
                <a:gd name="T67" fmla="*/ 380 h 427"/>
                <a:gd name="T68" fmla="*/ 38 w 397"/>
                <a:gd name="T69" fmla="*/ 396 h 427"/>
                <a:gd name="T70" fmla="*/ 32 w 397"/>
                <a:gd name="T71" fmla="*/ 427 h 427"/>
                <a:gd name="T72" fmla="*/ 78 w 397"/>
                <a:gd name="T73" fmla="*/ 417 h 427"/>
                <a:gd name="T74" fmla="*/ 145 w 397"/>
                <a:gd name="T75" fmla="*/ 417 h 427"/>
                <a:gd name="T76" fmla="*/ 168 w 397"/>
                <a:gd name="T77" fmla="*/ 396 h 427"/>
                <a:gd name="T78" fmla="*/ 179 w 397"/>
                <a:gd name="T79" fmla="*/ 410 h 427"/>
                <a:gd name="T80" fmla="*/ 226 w 397"/>
                <a:gd name="T81" fmla="*/ 392 h 427"/>
                <a:gd name="T82" fmla="*/ 258 w 397"/>
                <a:gd name="T83" fmla="*/ 385 h 427"/>
                <a:gd name="T84" fmla="*/ 305 w 397"/>
                <a:gd name="T85" fmla="*/ 385 h 427"/>
                <a:gd name="T86" fmla="*/ 336 w 397"/>
                <a:gd name="T87" fmla="*/ 385 h 427"/>
                <a:gd name="T88" fmla="*/ 354 w 397"/>
                <a:gd name="T89" fmla="*/ 347 h 427"/>
                <a:gd name="T90" fmla="*/ 392 w 397"/>
                <a:gd name="T91" fmla="*/ 298 h 427"/>
                <a:gd name="T92" fmla="*/ 383 w 397"/>
                <a:gd name="T93" fmla="*/ 271 h 427"/>
                <a:gd name="T94" fmla="*/ 394 w 397"/>
                <a:gd name="T95" fmla="*/ 190 h 427"/>
                <a:gd name="T96" fmla="*/ 397 w 397"/>
                <a:gd name="T97" fmla="*/ 186 h 427"/>
                <a:gd name="T98" fmla="*/ 387 w 397"/>
                <a:gd name="T99" fmla="*/ 161 h 427"/>
                <a:gd name="T100" fmla="*/ 347 w 397"/>
                <a:gd name="T101" fmla="*/ 155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97" h="427">
                  <a:moveTo>
                    <a:pt x="347" y="155"/>
                  </a:moveTo>
                  <a:lnTo>
                    <a:pt x="322" y="174"/>
                  </a:lnTo>
                  <a:lnTo>
                    <a:pt x="276" y="145"/>
                  </a:lnTo>
                  <a:lnTo>
                    <a:pt x="287" y="101"/>
                  </a:lnTo>
                  <a:lnTo>
                    <a:pt x="329" y="85"/>
                  </a:lnTo>
                  <a:lnTo>
                    <a:pt x="338" y="78"/>
                  </a:lnTo>
                  <a:lnTo>
                    <a:pt x="354" y="33"/>
                  </a:lnTo>
                  <a:lnTo>
                    <a:pt x="341" y="18"/>
                  </a:lnTo>
                  <a:lnTo>
                    <a:pt x="303" y="0"/>
                  </a:lnTo>
                  <a:lnTo>
                    <a:pt x="262" y="18"/>
                  </a:lnTo>
                  <a:lnTo>
                    <a:pt x="262" y="45"/>
                  </a:lnTo>
                  <a:lnTo>
                    <a:pt x="229" y="45"/>
                  </a:lnTo>
                  <a:lnTo>
                    <a:pt x="231" y="62"/>
                  </a:lnTo>
                  <a:lnTo>
                    <a:pt x="262" y="80"/>
                  </a:lnTo>
                  <a:lnTo>
                    <a:pt x="224" y="101"/>
                  </a:lnTo>
                  <a:lnTo>
                    <a:pt x="199" y="103"/>
                  </a:lnTo>
                  <a:lnTo>
                    <a:pt x="163" y="76"/>
                  </a:lnTo>
                  <a:lnTo>
                    <a:pt x="107" y="87"/>
                  </a:lnTo>
                  <a:lnTo>
                    <a:pt x="137" y="134"/>
                  </a:lnTo>
                  <a:lnTo>
                    <a:pt x="79" y="155"/>
                  </a:lnTo>
                  <a:lnTo>
                    <a:pt x="72" y="172"/>
                  </a:lnTo>
                  <a:lnTo>
                    <a:pt x="116" y="181"/>
                  </a:lnTo>
                  <a:lnTo>
                    <a:pt x="117" y="208"/>
                  </a:lnTo>
                  <a:lnTo>
                    <a:pt x="168" y="213"/>
                  </a:lnTo>
                  <a:lnTo>
                    <a:pt x="137" y="228"/>
                  </a:lnTo>
                  <a:lnTo>
                    <a:pt x="117" y="242"/>
                  </a:lnTo>
                  <a:lnTo>
                    <a:pt x="99" y="266"/>
                  </a:lnTo>
                  <a:lnTo>
                    <a:pt x="94" y="293"/>
                  </a:lnTo>
                  <a:lnTo>
                    <a:pt x="54" y="298"/>
                  </a:lnTo>
                  <a:lnTo>
                    <a:pt x="51" y="309"/>
                  </a:lnTo>
                  <a:lnTo>
                    <a:pt x="16" y="318"/>
                  </a:lnTo>
                  <a:lnTo>
                    <a:pt x="36" y="342"/>
                  </a:lnTo>
                  <a:lnTo>
                    <a:pt x="0" y="354"/>
                  </a:lnTo>
                  <a:lnTo>
                    <a:pt x="23" y="380"/>
                  </a:lnTo>
                  <a:lnTo>
                    <a:pt x="38" y="396"/>
                  </a:lnTo>
                  <a:lnTo>
                    <a:pt x="32" y="427"/>
                  </a:lnTo>
                  <a:lnTo>
                    <a:pt x="78" y="417"/>
                  </a:lnTo>
                  <a:lnTo>
                    <a:pt x="145" y="417"/>
                  </a:lnTo>
                  <a:lnTo>
                    <a:pt x="168" y="396"/>
                  </a:lnTo>
                  <a:lnTo>
                    <a:pt x="179" y="410"/>
                  </a:lnTo>
                  <a:lnTo>
                    <a:pt x="226" y="392"/>
                  </a:lnTo>
                  <a:lnTo>
                    <a:pt x="258" y="385"/>
                  </a:lnTo>
                  <a:lnTo>
                    <a:pt x="305" y="385"/>
                  </a:lnTo>
                  <a:lnTo>
                    <a:pt x="336" y="385"/>
                  </a:lnTo>
                  <a:lnTo>
                    <a:pt x="354" y="347"/>
                  </a:lnTo>
                  <a:lnTo>
                    <a:pt x="392" y="298"/>
                  </a:lnTo>
                  <a:lnTo>
                    <a:pt x="383" y="271"/>
                  </a:lnTo>
                  <a:lnTo>
                    <a:pt x="394" y="190"/>
                  </a:lnTo>
                  <a:lnTo>
                    <a:pt x="397" y="186"/>
                  </a:lnTo>
                  <a:lnTo>
                    <a:pt x="387" y="161"/>
                  </a:lnTo>
                  <a:lnTo>
                    <a:pt x="347" y="1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7" name="Ireland"/>
            <p:cNvSpPr>
              <a:spLocks/>
            </p:cNvSpPr>
            <p:nvPr/>
          </p:nvSpPr>
          <p:spPr bwMode="auto">
            <a:xfrm>
              <a:off x="6643008" y="3049588"/>
              <a:ext cx="322263" cy="257175"/>
            </a:xfrm>
            <a:custGeom>
              <a:avLst/>
              <a:gdLst>
                <a:gd name="T0" fmla="*/ 203 w 203"/>
                <a:gd name="T1" fmla="*/ 122 h 162"/>
                <a:gd name="T2" fmla="*/ 194 w 203"/>
                <a:gd name="T3" fmla="*/ 66 h 162"/>
                <a:gd name="T4" fmla="*/ 177 w 203"/>
                <a:gd name="T5" fmla="*/ 57 h 162"/>
                <a:gd name="T6" fmla="*/ 177 w 203"/>
                <a:gd name="T7" fmla="*/ 12 h 162"/>
                <a:gd name="T8" fmla="*/ 150 w 203"/>
                <a:gd name="T9" fmla="*/ 0 h 162"/>
                <a:gd name="T10" fmla="*/ 130 w 203"/>
                <a:gd name="T11" fmla="*/ 7 h 162"/>
                <a:gd name="T12" fmla="*/ 109 w 203"/>
                <a:gd name="T13" fmla="*/ 0 h 162"/>
                <a:gd name="T14" fmla="*/ 82 w 203"/>
                <a:gd name="T15" fmla="*/ 12 h 162"/>
                <a:gd name="T16" fmla="*/ 78 w 203"/>
                <a:gd name="T17" fmla="*/ 9 h 162"/>
                <a:gd name="T18" fmla="*/ 62 w 203"/>
                <a:gd name="T19" fmla="*/ 54 h 162"/>
                <a:gd name="T20" fmla="*/ 53 w 203"/>
                <a:gd name="T21" fmla="*/ 61 h 162"/>
                <a:gd name="T22" fmla="*/ 11 w 203"/>
                <a:gd name="T23" fmla="*/ 77 h 162"/>
                <a:gd name="T24" fmla="*/ 0 w 203"/>
                <a:gd name="T25" fmla="*/ 121 h 162"/>
                <a:gd name="T26" fmla="*/ 46 w 203"/>
                <a:gd name="T27" fmla="*/ 150 h 162"/>
                <a:gd name="T28" fmla="*/ 71 w 203"/>
                <a:gd name="T29" fmla="*/ 131 h 162"/>
                <a:gd name="T30" fmla="*/ 111 w 203"/>
                <a:gd name="T31" fmla="*/ 137 h 162"/>
                <a:gd name="T32" fmla="*/ 121 w 203"/>
                <a:gd name="T33" fmla="*/ 162 h 162"/>
                <a:gd name="T34" fmla="*/ 154 w 203"/>
                <a:gd name="T35" fmla="*/ 131 h 162"/>
                <a:gd name="T36" fmla="*/ 203 w 203"/>
                <a:gd name="T37" fmla="*/ 122 h 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3" h="162">
                  <a:moveTo>
                    <a:pt x="203" y="122"/>
                  </a:moveTo>
                  <a:lnTo>
                    <a:pt x="194" y="66"/>
                  </a:lnTo>
                  <a:lnTo>
                    <a:pt x="177" y="57"/>
                  </a:lnTo>
                  <a:lnTo>
                    <a:pt x="177" y="12"/>
                  </a:lnTo>
                  <a:lnTo>
                    <a:pt x="150" y="0"/>
                  </a:lnTo>
                  <a:lnTo>
                    <a:pt x="130" y="7"/>
                  </a:lnTo>
                  <a:lnTo>
                    <a:pt x="109" y="0"/>
                  </a:lnTo>
                  <a:lnTo>
                    <a:pt x="82" y="12"/>
                  </a:lnTo>
                  <a:lnTo>
                    <a:pt x="78" y="9"/>
                  </a:lnTo>
                  <a:lnTo>
                    <a:pt x="62" y="54"/>
                  </a:lnTo>
                  <a:lnTo>
                    <a:pt x="53" y="61"/>
                  </a:lnTo>
                  <a:lnTo>
                    <a:pt x="11" y="77"/>
                  </a:lnTo>
                  <a:lnTo>
                    <a:pt x="0" y="121"/>
                  </a:lnTo>
                  <a:lnTo>
                    <a:pt x="46" y="150"/>
                  </a:lnTo>
                  <a:lnTo>
                    <a:pt x="71" y="131"/>
                  </a:lnTo>
                  <a:lnTo>
                    <a:pt x="111" y="137"/>
                  </a:lnTo>
                  <a:lnTo>
                    <a:pt x="121" y="162"/>
                  </a:lnTo>
                  <a:lnTo>
                    <a:pt x="154" y="131"/>
                  </a:lnTo>
                  <a:lnTo>
                    <a:pt x="203" y="12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58" name="UK"/>
          <p:cNvGrpSpPr>
            <a:grpSpLocks/>
          </p:cNvGrpSpPr>
          <p:nvPr/>
        </p:nvGrpSpPr>
        <p:grpSpPr>
          <a:xfrm>
            <a:off x="6717238" y="2435225"/>
            <a:ext cx="1087438" cy="1638301"/>
            <a:chOff x="6738258" y="2435225"/>
            <a:chExt cx="1087438" cy="1638301"/>
          </a:xfrm>
          <a:solidFill>
            <a:schemeClr val="accent3"/>
          </a:solidFill>
        </p:grpSpPr>
        <p:sp>
          <p:nvSpPr>
            <p:cNvPr id="59" name="UK"/>
            <p:cNvSpPr>
              <a:spLocks/>
            </p:cNvSpPr>
            <p:nvPr/>
          </p:nvSpPr>
          <p:spPr bwMode="auto">
            <a:xfrm>
              <a:off x="6933521" y="2435225"/>
              <a:ext cx="174625" cy="128588"/>
            </a:xfrm>
            <a:custGeom>
              <a:avLst/>
              <a:gdLst>
                <a:gd name="T0" fmla="*/ 41 w 110"/>
                <a:gd name="T1" fmla="*/ 29 h 81"/>
                <a:gd name="T2" fmla="*/ 58 w 110"/>
                <a:gd name="T3" fmla="*/ 5 h 81"/>
                <a:gd name="T4" fmla="*/ 110 w 110"/>
                <a:gd name="T5" fmla="*/ 0 h 81"/>
                <a:gd name="T6" fmla="*/ 76 w 110"/>
                <a:gd name="T7" fmla="*/ 67 h 81"/>
                <a:gd name="T8" fmla="*/ 49 w 110"/>
                <a:gd name="T9" fmla="*/ 58 h 81"/>
                <a:gd name="T10" fmla="*/ 14 w 110"/>
                <a:gd name="T11" fmla="*/ 81 h 81"/>
                <a:gd name="T12" fmla="*/ 0 w 110"/>
                <a:gd name="T13" fmla="*/ 69 h 81"/>
                <a:gd name="T14" fmla="*/ 9 w 110"/>
                <a:gd name="T15" fmla="*/ 40 h 81"/>
                <a:gd name="T16" fmla="*/ 20 w 110"/>
                <a:gd name="T17" fmla="*/ 23 h 81"/>
                <a:gd name="T18" fmla="*/ 41 w 110"/>
                <a:gd name="T19" fmla="*/ 29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0" h="81">
                  <a:moveTo>
                    <a:pt x="41" y="29"/>
                  </a:moveTo>
                  <a:lnTo>
                    <a:pt x="58" y="5"/>
                  </a:lnTo>
                  <a:lnTo>
                    <a:pt x="110" y="0"/>
                  </a:lnTo>
                  <a:lnTo>
                    <a:pt x="76" y="67"/>
                  </a:lnTo>
                  <a:lnTo>
                    <a:pt x="49" y="58"/>
                  </a:lnTo>
                  <a:lnTo>
                    <a:pt x="14" y="81"/>
                  </a:lnTo>
                  <a:lnTo>
                    <a:pt x="0" y="69"/>
                  </a:lnTo>
                  <a:lnTo>
                    <a:pt x="9" y="40"/>
                  </a:lnTo>
                  <a:lnTo>
                    <a:pt x="20" y="23"/>
                  </a:lnTo>
                  <a:lnTo>
                    <a:pt x="41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0" name="UK"/>
            <p:cNvSpPr>
              <a:spLocks/>
            </p:cNvSpPr>
            <p:nvPr/>
          </p:nvSpPr>
          <p:spPr bwMode="auto">
            <a:xfrm>
              <a:off x="6738258" y="2443163"/>
              <a:ext cx="1087438" cy="1630363"/>
            </a:xfrm>
            <a:custGeom>
              <a:avLst/>
              <a:gdLst>
                <a:gd name="T0" fmla="*/ 349 w 685"/>
                <a:gd name="T1" fmla="*/ 27 h 1027"/>
                <a:gd name="T2" fmla="*/ 417 w 685"/>
                <a:gd name="T3" fmla="*/ 73 h 1027"/>
                <a:gd name="T4" fmla="*/ 394 w 685"/>
                <a:gd name="T5" fmla="*/ 134 h 1027"/>
                <a:gd name="T6" fmla="*/ 502 w 685"/>
                <a:gd name="T7" fmla="*/ 161 h 1027"/>
                <a:gd name="T8" fmla="*/ 406 w 685"/>
                <a:gd name="T9" fmla="*/ 286 h 1027"/>
                <a:gd name="T10" fmla="*/ 406 w 685"/>
                <a:gd name="T11" fmla="*/ 309 h 1027"/>
                <a:gd name="T12" fmla="*/ 363 w 685"/>
                <a:gd name="T13" fmla="*/ 344 h 1027"/>
                <a:gd name="T14" fmla="*/ 448 w 685"/>
                <a:gd name="T15" fmla="*/ 367 h 1027"/>
                <a:gd name="T16" fmla="*/ 482 w 685"/>
                <a:gd name="T17" fmla="*/ 521 h 1027"/>
                <a:gd name="T18" fmla="*/ 546 w 685"/>
                <a:gd name="T19" fmla="*/ 622 h 1027"/>
                <a:gd name="T20" fmla="*/ 549 w 685"/>
                <a:gd name="T21" fmla="*/ 745 h 1027"/>
                <a:gd name="T22" fmla="*/ 593 w 685"/>
                <a:gd name="T23" fmla="*/ 745 h 1027"/>
                <a:gd name="T24" fmla="*/ 685 w 685"/>
                <a:gd name="T25" fmla="*/ 792 h 1027"/>
                <a:gd name="T26" fmla="*/ 567 w 685"/>
                <a:gd name="T27" fmla="*/ 920 h 1027"/>
                <a:gd name="T28" fmla="*/ 636 w 685"/>
                <a:gd name="T29" fmla="*/ 943 h 1027"/>
                <a:gd name="T30" fmla="*/ 486 w 685"/>
                <a:gd name="T31" fmla="*/ 992 h 1027"/>
                <a:gd name="T32" fmla="*/ 383 w 685"/>
                <a:gd name="T33" fmla="*/ 976 h 1027"/>
                <a:gd name="T34" fmla="*/ 233 w 685"/>
                <a:gd name="T35" fmla="*/ 969 h 1027"/>
                <a:gd name="T36" fmla="*/ 179 w 685"/>
                <a:gd name="T37" fmla="*/ 1027 h 1027"/>
                <a:gd name="T38" fmla="*/ 40 w 685"/>
                <a:gd name="T39" fmla="*/ 1027 h 1027"/>
                <a:gd name="T40" fmla="*/ 0 w 685"/>
                <a:gd name="T41" fmla="*/ 992 h 1027"/>
                <a:gd name="T42" fmla="*/ 170 w 685"/>
                <a:gd name="T43" fmla="*/ 898 h 1027"/>
                <a:gd name="T44" fmla="*/ 240 w 685"/>
                <a:gd name="T45" fmla="*/ 922 h 1027"/>
                <a:gd name="T46" fmla="*/ 318 w 685"/>
                <a:gd name="T47" fmla="*/ 862 h 1027"/>
                <a:gd name="T48" fmla="*/ 204 w 685"/>
                <a:gd name="T49" fmla="*/ 871 h 1027"/>
                <a:gd name="T50" fmla="*/ 168 w 685"/>
                <a:gd name="T51" fmla="*/ 855 h 1027"/>
                <a:gd name="T52" fmla="*/ 110 w 685"/>
                <a:gd name="T53" fmla="*/ 842 h 1027"/>
                <a:gd name="T54" fmla="*/ 161 w 685"/>
                <a:gd name="T55" fmla="*/ 781 h 1027"/>
                <a:gd name="T56" fmla="*/ 202 w 685"/>
                <a:gd name="T57" fmla="*/ 694 h 1027"/>
                <a:gd name="T58" fmla="*/ 168 w 685"/>
                <a:gd name="T59" fmla="*/ 683 h 1027"/>
                <a:gd name="T60" fmla="*/ 302 w 685"/>
                <a:gd name="T61" fmla="*/ 651 h 1027"/>
                <a:gd name="T62" fmla="*/ 320 w 685"/>
                <a:gd name="T63" fmla="*/ 568 h 1027"/>
                <a:gd name="T64" fmla="*/ 316 w 685"/>
                <a:gd name="T65" fmla="*/ 476 h 1027"/>
                <a:gd name="T66" fmla="*/ 302 w 685"/>
                <a:gd name="T67" fmla="*/ 467 h 1027"/>
                <a:gd name="T68" fmla="*/ 233 w 685"/>
                <a:gd name="T69" fmla="*/ 450 h 1027"/>
                <a:gd name="T70" fmla="*/ 190 w 685"/>
                <a:gd name="T71" fmla="*/ 443 h 1027"/>
                <a:gd name="T72" fmla="*/ 224 w 685"/>
                <a:gd name="T73" fmla="*/ 344 h 1027"/>
                <a:gd name="T74" fmla="*/ 195 w 685"/>
                <a:gd name="T75" fmla="*/ 302 h 1027"/>
                <a:gd name="T76" fmla="*/ 161 w 685"/>
                <a:gd name="T77" fmla="*/ 389 h 1027"/>
                <a:gd name="T78" fmla="*/ 181 w 685"/>
                <a:gd name="T79" fmla="*/ 313 h 1027"/>
                <a:gd name="T80" fmla="*/ 202 w 685"/>
                <a:gd name="T81" fmla="*/ 241 h 1027"/>
                <a:gd name="T82" fmla="*/ 145 w 685"/>
                <a:gd name="T83" fmla="*/ 264 h 1027"/>
                <a:gd name="T84" fmla="*/ 222 w 685"/>
                <a:gd name="T85" fmla="*/ 183 h 1027"/>
                <a:gd name="T86" fmla="*/ 217 w 685"/>
                <a:gd name="T87" fmla="*/ 85 h 1027"/>
                <a:gd name="T88" fmla="*/ 304 w 685"/>
                <a:gd name="T89" fmla="*/ 0 h 10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685" h="1027">
                  <a:moveTo>
                    <a:pt x="304" y="0"/>
                  </a:moveTo>
                  <a:lnTo>
                    <a:pt x="349" y="27"/>
                  </a:lnTo>
                  <a:lnTo>
                    <a:pt x="446" y="27"/>
                  </a:lnTo>
                  <a:lnTo>
                    <a:pt x="417" y="73"/>
                  </a:lnTo>
                  <a:lnTo>
                    <a:pt x="320" y="134"/>
                  </a:lnTo>
                  <a:lnTo>
                    <a:pt x="394" y="134"/>
                  </a:lnTo>
                  <a:lnTo>
                    <a:pt x="428" y="149"/>
                  </a:lnTo>
                  <a:lnTo>
                    <a:pt x="502" y="161"/>
                  </a:lnTo>
                  <a:lnTo>
                    <a:pt x="509" y="181"/>
                  </a:lnTo>
                  <a:lnTo>
                    <a:pt x="406" y="286"/>
                  </a:lnTo>
                  <a:lnTo>
                    <a:pt x="379" y="297"/>
                  </a:lnTo>
                  <a:lnTo>
                    <a:pt x="406" y="309"/>
                  </a:lnTo>
                  <a:lnTo>
                    <a:pt x="350" y="329"/>
                  </a:lnTo>
                  <a:lnTo>
                    <a:pt x="363" y="344"/>
                  </a:lnTo>
                  <a:lnTo>
                    <a:pt x="385" y="344"/>
                  </a:lnTo>
                  <a:lnTo>
                    <a:pt x="448" y="367"/>
                  </a:lnTo>
                  <a:lnTo>
                    <a:pt x="464" y="411"/>
                  </a:lnTo>
                  <a:lnTo>
                    <a:pt x="482" y="521"/>
                  </a:lnTo>
                  <a:lnTo>
                    <a:pt x="556" y="588"/>
                  </a:lnTo>
                  <a:lnTo>
                    <a:pt x="546" y="622"/>
                  </a:lnTo>
                  <a:lnTo>
                    <a:pt x="578" y="710"/>
                  </a:lnTo>
                  <a:lnTo>
                    <a:pt x="549" y="745"/>
                  </a:lnTo>
                  <a:lnTo>
                    <a:pt x="569" y="765"/>
                  </a:lnTo>
                  <a:lnTo>
                    <a:pt x="593" y="745"/>
                  </a:lnTo>
                  <a:lnTo>
                    <a:pt x="656" y="759"/>
                  </a:lnTo>
                  <a:lnTo>
                    <a:pt x="685" y="792"/>
                  </a:lnTo>
                  <a:lnTo>
                    <a:pt x="658" y="862"/>
                  </a:lnTo>
                  <a:lnTo>
                    <a:pt x="567" y="920"/>
                  </a:lnTo>
                  <a:lnTo>
                    <a:pt x="600" y="943"/>
                  </a:lnTo>
                  <a:lnTo>
                    <a:pt x="636" y="943"/>
                  </a:lnTo>
                  <a:lnTo>
                    <a:pt x="524" y="1014"/>
                  </a:lnTo>
                  <a:lnTo>
                    <a:pt x="486" y="992"/>
                  </a:lnTo>
                  <a:lnTo>
                    <a:pt x="423" y="992"/>
                  </a:lnTo>
                  <a:lnTo>
                    <a:pt x="383" y="976"/>
                  </a:lnTo>
                  <a:lnTo>
                    <a:pt x="291" y="1000"/>
                  </a:lnTo>
                  <a:lnTo>
                    <a:pt x="233" y="969"/>
                  </a:lnTo>
                  <a:lnTo>
                    <a:pt x="211" y="969"/>
                  </a:lnTo>
                  <a:lnTo>
                    <a:pt x="179" y="1027"/>
                  </a:lnTo>
                  <a:lnTo>
                    <a:pt x="92" y="992"/>
                  </a:lnTo>
                  <a:lnTo>
                    <a:pt x="40" y="1027"/>
                  </a:lnTo>
                  <a:lnTo>
                    <a:pt x="20" y="1007"/>
                  </a:lnTo>
                  <a:lnTo>
                    <a:pt x="0" y="992"/>
                  </a:lnTo>
                  <a:lnTo>
                    <a:pt x="49" y="987"/>
                  </a:lnTo>
                  <a:lnTo>
                    <a:pt x="170" y="898"/>
                  </a:lnTo>
                  <a:lnTo>
                    <a:pt x="202" y="906"/>
                  </a:lnTo>
                  <a:lnTo>
                    <a:pt x="240" y="922"/>
                  </a:lnTo>
                  <a:lnTo>
                    <a:pt x="267" y="895"/>
                  </a:lnTo>
                  <a:lnTo>
                    <a:pt x="318" y="862"/>
                  </a:lnTo>
                  <a:lnTo>
                    <a:pt x="233" y="893"/>
                  </a:lnTo>
                  <a:lnTo>
                    <a:pt x="204" y="871"/>
                  </a:lnTo>
                  <a:lnTo>
                    <a:pt x="201" y="853"/>
                  </a:lnTo>
                  <a:lnTo>
                    <a:pt x="168" y="855"/>
                  </a:lnTo>
                  <a:lnTo>
                    <a:pt x="157" y="828"/>
                  </a:lnTo>
                  <a:lnTo>
                    <a:pt x="110" y="842"/>
                  </a:lnTo>
                  <a:lnTo>
                    <a:pt x="79" y="792"/>
                  </a:lnTo>
                  <a:lnTo>
                    <a:pt x="161" y="781"/>
                  </a:lnTo>
                  <a:lnTo>
                    <a:pt x="213" y="743"/>
                  </a:lnTo>
                  <a:lnTo>
                    <a:pt x="202" y="694"/>
                  </a:lnTo>
                  <a:lnTo>
                    <a:pt x="168" y="709"/>
                  </a:lnTo>
                  <a:lnTo>
                    <a:pt x="168" y="683"/>
                  </a:lnTo>
                  <a:lnTo>
                    <a:pt x="226" y="645"/>
                  </a:lnTo>
                  <a:lnTo>
                    <a:pt x="302" y="651"/>
                  </a:lnTo>
                  <a:lnTo>
                    <a:pt x="341" y="579"/>
                  </a:lnTo>
                  <a:lnTo>
                    <a:pt x="320" y="568"/>
                  </a:lnTo>
                  <a:lnTo>
                    <a:pt x="293" y="513"/>
                  </a:lnTo>
                  <a:lnTo>
                    <a:pt x="316" y="476"/>
                  </a:lnTo>
                  <a:lnTo>
                    <a:pt x="352" y="467"/>
                  </a:lnTo>
                  <a:lnTo>
                    <a:pt x="302" y="467"/>
                  </a:lnTo>
                  <a:lnTo>
                    <a:pt x="258" y="474"/>
                  </a:lnTo>
                  <a:lnTo>
                    <a:pt x="233" y="450"/>
                  </a:lnTo>
                  <a:lnTo>
                    <a:pt x="233" y="479"/>
                  </a:lnTo>
                  <a:lnTo>
                    <a:pt x="190" y="443"/>
                  </a:lnTo>
                  <a:lnTo>
                    <a:pt x="238" y="373"/>
                  </a:lnTo>
                  <a:lnTo>
                    <a:pt x="224" y="344"/>
                  </a:lnTo>
                  <a:lnTo>
                    <a:pt x="247" y="297"/>
                  </a:lnTo>
                  <a:lnTo>
                    <a:pt x="195" y="302"/>
                  </a:lnTo>
                  <a:lnTo>
                    <a:pt x="199" y="336"/>
                  </a:lnTo>
                  <a:lnTo>
                    <a:pt x="161" y="389"/>
                  </a:lnTo>
                  <a:lnTo>
                    <a:pt x="146" y="376"/>
                  </a:lnTo>
                  <a:lnTo>
                    <a:pt x="181" y="313"/>
                  </a:lnTo>
                  <a:lnTo>
                    <a:pt x="195" y="264"/>
                  </a:lnTo>
                  <a:lnTo>
                    <a:pt x="202" y="241"/>
                  </a:lnTo>
                  <a:lnTo>
                    <a:pt x="172" y="268"/>
                  </a:lnTo>
                  <a:lnTo>
                    <a:pt x="145" y="264"/>
                  </a:lnTo>
                  <a:lnTo>
                    <a:pt x="191" y="185"/>
                  </a:lnTo>
                  <a:lnTo>
                    <a:pt x="222" y="183"/>
                  </a:lnTo>
                  <a:lnTo>
                    <a:pt x="233" y="134"/>
                  </a:lnTo>
                  <a:lnTo>
                    <a:pt x="217" y="85"/>
                  </a:lnTo>
                  <a:lnTo>
                    <a:pt x="280" y="55"/>
                  </a:lnTo>
                  <a:lnTo>
                    <a:pt x="304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61" name="Denmark"/>
          <p:cNvGrpSpPr>
            <a:grpSpLocks/>
          </p:cNvGrpSpPr>
          <p:nvPr/>
        </p:nvGrpSpPr>
        <p:grpSpPr>
          <a:xfrm>
            <a:off x="8684151" y="2782888"/>
            <a:ext cx="525463" cy="598488"/>
            <a:chOff x="8705171" y="2782888"/>
            <a:chExt cx="525463" cy="598488"/>
          </a:xfrm>
          <a:solidFill>
            <a:schemeClr val="accent1"/>
          </a:solidFill>
        </p:grpSpPr>
        <p:sp>
          <p:nvSpPr>
            <p:cNvPr id="62" name="Denmark"/>
            <p:cNvSpPr>
              <a:spLocks/>
            </p:cNvSpPr>
            <p:nvPr/>
          </p:nvSpPr>
          <p:spPr bwMode="auto">
            <a:xfrm>
              <a:off x="8705171" y="2782888"/>
              <a:ext cx="347663" cy="576263"/>
            </a:xfrm>
            <a:custGeom>
              <a:avLst/>
              <a:gdLst>
                <a:gd name="T0" fmla="*/ 42 w 219"/>
                <a:gd name="T1" fmla="*/ 312 h 363"/>
                <a:gd name="T2" fmla="*/ 42 w 219"/>
                <a:gd name="T3" fmla="*/ 287 h 363"/>
                <a:gd name="T4" fmla="*/ 0 w 219"/>
                <a:gd name="T5" fmla="*/ 272 h 363"/>
                <a:gd name="T6" fmla="*/ 6 w 219"/>
                <a:gd name="T7" fmla="*/ 238 h 363"/>
                <a:gd name="T8" fmla="*/ 20 w 219"/>
                <a:gd name="T9" fmla="*/ 234 h 363"/>
                <a:gd name="T10" fmla="*/ 20 w 219"/>
                <a:gd name="T11" fmla="*/ 209 h 363"/>
                <a:gd name="T12" fmla="*/ 8 w 219"/>
                <a:gd name="T13" fmla="*/ 202 h 363"/>
                <a:gd name="T14" fmla="*/ 8 w 219"/>
                <a:gd name="T15" fmla="*/ 137 h 363"/>
                <a:gd name="T16" fmla="*/ 20 w 219"/>
                <a:gd name="T17" fmla="*/ 122 h 363"/>
                <a:gd name="T18" fmla="*/ 27 w 219"/>
                <a:gd name="T19" fmla="*/ 122 h 363"/>
                <a:gd name="T20" fmla="*/ 20 w 219"/>
                <a:gd name="T21" fmla="*/ 95 h 363"/>
                <a:gd name="T22" fmla="*/ 53 w 219"/>
                <a:gd name="T23" fmla="*/ 72 h 363"/>
                <a:gd name="T24" fmla="*/ 92 w 219"/>
                <a:gd name="T25" fmla="*/ 72 h 363"/>
                <a:gd name="T26" fmla="*/ 118 w 219"/>
                <a:gd name="T27" fmla="*/ 59 h 363"/>
                <a:gd name="T28" fmla="*/ 136 w 219"/>
                <a:gd name="T29" fmla="*/ 25 h 363"/>
                <a:gd name="T30" fmla="*/ 170 w 219"/>
                <a:gd name="T31" fmla="*/ 16 h 363"/>
                <a:gd name="T32" fmla="*/ 186 w 219"/>
                <a:gd name="T33" fmla="*/ 0 h 363"/>
                <a:gd name="T34" fmla="*/ 194 w 219"/>
                <a:gd name="T35" fmla="*/ 3 h 363"/>
                <a:gd name="T36" fmla="*/ 190 w 219"/>
                <a:gd name="T37" fmla="*/ 16 h 363"/>
                <a:gd name="T38" fmla="*/ 177 w 219"/>
                <a:gd name="T39" fmla="*/ 21 h 363"/>
                <a:gd name="T40" fmla="*/ 190 w 219"/>
                <a:gd name="T41" fmla="*/ 39 h 363"/>
                <a:gd name="T42" fmla="*/ 194 w 219"/>
                <a:gd name="T43" fmla="*/ 63 h 363"/>
                <a:gd name="T44" fmla="*/ 183 w 219"/>
                <a:gd name="T45" fmla="*/ 77 h 363"/>
                <a:gd name="T46" fmla="*/ 168 w 219"/>
                <a:gd name="T47" fmla="*/ 94 h 363"/>
                <a:gd name="T48" fmla="*/ 163 w 219"/>
                <a:gd name="T49" fmla="*/ 113 h 363"/>
                <a:gd name="T50" fmla="*/ 168 w 219"/>
                <a:gd name="T51" fmla="*/ 124 h 363"/>
                <a:gd name="T52" fmla="*/ 168 w 219"/>
                <a:gd name="T53" fmla="*/ 139 h 363"/>
                <a:gd name="T54" fmla="*/ 177 w 219"/>
                <a:gd name="T55" fmla="*/ 148 h 363"/>
                <a:gd name="T56" fmla="*/ 199 w 219"/>
                <a:gd name="T57" fmla="*/ 148 h 363"/>
                <a:gd name="T58" fmla="*/ 213 w 219"/>
                <a:gd name="T59" fmla="*/ 148 h 363"/>
                <a:gd name="T60" fmla="*/ 219 w 219"/>
                <a:gd name="T61" fmla="*/ 173 h 363"/>
                <a:gd name="T62" fmla="*/ 197 w 219"/>
                <a:gd name="T63" fmla="*/ 198 h 363"/>
                <a:gd name="T64" fmla="*/ 177 w 219"/>
                <a:gd name="T65" fmla="*/ 204 h 363"/>
                <a:gd name="T66" fmla="*/ 177 w 219"/>
                <a:gd name="T67" fmla="*/ 187 h 363"/>
                <a:gd name="T68" fmla="*/ 161 w 219"/>
                <a:gd name="T69" fmla="*/ 189 h 363"/>
                <a:gd name="T70" fmla="*/ 163 w 219"/>
                <a:gd name="T71" fmla="*/ 220 h 363"/>
                <a:gd name="T72" fmla="*/ 159 w 219"/>
                <a:gd name="T73" fmla="*/ 240 h 363"/>
                <a:gd name="T74" fmla="*/ 141 w 219"/>
                <a:gd name="T75" fmla="*/ 249 h 363"/>
                <a:gd name="T76" fmla="*/ 127 w 219"/>
                <a:gd name="T77" fmla="*/ 247 h 363"/>
                <a:gd name="T78" fmla="*/ 129 w 219"/>
                <a:gd name="T79" fmla="*/ 265 h 363"/>
                <a:gd name="T80" fmla="*/ 111 w 219"/>
                <a:gd name="T81" fmla="*/ 276 h 363"/>
                <a:gd name="T82" fmla="*/ 118 w 219"/>
                <a:gd name="T83" fmla="*/ 299 h 363"/>
                <a:gd name="T84" fmla="*/ 121 w 219"/>
                <a:gd name="T85" fmla="*/ 321 h 363"/>
                <a:gd name="T86" fmla="*/ 103 w 219"/>
                <a:gd name="T87" fmla="*/ 325 h 363"/>
                <a:gd name="T88" fmla="*/ 123 w 219"/>
                <a:gd name="T89" fmla="*/ 341 h 363"/>
                <a:gd name="T90" fmla="*/ 132 w 219"/>
                <a:gd name="T91" fmla="*/ 363 h 363"/>
                <a:gd name="T92" fmla="*/ 96 w 219"/>
                <a:gd name="T93" fmla="*/ 359 h 363"/>
                <a:gd name="T94" fmla="*/ 27 w 219"/>
                <a:gd name="T95" fmla="*/ 343 h 363"/>
                <a:gd name="T96" fmla="*/ 40 w 219"/>
                <a:gd name="T97" fmla="*/ 328 h 363"/>
                <a:gd name="T98" fmla="*/ 42 w 219"/>
                <a:gd name="T99" fmla="*/ 312 h 3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219" h="363">
                  <a:moveTo>
                    <a:pt x="42" y="312"/>
                  </a:moveTo>
                  <a:lnTo>
                    <a:pt x="42" y="287"/>
                  </a:lnTo>
                  <a:lnTo>
                    <a:pt x="0" y="272"/>
                  </a:lnTo>
                  <a:lnTo>
                    <a:pt x="6" y="238"/>
                  </a:lnTo>
                  <a:lnTo>
                    <a:pt x="20" y="234"/>
                  </a:lnTo>
                  <a:lnTo>
                    <a:pt x="20" y="209"/>
                  </a:lnTo>
                  <a:lnTo>
                    <a:pt x="8" y="202"/>
                  </a:lnTo>
                  <a:lnTo>
                    <a:pt x="8" y="137"/>
                  </a:lnTo>
                  <a:lnTo>
                    <a:pt x="20" y="122"/>
                  </a:lnTo>
                  <a:lnTo>
                    <a:pt x="27" y="122"/>
                  </a:lnTo>
                  <a:lnTo>
                    <a:pt x="20" y="95"/>
                  </a:lnTo>
                  <a:lnTo>
                    <a:pt x="53" y="72"/>
                  </a:lnTo>
                  <a:lnTo>
                    <a:pt x="92" y="72"/>
                  </a:lnTo>
                  <a:lnTo>
                    <a:pt x="118" y="59"/>
                  </a:lnTo>
                  <a:lnTo>
                    <a:pt x="136" y="25"/>
                  </a:lnTo>
                  <a:lnTo>
                    <a:pt x="170" y="16"/>
                  </a:lnTo>
                  <a:lnTo>
                    <a:pt x="186" y="0"/>
                  </a:lnTo>
                  <a:lnTo>
                    <a:pt x="194" y="3"/>
                  </a:lnTo>
                  <a:lnTo>
                    <a:pt x="190" y="16"/>
                  </a:lnTo>
                  <a:lnTo>
                    <a:pt x="177" y="21"/>
                  </a:lnTo>
                  <a:lnTo>
                    <a:pt x="190" y="39"/>
                  </a:lnTo>
                  <a:lnTo>
                    <a:pt x="194" y="63"/>
                  </a:lnTo>
                  <a:lnTo>
                    <a:pt x="183" y="77"/>
                  </a:lnTo>
                  <a:lnTo>
                    <a:pt x="168" y="94"/>
                  </a:lnTo>
                  <a:lnTo>
                    <a:pt x="163" y="113"/>
                  </a:lnTo>
                  <a:lnTo>
                    <a:pt x="168" y="124"/>
                  </a:lnTo>
                  <a:lnTo>
                    <a:pt x="168" y="139"/>
                  </a:lnTo>
                  <a:lnTo>
                    <a:pt x="177" y="148"/>
                  </a:lnTo>
                  <a:lnTo>
                    <a:pt x="199" y="148"/>
                  </a:lnTo>
                  <a:lnTo>
                    <a:pt x="213" y="148"/>
                  </a:lnTo>
                  <a:lnTo>
                    <a:pt x="219" y="173"/>
                  </a:lnTo>
                  <a:lnTo>
                    <a:pt x="197" y="198"/>
                  </a:lnTo>
                  <a:lnTo>
                    <a:pt x="177" y="204"/>
                  </a:lnTo>
                  <a:lnTo>
                    <a:pt x="177" y="187"/>
                  </a:lnTo>
                  <a:lnTo>
                    <a:pt x="161" y="189"/>
                  </a:lnTo>
                  <a:lnTo>
                    <a:pt x="163" y="220"/>
                  </a:lnTo>
                  <a:lnTo>
                    <a:pt x="159" y="240"/>
                  </a:lnTo>
                  <a:lnTo>
                    <a:pt x="141" y="249"/>
                  </a:lnTo>
                  <a:lnTo>
                    <a:pt x="127" y="247"/>
                  </a:lnTo>
                  <a:lnTo>
                    <a:pt x="129" y="265"/>
                  </a:lnTo>
                  <a:lnTo>
                    <a:pt x="111" y="276"/>
                  </a:lnTo>
                  <a:lnTo>
                    <a:pt x="118" y="299"/>
                  </a:lnTo>
                  <a:lnTo>
                    <a:pt x="121" y="321"/>
                  </a:lnTo>
                  <a:lnTo>
                    <a:pt x="103" y="325"/>
                  </a:lnTo>
                  <a:lnTo>
                    <a:pt x="123" y="341"/>
                  </a:lnTo>
                  <a:lnTo>
                    <a:pt x="132" y="363"/>
                  </a:lnTo>
                  <a:lnTo>
                    <a:pt x="96" y="359"/>
                  </a:lnTo>
                  <a:lnTo>
                    <a:pt x="27" y="343"/>
                  </a:lnTo>
                  <a:lnTo>
                    <a:pt x="40" y="328"/>
                  </a:lnTo>
                  <a:lnTo>
                    <a:pt x="42" y="31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3" name="Denmark"/>
            <p:cNvSpPr>
              <a:spLocks/>
            </p:cNvSpPr>
            <p:nvPr/>
          </p:nvSpPr>
          <p:spPr bwMode="auto">
            <a:xfrm>
              <a:off x="8875033" y="3181350"/>
              <a:ext cx="134938" cy="131763"/>
            </a:xfrm>
            <a:custGeom>
              <a:avLst/>
              <a:gdLst>
                <a:gd name="T0" fmla="*/ 7 w 85"/>
                <a:gd name="T1" fmla="*/ 20 h 83"/>
                <a:gd name="T2" fmla="*/ 23 w 85"/>
                <a:gd name="T3" fmla="*/ 20 h 83"/>
                <a:gd name="T4" fmla="*/ 32 w 85"/>
                <a:gd name="T5" fmla="*/ 7 h 83"/>
                <a:gd name="T6" fmla="*/ 49 w 85"/>
                <a:gd name="T7" fmla="*/ 0 h 83"/>
                <a:gd name="T8" fmla="*/ 54 w 85"/>
                <a:gd name="T9" fmla="*/ 9 h 83"/>
                <a:gd name="T10" fmla="*/ 74 w 85"/>
                <a:gd name="T11" fmla="*/ 14 h 83"/>
                <a:gd name="T12" fmla="*/ 74 w 85"/>
                <a:gd name="T13" fmla="*/ 36 h 83"/>
                <a:gd name="T14" fmla="*/ 85 w 85"/>
                <a:gd name="T15" fmla="*/ 43 h 83"/>
                <a:gd name="T16" fmla="*/ 85 w 85"/>
                <a:gd name="T17" fmla="*/ 65 h 83"/>
                <a:gd name="T18" fmla="*/ 74 w 85"/>
                <a:gd name="T19" fmla="*/ 77 h 83"/>
                <a:gd name="T20" fmla="*/ 47 w 85"/>
                <a:gd name="T21" fmla="*/ 83 h 83"/>
                <a:gd name="T22" fmla="*/ 23 w 85"/>
                <a:gd name="T23" fmla="*/ 67 h 83"/>
                <a:gd name="T24" fmla="*/ 14 w 85"/>
                <a:gd name="T25" fmla="*/ 41 h 83"/>
                <a:gd name="T26" fmla="*/ 0 w 85"/>
                <a:gd name="T27" fmla="*/ 23 h 83"/>
                <a:gd name="T28" fmla="*/ 7 w 85"/>
                <a:gd name="T29" fmla="*/ 20 h 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85" h="83">
                  <a:moveTo>
                    <a:pt x="7" y="20"/>
                  </a:moveTo>
                  <a:lnTo>
                    <a:pt x="23" y="20"/>
                  </a:lnTo>
                  <a:lnTo>
                    <a:pt x="32" y="7"/>
                  </a:lnTo>
                  <a:lnTo>
                    <a:pt x="49" y="0"/>
                  </a:lnTo>
                  <a:lnTo>
                    <a:pt x="54" y="9"/>
                  </a:lnTo>
                  <a:lnTo>
                    <a:pt x="74" y="14"/>
                  </a:lnTo>
                  <a:lnTo>
                    <a:pt x="74" y="36"/>
                  </a:lnTo>
                  <a:lnTo>
                    <a:pt x="85" y="43"/>
                  </a:lnTo>
                  <a:lnTo>
                    <a:pt x="85" y="65"/>
                  </a:lnTo>
                  <a:lnTo>
                    <a:pt x="74" y="77"/>
                  </a:lnTo>
                  <a:lnTo>
                    <a:pt x="47" y="83"/>
                  </a:lnTo>
                  <a:lnTo>
                    <a:pt x="23" y="67"/>
                  </a:lnTo>
                  <a:lnTo>
                    <a:pt x="14" y="41"/>
                  </a:lnTo>
                  <a:lnTo>
                    <a:pt x="0" y="23"/>
                  </a:lnTo>
                  <a:lnTo>
                    <a:pt x="7" y="2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4" name="Denmark"/>
            <p:cNvSpPr>
              <a:spLocks/>
            </p:cNvSpPr>
            <p:nvPr/>
          </p:nvSpPr>
          <p:spPr bwMode="auto">
            <a:xfrm>
              <a:off x="9009971" y="3068638"/>
              <a:ext cx="220663" cy="312738"/>
            </a:xfrm>
            <a:custGeom>
              <a:avLst/>
              <a:gdLst>
                <a:gd name="T0" fmla="*/ 0 w 139"/>
                <a:gd name="T1" fmla="*/ 58 h 197"/>
                <a:gd name="T2" fmla="*/ 43 w 139"/>
                <a:gd name="T3" fmla="*/ 51 h 197"/>
                <a:gd name="T4" fmla="*/ 50 w 139"/>
                <a:gd name="T5" fmla="*/ 40 h 197"/>
                <a:gd name="T6" fmla="*/ 79 w 139"/>
                <a:gd name="T7" fmla="*/ 33 h 197"/>
                <a:gd name="T8" fmla="*/ 83 w 139"/>
                <a:gd name="T9" fmla="*/ 0 h 197"/>
                <a:gd name="T10" fmla="*/ 112 w 139"/>
                <a:gd name="T11" fmla="*/ 7 h 197"/>
                <a:gd name="T12" fmla="*/ 126 w 139"/>
                <a:gd name="T13" fmla="*/ 24 h 197"/>
                <a:gd name="T14" fmla="*/ 126 w 139"/>
                <a:gd name="T15" fmla="*/ 45 h 197"/>
                <a:gd name="T16" fmla="*/ 139 w 139"/>
                <a:gd name="T17" fmla="*/ 54 h 197"/>
                <a:gd name="T18" fmla="*/ 139 w 139"/>
                <a:gd name="T19" fmla="*/ 71 h 197"/>
                <a:gd name="T20" fmla="*/ 119 w 139"/>
                <a:gd name="T21" fmla="*/ 80 h 197"/>
                <a:gd name="T22" fmla="*/ 112 w 139"/>
                <a:gd name="T23" fmla="*/ 96 h 197"/>
                <a:gd name="T24" fmla="*/ 126 w 139"/>
                <a:gd name="T25" fmla="*/ 107 h 197"/>
                <a:gd name="T26" fmla="*/ 126 w 139"/>
                <a:gd name="T27" fmla="*/ 119 h 197"/>
                <a:gd name="T28" fmla="*/ 99 w 139"/>
                <a:gd name="T29" fmla="*/ 119 h 197"/>
                <a:gd name="T30" fmla="*/ 108 w 139"/>
                <a:gd name="T31" fmla="*/ 141 h 197"/>
                <a:gd name="T32" fmla="*/ 81 w 139"/>
                <a:gd name="T33" fmla="*/ 141 h 197"/>
                <a:gd name="T34" fmla="*/ 87 w 139"/>
                <a:gd name="T35" fmla="*/ 154 h 197"/>
                <a:gd name="T36" fmla="*/ 105 w 139"/>
                <a:gd name="T37" fmla="*/ 154 h 197"/>
                <a:gd name="T38" fmla="*/ 97 w 139"/>
                <a:gd name="T39" fmla="*/ 166 h 197"/>
                <a:gd name="T40" fmla="*/ 88 w 139"/>
                <a:gd name="T41" fmla="*/ 186 h 197"/>
                <a:gd name="T42" fmla="*/ 70 w 139"/>
                <a:gd name="T43" fmla="*/ 186 h 197"/>
                <a:gd name="T44" fmla="*/ 52 w 139"/>
                <a:gd name="T45" fmla="*/ 197 h 197"/>
                <a:gd name="T46" fmla="*/ 36 w 139"/>
                <a:gd name="T47" fmla="*/ 181 h 197"/>
                <a:gd name="T48" fmla="*/ 18 w 139"/>
                <a:gd name="T49" fmla="*/ 161 h 197"/>
                <a:gd name="T50" fmla="*/ 29 w 139"/>
                <a:gd name="T51" fmla="*/ 148 h 197"/>
                <a:gd name="T52" fmla="*/ 50 w 139"/>
                <a:gd name="T53" fmla="*/ 154 h 197"/>
                <a:gd name="T54" fmla="*/ 61 w 139"/>
                <a:gd name="T55" fmla="*/ 166 h 197"/>
                <a:gd name="T56" fmla="*/ 70 w 139"/>
                <a:gd name="T57" fmla="*/ 154 h 197"/>
                <a:gd name="T58" fmla="*/ 77 w 139"/>
                <a:gd name="T59" fmla="*/ 132 h 197"/>
                <a:gd name="T60" fmla="*/ 76 w 139"/>
                <a:gd name="T61" fmla="*/ 119 h 197"/>
                <a:gd name="T62" fmla="*/ 38 w 139"/>
                <a:gd name="T63" fmla="*/ 125 h 197"/>
                <a:gd name="T64" fmla="*/ 25 w 139"/>
                <a:gd name="T65" fmla="*/ 107 h 197"/>
                <a:gd name="T66" fmla="*/ 34 w 139"/>
                <a:gd name="T67" fmla="*/ 91 h 197"/>
                <a:gd name="T68" fmla="*/ 36 w 139"/>
                <a:gd name="T69" fmla="*/ 74 h 197"/>
                <a:gd name="T70" fmla="*/ 0 w 139"/>
                <a:gd name="T71" fmla="*/ 58 h 1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39" h="197">
                  <a:moveTo>
                    <a:pt x="0" y="58"/>
                  </a:moveTo>
                  <a:lnTo>
                    <a:pt x="43" y="51"/>
                  </a:lnTo>
                  <a:lnTo>
                    <a:pt x="50" y="40"/>
                  </a:lnTo>
                  <a:lnTo>
                    <a:pt x="79" y="33"/>
                  </a:lnTo>
                  <a:lnTo>
                    <a:pt x="83" y="0"/>
                  </a:lnTo>
                  <a:lnTo>
                    <a:pt x="112" y="7"/>
                  </a:lnTo>
                  <a:lnTo>
                    <a:pt x="126" y="24"/>
                  </a:lnTo>
                  <a:lnTo>
                    <a:pt x="126" y="45"/>
                  </a:lnTo>
                  <a:lnTo>
                    <a:pt x="139" y="54"/>
                  </a:lnTo>
                  <a:lnTo>
                    <a:pt x="139" y="71"/>
                  </a:lnTo>
                  <a:lnTo>
                    <a:pt x="119" y="80"/>
                  </a:lnTo>
                  <a:lnTo>
                    <a:pt x="112" y="96"/>
                  </a:lnTo>
                  <a:lnTo>
                    <a:pt x="126" y="107"/>
                  </a:lnTo>
                  <a:lnTo>
                    <a:pt x="126" y="119"/>
                  </a:lnTo>
                  <a:lnTo>
                    <a:pt x="99" y="119"/>
                  </a:lnTo>
                  <a:lnTo>
                    <a:pt x="108" y="141"/>
                  </a:lnTo>
                  <a:lnTo>
                    <a:pt x="81" y="141"/>
                  </a:lnTo>
                  <a:lnTo>
                    <a:pt x="87" y="154"/>
                  </a:lnTo>
                  <a:lnTo>
                    <a:pt x="105" y="154"/>
                  </a:lnTo>
                  <a:lnTo>
                    <a:pt x="97" y="166"/>
                  </a:lnTo>
                  <a:lnTo>
                    <a:pt x="88" y="186"/>
                  </a:lnTo>
                  <a:lnTo>
                    <a:pt x="70" y="186"/>
                  </a:lnTo>
                  <a:lnTo>
                    <a:pt x="52" y="197"/>
                  </a:lnTo>
                  <a:lnTo>
                    <a:pt x="36" y="181"/>
                  </a:lnTo>
                  <a:lnTo>
                    <a:pt x="18" y="161"/>
                  </a:lnTo>
                  <a:lnTo>
                    <a:pt x="29" y="148"/>
                  </a:lnTo>
                  <a:lnTo>
                    <a:pt x="50" y="154"/>
                  </a:lnTo>
                  <a:lnTo>
                    <a:pt x="61" y="166"/>
                  </a:lnTo>
                  <a:lnTo>
                    <a:pt x="70" y="154"/>
                  </a:lnTo>
                  <a:lnTo>
                    <a:pt x="77" y="132"/>
                  </a:lnTo>
                  <a:lnTo>
                    <a:pt x="76" y="119"/>
                  </a:lnTo>
                  <a:lnTo>
                    <a:pt x="38" y="125"/>
                  </a:lnTo>
                  <a:lnTo>
                    <a:pt x="25" y="107"/>
                  </a:lnTo>
                  <a:lnTo>
                    <a:pt x="34" y="91"/>
                  </a:lnTo>
                  <a:lnTo>
                    <a:pt x="36" y="74"/>
                  </a:lnTo>
                  <a:lnTo>
                    <a:pt x="0" y="5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65" name="Norway"/>
          <p:cNvSpPr>
            <a:spLocks/>
          </p:cNvSpPr>
          <p:nvPr/>
        </p:nvSpPr>
        <p:spPr bwMode="auto">
          <a:xfrm>
            <a:off x="8349188" y="85725"/>
            <a:ext cx="2322513" cy="2652713"/>
          </a:xfrm>
          <a:custGeom>
            <a:avLst/>
            <a:gdLst>
              <a:gd name="T0" fmla="*/ 780 w 810"/>
              <a:gd name="T1" fmla="*/ 57 h 925"/>
              <a:gd name="T2" fmla="*/ 738 w 810"/>
              <a:gd name="T3" fmla="*/ 48 h 925"/>
              <a:gd name="T4" fmla="*/ 702 w 810"/>
              <a:gd name="T5" fmla="*/ 47 h 925"/>
              <a:gd name="T6" fmla="*/ 682 w 810"/>
              <a:gd name="T7" fmla="*/ 0 h 925"/>
              <a:gd name="T8" fmla="*/ 649 w 810"/>
              <a:gd name="T9" fmla="*/ 6 h 925"/>
              <a:gd name="T10" fmla="*/ 643 w 810"/>
              <a:gd name="T11" fmla="*/ 6 h 925"/>
              <a:gd name="T12" fmla="*/ 616 w 810"/>
              <a:gd name="T13" fmla="*/ 13 h 925"/>
              <a:gd name="T14" fmla="*/ 593 w 810"/>
              <a:gd name="T15" fmla="*/ 14 h 925"/>
              <a:gd name="T16" fmla="*/ 570 w 810"/>
              <a:gd name="T17" fmla="*/ 74 h 925"/>
              <a:gd name="T18" fmla="*/ 584 w 810"/>
              <a:gd name="T19" fmla="*/ 0 h 925"/>
              <a:gd name="T20" fmla="*/ 550 w 810"/>
              <a:gd name="T21" fmla="*/ 43 h 925"/>
              <a:gd name="T22" fmla="*/ 515 w 810"/>
              <a:gd name="T23" fmla="*/ 57 h 925"/>
              <a:gd name="T24" fmla="*/ 518 w 810"/>
              <a:gd name="T25" fmla="*/ 86 h 925"/>
              <a:gd name="T26" fmla="*/ 480 w 810"/>
              <a:gd name="T27" fmla="*/ 90 h 925"/>
              <a:gd name="T28" fmla="*/ 439 w 810"/>
              <a:gd name="T29" fmla="*/ 99 h 925"/>
              <a:gd name="T30" fmla="*/ 402 w 810"/>
              <a:gd name="T31" fmla="*/ 132 h 925"/>
              <a:gd name="T32" fmla="*/ 396 w 810"/>
              <a:gd name="T33" fmla="*/ 177 h 925"/>
              <a:gd name="T34" fmla="*/ 337 w 810"/>
              <a:gd name="T35" fmla="*/ 189 h 925"/>
              <a:gd name="T36" fmla="*/ 339 w 810"/>
              <a:gd name="T37" fmla="*/ 214 h 925"/>
              <a:gd name="T38" fmla="*/ 334 w 810"/>
              <a:gd name="T39" fmla="*/ 256 h 925"/>
              <a:gd name="T40" fmla="*/ 309 w 810"/>
              <a:gd name="T41" fmla="*/ 314 h 925"/>
              <a:gd name="T42" fmla="*/ 276 w 810"/>
              <a:gd name="T43" fmla="*/ 355 h 925"/>
              <a:gd name="T44" fmla="*/ 275 w 810"/>
              <a:gd name="T45" fmla="*/ 447 h 925"/>
              <a:gd name="T46" fmla="*/ 217 w 810"/>
              <a:gd name="T47" fmla="*/ 478 h 925"/>
              <a:gd name="T48" fmla="*/ 139 w 810"/>
              <a:gd name="T49" fmla="*/ 562 h 925"/>
              <a:gd name="T50" fmla="*/ 88 w 810"/>
              <a:gd name="T51" fmla="*/ 582 h 925"/>
              <a:gd name="T52" fmla="*/ 61 w 810"/>
              <a:gd name="T53" fmla="*/ 613 h 925"/>
              <a:gd name="T54" fmla="*/ 19 w 810"/>
              <a:gd name="T55" fmla="*/ 637 h 925"/>
              <a:gd name="T56" fmla="*/ 8 w 810"/>
              <a:gd name="T57" fmla="*/ 709 h 925"/>
              <a:gd name="T58" fmla="*/ 7 w 810"/>
              <a:gd name="T59" fmla="*/ 756 h 925"/>
              <a:gd name="T60" fmla="*/ 34 w 810"/>
              <a:gd name="T61" fmla="*/ 769 h 925"/>
              <a:gd name="T62" fmla="*/ 29 w 810"/>
              <a:gd name="T63" fmla="*/ 802 h 925"/>
              <a:gd name="T64" fmla="*/ 18 w 810"/>
              <a:gd name="T65" fmla="*/ 834 h 925"/>
              <a:gd name="T66" fmla="*/ 44 w 810"/>
              <a:gd name="T67" fmla="*/ 834 h 925"/>
              <a:gd name="T68" fmla="*/ 16 w 810"/>
              <a:gd name="T69" fmla="*/ 884 h 925"/>
              <a:gd name="T70" fmla="*/ 74 w 810"/>
              <a:gd name="T71" fmla="*/ 925 h 925"/>
              <a:gd name="T72" fmla="*/ 142 w 810"/>
              <a:gd name="T73" fmla="*/ 878 h 925"/>
              <a:gd name="T74" fmla="*/ 183 w 810"/>
              <a:gd name="T75" fmla="*/ 864 h 925"/>
              <a:gd name="T76" fmla="*/ 210 w 810"/>
              <a:gd name="T77" fmla="*/ 797 h 925"/>
              <a:gd name="T78" fmla="*/ 240 w 810"/>
              <a:gd name="T79" fmla="*/ 850 h 925"/>
              <a:gd name="T80" fmla="*/ 259 w 810"/>
              <a:gd name="T81" fmla="*/ 795 h 925"/>
              <a:gd name="T82" fmla="*/ 279 w 810"/>
              <a:gd name="T83" fmla="*/ 720 h 925"/>
              <a:gd name="T84" fmla="*/ 253 w 810"/>
              <a:gd name="T85" fmla="*/ 614 h 925"/>
              <a:gd name="T86" fmla="*/ 275 w 810"/>
              <a:gd name="T87" fmla="*/ 522 h 925"/>
              <a:gd name="T88" fmla="*/ 307 w 810"/>
              <a:gd name="T89" fmla="*/ 480 h 925"/>
              <a:gd name="T90" fmla="*/ 354 w 810"/>
              <a:gd name="T91" fmla="*/ 355 h 925"/>
              <a:gd name="T92" fmla="*/ 373 w 810"/>
              <a:gd name="T93" fmla="*/ 281 h 925"/>
              <a:gd name="T94" fmla="*/ 447 w 810"/>
              <a:gd name="T95" fmla="*/ 209 h 925"/>
              <a:gd name="T96" fmla="*/ 472 w 810"/>
              <a:gd name="T97" fmla="*/ 175 h 925"/>
              <a:gd name="T98" fmla="*/ 513 w 810"/>
              <a:gd name="T99" fmla="*/ 155 h 925"/>
              <a:gd name="T100" fmla="*/ 602 w 810"/>
              <a:gd name="T101" fmla="*/ 190 h 925"/>
              <a:gd name="T102" fmla="*/ 723 w 810"/>
              <a:gd name="T103" fmla="*/ 171 h 925"/>
              <a:gd name="T104" fmla="*/ 784 w 810"/>
              <a:gd name="T105" fmla="*/ 106 h 925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72 w 10000"/>
              <a:gd name="connsiteY207" fmla="*/ 1685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8948 w 10000"/>
              <a:gd name="connsiteY207" fmla="*/ 1825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102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067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</a:cxnLst>
            <a:rect l="l" t="t" r="r" b="b"/>
            <a:pathLst>
              <a:path w="10000" h="10000">
                <a:moveTo>
                  <a:pt x="9914" y="627"/>
                </a:moveTo>
                <a:cubicBezTo>
                  <a:pt x="9914" y="573"/>
                  <a:pt x="9753" y="692"/>
                  <a:pt x="9753" y="692"/>
                </a:cubicBezTo>
                <a:cubicBezTo>
                  <a:pt x="9737" y="685"/>
                  <a:pt x="9720" y="677"/>
                  <a:pt x="9704" y="670"/>
                </a:cubicBezTo>
                <a:cubicBezTo>
                  <a:pt x="9704" y="670"/>
                  <a:pt x="9605" y="627"/>
                  <a:pt x="9630" y="616"/>
                </a:cubicBezTo>
                <a:cubicBezTo>
                  <a:pt x="9654" y="605"/>
                  <a:pt x="9543" y="562"/>
                  <a:pt x="9543" y="562"/>
                </a:cubicBezTo>
                <a:lnTo>
                  <a:pt x="9296" y="616"/>
                </a:lnTo>
                <a:lnTo>
                  <a:pt x="9173" y="703"/>
                </a:lnTo>
                <a:cubicBezTo>
                  <a:pt x="9152" y="642"/>
                  <a:pt x="9132" y="580"/>
                  <a:pt x="9111" y="519"/>
                </a:cubicBezTo>
                <a:lnTo>
                  <a:pt x="8728" y="573"/>
                </a:lnTo>
                <a:lnTo>
                  <a:pt x="8420" y="616"/>
                </a:lnTo>
                <a:lnTo>
                  <a:pt x="8235" y="541"/>
                </a:lnTo>
                <a:lnTo>
                  <a:pt x="8667" y="508"/>
                </a:lnTo>
                <a:lnTo>
                  <a:pt x="8765" y="389"/>
                </a:lnTo>
                <a:lnTo>
                  <a:pt x="8901" y="259"/>
                </a:lnTo>
                <a:lnTo>
                  <a:pt x="8704" y="184"/>
                </a:lnTo>
                <a:lnTo>
                  <a:pt x="8420" y="0"/>
                </a:lnTo>
                <a:cubicBezTo>
                  <a:pt x="8445" y="32"/>
                  <a:pt x="8469" y="65"/>
                  <a:pt x="8494" y="97"/>
                </a:cubicBezTo>
                <a:lnTo>
                  <a:pt x="8309" y="205"/>
                </a:lnTo>
                <a:lnTo>
                  <a:pt x="8210" y="43"/>
                </a:lnTo>
                <a:lnTo>
                  <a:pt x="8012" y="65"/>
                </a:lnTo>
                <a:lnTo>
                  <a:pt x="8012" y="281"/>
                </a:lnTo>
                <a:cubicBezTo>
                  <a:pt x="7987" y="306"/>
                  <a:pt x="7963" y="332"/>
                  <a:pt x="7938" y="357"/>
                </a:cubicBezTo>
                <a:cubicBezTo>
                  <a:pt x="7918" y="321"/>
                  <a:pt x="7897" y="285"/>
                  <a:pt x="7877" y="249"/>
                </a:cubicBezTo>
                <a:cubicBezTo>
                  <a:pt x="7897" y="188"/>
                  <a:pt x="7918" y="126"/>
                  <a:pt x="7938" y="65"/>
                </a:cubicBezTo>
                <a:lnTo>
                  <a:pt x="7827" y="0"/>
                </a:lnTo>
                <a:lnTo>
                  <a:pt x="7654" y="0"/>
                </a:lnTo>
                <a:lnTo>
                  <a:pt x="7556" y="86"/>
                </a:lnTo>
                <a:lnTo>
                  <a:pt x="7605" y="141"/>
                </a:lnTo>
                <a:lnTo>
                  <a:pt x="7605" y="368"/>
                </a:lnTo>
                <a:cubicBezTo>
                  <a:pt x="7589" y="411"/>
                  <a:pt x="7572" y="454"/>
                  <a:pt x="7556" y="497"/>
                </a:cubicBezTo>
                <a:cubicBezTo>
                  <a:pt x="7511" y="439"/>
                  <a:pt x="7465" y="382"/>
                  <a:pt x="7420" y="324"/>
                </a:cubicBezTo>
                <a:cubicBezTo>
                  <a:pt x="7387" y="266"/>
                  <a:pt x="7354" y="209"/>
                  <a:pt x="7321" y="151"/>
                </a:cubicBezTo>
                <a:lnTo>
                  <a:pt x="7210" y="422"/>
                </a:lnTo>
                <a:lnTo>
                  <a:pt x="7210" y="627"/>
                </a:lnTo>
                <a:lnTo>
                  <a:pt x="7210" y="703"/>
                </a:lnTo>
                <a:lnTo>
                  <a:pt x="7037" y="800"/>
                </a:lnTo>
                <a:cubicBezTo>
                  <a:pt x="7041" y="742"/>
                  <a:pt x="7045" y="685"/>
                  <a:pt x="7049" y="627"/>
                </a:cubicBezTo>
                <a:lnTo>
                  <a:pt x="7049" y="551"/>
                </a:lnTo>
                <a:lnTo>
                  <a:pt x="7160" y="205"/>
                </a:lnTo>
                <a:cubicBezTo>
                  <a:pt x="7177" y="137"/>
                  <a:pt x="7193" y="68"/>
                  <a:pt x="7210" y="0"/>
                </a:cubicBezTo>
                <a:lnTo>
                  <a:pt x="6975" y="43"/>
                </a:lnTo>
                <a:lnTo>
                  <a:pt x="6975" y="184"/>
                </a:lnTo>
                <a:lnTo>
                  <a:pt x="6790" y="292"/>
                </a:lnTo>
                <a:lnTo>
                  <a:pt x="6790" y="465"/>
                </a:lnTo>
                <a:cubicBezTo>
                  <a:pt x="6745" y="487"/>
                  <a:pt x="6699" y="508"/>
                  <a:pt x="6654" y="530"/>
                </a:cubicBezTo>
                <a:lnTo>
                  <a:pt x="6420" y="465"/>
                </a:lnTo>
                <a:lnTo>
                  <a:pt x="6160" y="573"/>
                </a:lnTo>
                <a:lnTo>
                  <a:pt x="6358" y="616"/>
                </a:lnTo>
                <a:cubicBezTo>
                  <a:pt x="6370" y="638"/>
                  <a:pt x="6383" y="659"/>
                  <a:pt x="6395" y="681"/>
                </a:cubicBezTo>
                <a:cubicBezTo>
                  <a:pt x="6428" y="731"/>
                  <a:pt x="6461" y="782"/>
                  <a:pt x="6494" y="832"/>
                </a:cubicBezTo>
                <a:lnTo>
                  <a:pt x="6494" y="973"/>
                </a:lnTo>
                <a:cubicBezTo>
                  <a:pt x="6461" y="959"/>
                  <a:pt x="6428" y="944"/>
                  <a:pt x="6395" y="930"/>
                </a:cubicBezTo>
                <a:lnTo>
                  <a:pt x="6296" y="876"/>
                </a:lnTo>
                <a:lnTo>
                  <a:pt x="6111" y="800"/>
                </a:lnTo>
                <a:lnTo>
                  <a:pt x="5926" y="800"/>
                </a:lnTo>
                <a:lnTo>
                  <a:pt x="5926" y="973"/>
                </a:lnTo>
                <a:lnTo>
                  <a:pt x="5827" y="1135"/>
                </a:lnTo>
                <a:lnTo>
                  <a:pt x="5617" y="1200"/>
                </a:lnTo>
                <a:lnTo>
                  <a:pt x="5481" y="1222"/>
                </a:lnTo>
                <a:cubicBezTo>
                  <a:pt x="5461" y="1171"/>
                  <a:pt x="5440" y="1121"/>
                  <a:pt x="5420" y="1070"/>
                </a:cubicBezTo>
                <a:lnTo>
                  <a:pt x="5235" y="1232"/>
                </a:lnTo>
                <a:cubicBezTo>
                  <a:pt x="5247" y="1286"/>
                  <a:pt x="5260" y="1341"/>
                  <a:pt x="5272" y="1395"/>
                </a:cubicBezTo>
                <a:lnTo>
                  <a:pt x="5074" y="1589"/>
                </a:lnTo>
                <a:lnTo>
                  <a:pt x="4963" y="1427"/>
                </a:lnTo>
                <a:lnTo>
                  <a:pt x="4617" y="1784"/>
                </a:lnTo>
                <a:cubicBezTo>
                  <a:pt x="4650" y="1827"/>
                  <a:pt x="4683" y="1871"/>
                  <a:pt x="4716" y="1914"/>
                </a:cubicBezTo>
                <a:cubicBezTo>
                  <a:pt x="4774" y="1860"/>
                  <a:pt x="4831" y="1805"/>
                  <a:pt x="4889" y="1751"/>
                </a:cubicBezTo>
                <a:lnTo>
                  <a:pt x="4889" y="1914"/>
                </a:lnTo>
                <a:lnTo>
                  <a:pt x="4765" y="2173"/>
                </a:lnTo>
                <a:lnTo>
                  <a:pt x="4506" y="2000"/>
                </a:lnTo>
                <a:lnTo>
                  <a:pt x="4296" y="1914"/>
                </a:lnTo>
                <a:lnTo>
                  <a:pt x="4160" y="2043"/>
                </a:lnTo>
                <a:lnTo>
                  <a:pt x="3901" y="2205"/>
                </a:lnTo>
                <a:lnTo>
                  <a:pt x="4037" y="2205"/>
                </a:lnTo>
                <a:cubicBezTo>
                  <a:pt x="4045" y="2281"/>
                  <a:pt x="4054" y="2356"/>
                  <a:pt x="4062" y="2432"/>
                </a:cubicBezTo>
                <a:lnTo>
                  <a:pt x="4185" y="2314"/>
                </a:lnTo>
                <a:lnTo>
                  <a:pt x="4469" y="2314"/>
                </a:lnTo>
                <a:cubicBezTo>
                  <a:pt x="4444" y="2379"/>
                  <a:pt x="4420" y="2443"/>
                  <a:pt x="4395" y="2508"/>
                </a:cubicBezTo>
                <a:lnTo>
                  <a:pt x="4395" y="2670"/>
                </a:lnTo>
                <a:lnTo>
                  <a:pt x="4123" y="2768"/>
                </a:lnTo>
                <a:cubicBezTo>
                  <a:pt x="4090" y="2847"/>
                  <a:pt x="4058" y="2926"/>
                  <a:pt x="4025" y="3005"/>
                </a:cubicBezTo>
                <a:lnTo>
                  <a:pt x="3926" y="3254"/>
                </a:lnTo>
                <a:cubicBezTo>
                  <a:pt x="3942" y="3301"/>
                  <a:pt x="3959" y="3348"/>
                  <a:pt x="3975" y="3395"/>
                </a:cubicBezTo>
                <a:lnTo>
                  <a:pt x="3815" y="3395"/>
                </a:lnTo>
                <a:lnTo>
                  <a:pt x="3654" y="3449"/>
                </a:lnTo>
                <a:cubicBezTo>
                  <a:pt x="3671" y="3514"/>
                  <a:pt x="3687" y="3578"/>
                  <a:pt x="3704" y="3643"/>
                </a:cubicBezTo>
                <a:lnTo>
                  <a:pt x="3543" y="3643"/>
                </a:lnTo>
                <a:cubicBezTo>
                  <a:pt x="3498" y="3708"/>
                  <a:pt x="3452" y="3773"/>
                  <a:pt x="3407" y="3838"/>
                </a:cubicBezTo>
                <a:lnTo>
                  <a:pt x="3494" y="4195"/>
                </a:lnTo>
                <a:lnTo>
                  <a:pt x="3272" y="4400"/>
                </a:lnTo>
                <a:lnTo>
                  <a:pt x="3111" y="4714"/>
                </a:lnTo>
                <a:lnTo>
                  <a:pt x="3395" y="4832"/>
                </a:lnTo>
                <a:lnTo>
                  <a:pt x="2914" y="4897"/>
                </a:lnTo>
                <a:cubicBezTo>
                  <a:pt x="2893" y="4969"/>
                  <a:pt x="2873" y="5042"/>
                  <a:pt x="2852" y="5114"/>
                </a:cubicBezTo>
                <a:cubicBezTo>
                  <a:pt x="2868" y="5190"/>
                  <a:pt x="2885" y="5265"/>
                  <a:pt x="2901" y="5341"/>
                </a:cubicBezTo>
                <a:lnTo>
                  <a:pt x="2679" y="5168"/>
                </a:lnTo>
                <a:cubicBezTo>
                  <a:pt x="2650" y="5229"/>
                  <a:pt x="2622" y="5290"/>
                  <a:pt x="2593" y="5351"/>
                </a:cubicBezTo>
                <a:lnTo>
                  <a:pt x="2185" y="5741"/>
                </a:lnTo>
                <a:lnTo>
                  <a:pt x="2012" y="6032"/>
                </a:lnTo>
                <a:lnTo>
                  <a:pt x="1716" y="6076"/>
                </a:lnTo>
                <a:cubicBezTo>
                  <a:pt x="1749" y="6126"/>
                  <a:pt x="1782" y="6177"/>
                  <a:pt x="1815" y="6227"/>
                </a:cubicBezTo>
                <a:lnTo>
                  <a:pt x="1654" y="6292"/>
                </a:lnTo>
                <a:lnTo>
                  <a:pt x="1247" y="6368"/>
                </a:lnTo>
                <a:lnTo>
                  <a:pt x="1086" y="6292"/>
                </a:lnTo>
                <a:lnTo>
                  <a:pt x="975" y="6357"/>
                </a:lnTo>
                <a:lnTo>
                  <a:pt x="1086" y="6497"/>
                </a:lnTo>
                <a:lnTo>
                  <a:pt x="901" y="6573"/>
                </a:lnTo>
                <a:lnTo>
                  <a:pt x="753" y="6627"/>
                </a:lnTo>
                <a:lnTo>
                  <a:pt x="926" y="6768"/>
                </a:lnTo>
                <a:lnTo>
                  <a:pt x="580" y="6768"/>
                </a:lnTo>
                <a:lnTo>
                  <a:pt x="420" y="6886"/>
                </a:lnTo>
                <a:lnTo>
                  <a:pt x="235" y="6886"/>
                </a:lnTo>
                <a:lnTo>
                  <a:pt x="49" y="7211"/>
                </a:lnTo>
                <a:lnTo>
                  <a:pt x="160" y="7416"/>
                </a:lnTo>
                <a:lnTo>
                  <a:pt x="0" y="7416"/>
                </a:lnTo>
                <a:lnTo>
                  <a:pt x="99" y="7665"/>
                </a:lnTo>
                <a:cubicBezTo>
                  <a:pt x="66" y="7730"/>
                  <a:pt x="33" y="7794"/>
                  <a:pt x="0" y="7859"/>
                </a:cubicBezTo>
                <a:cubicBezTo>
                  <a:pt x="16" y="7924"/>
                  <a:pt x="33" y="7989"/>
                  <a:pt x="49" y="8054"/>
                </a:cubicBezTo>
                <a:lnTo>
                  <a:pt x="333" y="8173"/>
                </a:lnTo>
                <a:lnTo>
                  <a:pt x="86" y="8173"/>
                </a:lnTo>
                <a:lnTo>
                  <a:pt x="86" y="8314"/>
                </a:lnTo>
                <a:lnTo>
                  <a:pt x="222" y="8357"/>
                </a:lnTo>
                <a:cubicBezTo>
                  <a:pt x="243" y="8382"/>
                  <a:pt x="263" y="8407"/>
                  <a:pt x="284" y="8432"/>
                </a:cubicBezTo>
                <a:lnTo>
                  <a:pt x="420" y="8314"/>
                </a:lnTo>
                <a:cubicBezTo>
                  <a:pt x="449" y="8339"/>
                  <a:pt x="477" y="8364"/>
                  <a:pt x="506" y="8389"/>
                </a:cubicBezTo>
                <a:cubicBezTo>
                  <a:pt x="490" y="8411"/>
                  <a:pt x="473" y="8432"/>
                  <a:pt x="457" y="8454"/>
                </a:cubicBezTo>
                <a:lnTo>
                  <a:pt x="272" y="8616"/>
                </a:lnTo>
                <a:lnTo>
                  <a:pt x="358" y="8670"/>
                </a:lnTo>
                <a:lnTo>
                  <a:pt x="173" y="8735"/>
                </a:lnTo>
                <a:lnTo>
                  <a:pt x="49" y="8822"/>
                </a:lnTo>
                <a:lnTo>
                  <a:pt x="136" y="8930"/>
                </a:lnTo>
                <a:lnTo>
                  <a:pt x="222" y="9016"/>
                </a:lnTo>
                <a:lnTo>
                  <a:pt x="333" y="8832"/>
                </a:lnTo>
                <a:lnTo>
                  <a:pt x="444" y="8854"/>
                </a:lnTo>
                <a:cubicBezTo>
                  <a:pt x="428" y="8886"/>
                  <a:pt x="411" y="8919"/>
                  <a:pt x="395" y="8951"/>
                </a:cubicBezTo>
                <a:lnTo>
                  <a:pt x="543" y="9016"/>
                </a:lnTo>
                <a:lnTo>
                  <a:pt x="469" y="9016"/>
                </a:lnTo>
                <a:lnTo>
                  <a:pt x="272" y="9189"/>
                </a:lnTo>
                <a:lnTo>
                  <a:pt x="86" y="9308"/>
                </a:lnTo>
                <a:cubicBezTo>
                  <a:pt x="123" y="9391"/>
                  <a:pt x="161" y="9474"/>
                  <a:pt x="198" y="9557"/>
                </a:cubicBezTo>
                <a:lnTo>
                  <a:pt x="519" y="9805"/>
                </a:lnTo>
                <a:lnTo>
                  <a:pt x="753" y="9751"/>
                </a:lnTo>
                <a:lnTo>
                  <a:pt x="630" y="9892"/>
                </a:lnTo>
                <a:lnTo>
                  <a:pt x="914" y="10000"/>
                </a:lnTo>
                <a:lnTo>
                  <a:pt x="1383" y="9924"/>
                </a:lnTo>
                <a:cubicBezTo>
                  <a:pt x="1403" y="9884"/>
                  <a:pt x="1424" y="9845"/>
                  <a:pt x="1444" y="9805"/>
                </a:cubicBezTo>
                <a:lnTo>
                  <a:pt x="1568" y="9859"/>
                </a:lnTo>
                <a:cubicBezTo>
                  <a:pt x="1630" y="9737"/>
                  <a:pt x="1691" y="9614"/>
                  <a:pt x="1753" y="9492"/>
                </a:cubicBezTo>
                <a:lnTo>
                  <a:pt x="1889" y="9535"/>
                </a:lnTo>
                <a:lnTo>
                  <a:pt x="2049" y="9276"/>
                </a:lnTo>
                <a:cubicBezTo>
                  <a:pt x="2066" y="9247"/>
                  <a:pt x="2082" y="9218"/>
                  <a:pt x="2099" y="9189"/>
                </a:cubicBezTo>
                <a:cubicBezTo>
                  <a:pt x="2152" y="9240"/>
                  <a:pt x="2206" y="9290"/>
                  <a:pt x="2259" y="9341"/>
                </a:cubicBezTo>
                <a:lnTo>
                  <a:pt x="2444" y="9189"/>
                </a:lnTo>
                <a:cubicBezTo>
                  <a:pt x="2465" y="9110"/>
                  <a:pt x="2485" y="9030"/>
                  <a:pt x="2506" y="8951"/>
                </a:cubicBezTo>
                <a:cubicBezTo>
                  <a:pt x="2485" y="8879"/>
                  <a:pt x="2465" y="8807"/>
                  <a:pt x="2444" y="8735"/>
                </a:cubicBezTo>
                <a:lnTo>
                  <a:pt x="2593" y="8616"/>
                </a:lnTo>
                <a:lnTo>
                  <a:pt x="2593" y="8897"/>
                </a:lnTo>
                <a:lnTo>
                  <a:pt x="2716" y="9092"/>
                </a:lnTo>
                <a:lnTo>
                  <a:pt x="2852" y="9092"/>
                </a:lnTo>
                <a:lnTo>
                  <a:pt x="2963" y="9189"/>
                </a:lnTo>
                <a:lnTo>
                  <a:pt x="2852" y="9276"/>
                </a:lnTo>
                <a:lnTo>
                  <a:pt x="3099" y="9276"/>
                </a:lnTo>
                <a:lnTo>
                  <a:pt x="3099" y="8800"/>
                </a:lnTo>
                <a:cubicBezTo>
                  <a:pt x="3132" y="8732"/>
                  <a:pt x="3165" y="8663"/>
                  <a:pt x="3198" y="8595"/>
                </a:cubicBezTo>
                <a:lnTo>
                  <a:pt x="3506" y="8465"/>
                </a:lnTo>
                <a:cubicBezTo>
                  <a:pt x="3485" y="8324"/>
                  <a:pt x="3465" y="8184"/>
                  <a:pt x="3444" y="8043"/>
                </a:cubicBezTo>
                <a:lnTo>
                  <a:pt x="3284" y="7784"/>
                </a:lnTo>
                <a:lnTo>
                  <a:pt x="3444" y="7784"/>
                </a:lnTo>
                <a:cubicBezTo>
                  <a:pt x="3489" y="7672"/>
                  <a:pt x="3535" y="7561"/>
                  <a:pt x="3580" y="7449"/>
                </a:cubicBezTo>
                <a:lnTo>
                  <a:pt x="3272" y="7297"/>
                </a:lnTo>
                <a:cubicBezTo>
                  <a:pt x="3288" y="7146"/>
                  <a:pt x="3305" y="6994"/>
                  <a:pt x="3321" y="6843"/>
                </a:cubicBezTo>
                <a:lnTo>
                  <a:pt x="3123" y="6638"/>
                </a:lnTo>
                <a:cubicBezTo>
                  <a:pt x="3173" y="6541"/>
                  <a:pt x="3222" y="6443"/>
                  <a:pt x="3272" y="6346"/>
                </a:cubicBezTo>
                <a:cubicBezTo>
                  <a:pt x="3218" y="6296"/>
                  <a:pt x="3165" y="6245"/>
                  <a:pt x="3111" y="6195"/>
                </a:cubicBezTo>
                <a:cubicBezTo>
                  <a:pt x="3127" y="6108"/>
                  <a:pt x="3144" y="6022"/>
                  <a:pt x="3160" y="5935"/>
                </a:cubicBezTo>
                <a:lnTo>
                  <a:pt x="3395" y="5643"/>
                </a:lnTo>
                <a:lnTo>
                  <a:pt x="3568" y="5568"/>
                </a:lnTo>
                <a:lnTo>
                  <a:pt x="3852" y="5557"/>
                </a:lnTo>
                <a:cubicBezTo>
                  <a:pt x="3901" y="5481"/>
                  <a:pt x="3951" y="5406"/>
                  <a:pt x="4000" y="5330"/>
                </a:cubicBezTo>
                <a:lnTo>
                  <a:pt x="3790" y="5189"/>
                </a:lnTo>
                <a:lnTo>
                  <a:pt x="4000" y="4638"/>
                </a:lnTo>
                <a:lnTo>
                  <a:pt x="4000" y="4000"/>
                </a:lnTo>
                <a:lnTo>
                  <a:pt x="4296" y="4000"/>
                </a:lnTo>
                <a:cubicBezTo>
                  <a:pt x="4321" y="3946"/>
                  <a:pt x="4345" y="3892"/>
                  <a:pt x="4370" y="3838"/>
                </a:cubicBezTo>
                <a:lnTo>
                  <a:pt x="4247" y="3773"/>
                </a:lnTo>
                <a:lnTo>
                  <a:pt x="4704" y="3276"/>
                </a:lnTo>
                <a:lnTo>
                  <a:pt x="4444" y="3038"/>
                </a:lnTo>
                <a:lnTo>
                  <a:pt x="4605" y="3038"/>
                </a:lnTo>
                <a:cubicBezTo>
                  <a:pt x="4638" y="2908"/>
                  <a:pt x="4671" y="2779"/>
                  <a:pt x="4704" y="2649"/>
                </a:cubicBezTo>
                <a:lnTo>
                  <a:pt x="5037" y="2649"/>
                </a:lnTo>
                <a:lnTo>
                  <a:pt x="5037" y="2259"/>
                </a:lnTo>
                <a:lnTo>
                  <a:pt x="5519" y="2259"/>
                </a:lnTo>
                <a:cubicBezTo>
                  <a:pt x="5548" y="2277"/>
                  <a:pt x="5576" y="2296"/>
                  <a:pt x="5605" y="2314"/>
                </a:cubicBezTo>
                <a:lnTo>
                  <a:pt x="5753" y="2259"/>
                </a:lnTo>
                <a:lnTo>
                  <a:pt x="5753" y="2108"/>
                </a:lnTo>
                <a:cubicBezTo>
                  <a:pt x="5778" y="2036"/>
                  <a:pt x="5802" y="1964"/>
                  <a:pt x="5827" y="1892"/>
                </a:cubicBezTo>
                <a:lnTo>
                  <a:pt x="5605" y="1751"/>
                </a:lnTo>
                <a:lnTo>
                  <a:pt x="6037" y="1838"/>
                </a:lnTo>
                <a:lnTo>
                  <a:pt x="6185" y="1654"/>
                </a:lnTo>
                <a:lnTo>
                  <a:pt x="6333" y="1676"/>
                </a:lnTo>
                <a:lnTo>
                  <a:pt x="6333" y="1676"/>
                </a:lnTo>
                <a:lnTo>
                  <a:pt x="6333" y="1676"/>
                </a:lnTo>
                <a:lnTo>
                  <a:pt x="7148" y="2119"/>
                </a:lnTo>
                <a:lnTo>
                  <a:pt x="7432" y="2054"/>
                </a:lnTo>
                <a:lnTo>
                  <a:pt x="7889" y="2065"/>
                </a:lnTo>
                <a:cubicBezTo>
                  <a:pt x="8201" y="2079"/>
                  <a:pt x="9108" y="2154"/>
                  <a:pt x="9304" y="2139"/>
                </a:cubicBezTo>
                <a:cubicBezTo>
                  <a:pt x="9500" y="2124"/>
                  <a:pt x="9087" y="2038"/>
                  <a:pt x="9067" y="1975"/>
                </a:cubicBezTo>
                <a:cubicBezTo>
                  <a:pt x="9047" y="1912"/>
                  <a:pt x="9108" y="1804"/>
                  <a:pt x="9182" y="1764"/>
                </a:cubicBezTo>
                <a:cubicBezTo>
                  <a:pt x="9256" y="1724"/>
                  <a:pt x="9128" y="1730"/>
                  <a:pt x="9172" y="1685"/>
                </a:cubicBezTo>
                <a:cubicBezTo>
                  <a:pt x="9216" y="1640"/>
                  <a:pt x="9425" y="1546"/>
                  <a:pt x="9444" y="1492"/>
                </a:cubicBezTo>
                <a:cubicBezTo>
                  <a:pt x="9463" y="1438"/>
                  <a:pt x="9284" y="1362"/>
                  <a:pt x="9284" y="1362"/>
                </a:cubicBezTo>
                <a:cubicBezTo>
                  <a:pt x="9305" y="1358"/>
                  <a:pt x="9325" y="1355"/>
                  <a:pt x="9346" y="1351"/>
                </a:cubicBezTo>
                <a:lnTo>
                  <a:pt x="9679" y="1146"/>
                </a:lnTo>
                <a:lnTo>
                  <a:pt x="9938" y="1178"/>
                </a:lnTo>
                <a:cubicBezTo>
                  <a:pt x="9959" y="1074"/>
                  <a:pt x="9979" y="969"/>
                  <a:pt x="10000" y="865"/>
                </a:cubicBezTo>
                <a:cubicBezTo>
                  <a:pt x="10000" y="865"/>
                  <a:pt x="9914" y="692"/>
                  <a:pt x="9914" y="627"/>
                </a:cubicBez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6" name="Finland"/>
          <p:cNvSpPr>
            <a:spLocks/>
          </p:cNvSpPr>
          <p:nvPr/>
        </p:nvSpPr>
        <p:spPr bwMode="auto">
          <a:xfrm>
            <a:off x="9746188" y="273050"/>
            <a:ext cx="1227138" cy="1990725"/>
          </a:xfrm>
          <a:custGeom>
            <a:avLst/>
            <a:gdLst>
              <a:gd name="T0" fmla="*/ 181 w 428"/>
              <a:gd name="T1" fmla="*/ 0 h 694"/>
              <a:gd name="T2" fmla="*/ 158 w 428"/>
              <a:gd name="T3" fmla="*/ 16 h 694"/>
              <a:gd name="T4" fmla="*/ 148 w 428"/>
              <a:gd name="T5" fmla="*/ 102 h 694"/>
              <a:gd name="T6" fmla="*/ 91 w 428"/>
              <a:gd name="T7" fmla="*/ 102 h 694"/>
              <a:gd name="T8" fmla="*/ 26 w 428"/>
              <a:gd name="T9" fmla="*/ 90 h 694"/>
              <a:gd name="T10" fmla="*/ 14 w 428"/>
              <a:gd name="T11" fmla="*/ 88 h 694"/>
              <a:gd name="T12" fmla="*/ 26 w 428"/>
              <a:gd name="T13" fmla="*/ 126 h 694"/>
              <a:gd name="T14" fmla="*/ 65 w 428"/>
              <a:gd name="T15" fmla="*/ 137 h 694"/>
              <a:gd name="T16" fmla="*/ 84 w 428"/>
              <a:gd name="T17" fmla="*/ 159 h 694"/>
              <a:gd name="T18" fmla="*/ 102 w 428"/>
              <a:gd name="T19" fmla="*/ 191 h 694"/>
              <a:gd name="T20" fmla="*/ 116 w 428"/>
              <a:gd name="T21" fmla="*/ 231 h 694"/>
              <a:gd name="T22" fmla="*/ 137 w 428"/>
              <a:gd name="T23" fmla="*/ 290 h 694"/>
              <a:gd name="T24" fmla="*/ 180 w 428"/>
              <a:gd name="T25" fmla="*/ 316 h 694"/>
              <a:gd name="T26" fmla="*/ 201 w 428"/>
              <a:gd name="T27" fmla="*/ 341 h 694"/>
              <a:gd name="T28" fmla="*/ 171 w 428"/>
              <a:gd name="T29" fmla="*/ 361 h 694"/>
              <a:gd name="T30" fmla="*/ 151 w 428"/>
              <a:gd name="T31" fmla="*/ 419 h 694"/>
              <a:gd name="T32" fmla="*/ 131 w 428"/>
              <a:gd name="T33" fmla="*/ 440 h 694"/>
              <a:gd name="T34" fmla="*/ 116 w 428"/>
              <a:gd name="T35" fmla="*/ 479 h 694"/>
              <a:gd name="T36" fmla="*/ 95 w 428"/>
              <a:gd name="T37" fmla="*/ 494 h 694"/>
              <a:gd name="T38" fmla="*/ 99 w 428"/>
              <a:gd name="T39" fmla="*/ 542 h 694"/>
              <a:gd name="T40" fmla="*/ 119 w 428"/>
              <a:gd name="T41" fmla="*/ 590 h 694"/>
              <a:gd name="T42" fmla="*/ 122 w 428"/>
              <a:gd name="T43" fmla="*/ 618 h 694"/>
              <a:gd name="T44" fmla="*/ 124 w 428"/>
              <a:gd name="T45" fmla="*/ 644 h 694"/>
              <a:gd name="T46" fmla="*/ 136 w 428"/>
              <a:gd name="T47" fmla="*/ 660 h 694"/>
              <a:gd name="T48" fmla="*/ 171 w 428"/>
              <a:gd name="T49" fmla="*/ 673 h 694"/>
              <a:gd name="T50" fmla="*/ 190 w 428"/>
              <a:gd name="T51" fmla="*/ 686 h 694"/>
              <a:gd name="T52" fmla="*/ 218 w 428"/>
              <a:gd name="T53" fmla="*/ 694 h 694"/>
              <a:gd name="T54" fmla="*/ 262 w 428"/>
              <a:gd name="T55" fmla="*/ 666 h 694"/>
              <a:gd name="T56" fmla="*/ 293 w 428"/>
              <a:gd name="T57" fmla="*/ 635 h 694"/>
              <a:gd name="T58" fmla="*/ 335 w 428"/>
              <a:gd name="T59" fmla="*/ 623 h 694"/>
              <a:gd name="T60" fmla="*/ 397 w 428"/>
              <a:gd name="T61" fmla="*/ 551 h 694"/>
              <a:gd name="T62" fmla="*/ 428 w 428"/>
              <a:gd name="T63" fmla="*/ 448 h 694"/>
              <a:gd name="T64" fmla="*/ 367 w 428"/>
              <a:gd name="T65" fmla="*/ 391 h 694"/>
              <a:gd name="T66" fmla="*/ 367 w 428"/>
              <a:gd name="T67" fmla="*/ 344 h 694"/>
              <a:gd name="T68" fmla="*/ 345 w 428"/>
              <a:gd name="T69" fmla="*/ 338 h 694"/>
              <a:gd name="T70" fmla="*/ 332 w 428"/>
              <a:gd name="T71" fmla="*/ 323 h 694"/>
              <a:gd name="T72" fmla="*/ 327 w 428"/>
              <a:gd name="T73" fmla="*/ 301 h 694"/>
              <a:gd name="T74" fmla="*/ 311 w 428"/>
              <a:gd name="T75" fmla="*/ 272 h 694"/>
              <a:gd name="T76" fmla="*/ 275 w 428"/>
              <a:gd name="T77" fmla="*/ 207 h 694"/>
              <a:gd name="T78" fmla="*/ 275 w 428"/>
              <a:gd name="T79" fmla="*/ 147 h 694"/>
              <a:gd name="T80" fmla="*/ 252 w 428"/>
              <a:gd name="T81" fmla="*/ 126 h 694"/>
              <a:gd name="T82" fmla="*/ 223 w 428"/>
              <a:gd name="T83" fmla="*/ 114 h 694"/>
              <a:gd name="T84" fmla="*/ 218 w 428"/>
              <a:gd name="T85" fmla="*/ 75 h 694"/>
              <a:gd name="T86" fmla="*/ 201 w 428"/>
              <a:gd name="T87" fmla="*/ 67 h 694"/>
              <a:gd name="T88" fmla="*/ 215 w 428"/>
              <a:gd name="T89" fmla="*/ 36 h 694"/>
              <a:gd name="T90" fmla="*/ 199 w 428"/>
              <a:gd name="T91" fmla="*/ 12 h 694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023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4860 w 10000"/>
              <a:gd name="connsiteY85" fmla="*/ 1081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680 w 10000"/>
              <a:gd name="connsiteY83" fmla="*/ 1617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44 w 10000"/>
              <a:gd name="connsiteY83" fmla="*/ 1551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507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</a:cxnLst>
            <a:rect l="l" t="t" r="r" b="b"/>
            <a:pathLst>
              <a:path w="10000" h="10000">
                <a:moveTo>
                  <a:pt x="4650" y="173"/>
                </a:moveTo>
                <a:lnTo>
                  <a:pt x="4229" y="0"/>
                </a:lnTo>
                <a:cubicBezTo>
                  <a:pt x="4167" y="58"/>
                  <a:pt x="4104" y="115"/>
                  <a:pt x="4042" y="173"/>
                </a:cubicBezTo>
                <a:lnTo>
                  <a:pt x="3692" y="231"/>
                </a:lnTo>
                <a:lnTo>
                  <a:pt x="3435" y="720"/>
                </a:lnTo>
                <a:cubicBezTo>
                  <a:pt x="3443" y="970"/>
                  <a:pt x="3450" y="1220"/>
                  <a:pt x="3458" y="1470"/>
                </a:cubicBezTo>
                <a:lnTo>
                  <a:pt x="2687" y="1801"/>
                </a:lnTo>
                <a:lnTo>
                  <a:pt x="2126" y="1470"/>
                </a:lnTo>
                <a:lnTo>
                  <a:pt x="1636" y="1657"/>
                </a:lnTo>
                <a:lnTo>
                  <a:pt x="607" y="1297"/>
                </a:lnTo>
                <a:lnTo>
                  <a:pt x="607" y="1297"/>
                </a:lnTo>
                <a:lnTo>
                  <a:pt x="327" y="1268"/>
                </a:lnTo>
                <a:lnTo>
                  <a:pt x="0" y="1542"/>
                </a:lnTo>
                <a:lnTo>
                  <a:pt x="607" y="1816"/>
                </a:lnTo>
                <a:lnTo>
                  <a:pt x="724" y="1830"/>
                </a:lnTo>
                <a:lnTo>
                  <a:pt x="1519" y="1974"/>
                </a:lnTo>
                <a:lnTo>
                  <a:pt x="1636" y="2046"/>
                </a:lnTo>
                <a:lnTo>
                  <a:pt x="1963" y="2291"/>
                </a:lnTo>
                <a:cubicBezTo>
                  <a:pt x="2017" y="2445"/>
                  <a:pt x="2072" y="2598"/>
                  <a:pt x="2126" y="2752"/>
                </a:cubicBezTo>
                <a:lnTo>
                  <a:pt x="2383" y="2752"/>
                </a:lnTo>
                <a:lnTo>
                  <a:pt x="2383" y="3012"/>
                </a:lnTo>
                <a:lnTo>
                  <a:pt x="2710" y="3329"/>
                </a:lnTo>
                <a:lnTo>
                  <a:pt x="2617" y="3689"/>
                </a:lnTo>
                <a:lnTo>
                  <a:pt x="3201" y="4179"/>
                </a:lnTo>
                <a:lnTo>
                  <a:pt x="3645" y="4395"/>
                </a:lnTo>
                <a:lnTo>
                  <a:pt x="4206" y="4553"/>
                </a:lnTo>
                <a:cubicBezTo>
                  <a:pt x="4253" y="4649"/>
                  <a:pt x="4299" y="4745"/>
                  <a:pt x="4346" y="4841"/>
                </a:cubicBezTo>
                <a:lnTo>
                  <a:pt x="4696" y="4914"/>
                </a:lnTo>
                <a:lnTo>
                  <a:pt x="4346" y="5029"/>
                </a:lnTo>
                <a:lnTo>
                  <a:pt x="3995" y="5202"/>
                </a:lnTo>
                <a:lnTo>
                  <a:pt x="3645" y="5692"/>
                </a:lnTo>
                <a:lnTo>
                  <a:pt x="3528" y="6037"/>
                </a:lnTo>
                <a:lnTo>
                  <a:pt x="3178" y="6182"/>
                </a:lnTo>
                <a:lnTo>
                  <a:pt x="3061" y="6340"/>
                </a:lnTo>
                <a:lnTo>
                  <a:pt x="2687" y="6427"/>
                </a:lnTo>
                <a:cubicBezTo>
                  <a:pt x="2695" y="6585"/>
                  <a:pt x="2702" y="6744"/>
                  <a:pt x="2710" y="6902"/>
                </a:cubicBezTo>
                <a:lnTo>
                  <a:pt x="2173" y="6902"/>
                </a:lnTo>
                <a:cubicBezTo>
                  <a:pt x="2189" y="6974"/>
                  <a:pt x="2204" y="7046"/>
                  <a:pt x="2220" y="7118"/>
                </a:cubicBezTo>
                <a:lnTo>
                  <a:pt x="1963" y="7507"/>
                </a:lnTo>
                <a:lnTo>
                  <a:pt x="2313" y="7810"/>
                </a:lnTo>
                <a:lnTo>
                  <a:pt x="2313" y="8141"/>
                </a:lnTo>
                <a:lnTo>
                  <a:pt x="2780" y="8501"/>
                </a:lnTo>
                <a:lnTo>
                  <a:pt x="2570" y="8602"/>
                </a:lnTo>
                <a:lnTo>
                  <a:pt x="2850" y="8905"/>
                </a:lnTo>
                <a:lnTo>
                  <a:pt x="2570" y="9063"/>
                </a:lnTo>
                <a:lnTo>
                  <a:pt x="2897" y="9280"/>
                </a:lnTo>
                <a:lnTo>
                  <a:pt x="2897" y="9582"/>
                </a:lnTo>
                <a:lnTo>
                  <a:pt x="3178" y="9510"/>
                </a:lnTo>
                <a:lnTo>
                  <a:pt x="3645" y="9553"/>
                </a:lnTo>
                <a:lnTo>
                  <a:pt x="3995" y="9697"/>
                </a:lnTo>
                <a:lnTo>
                  <a:pt x="4346" y="9669"/>
                </a:lnTo>
                <a:lnTo>
                  <a:pt x="4439" y="9885"/>
                </a:lnTo>
                <a:lnTo>
                  <a:pt x="4720" y="9914"/>
                </a:lnTo>
                <a:lnTo>
                  <a:pt x="5093" y="10000"/>
                </a:lnTo>
                <a:lnTo>
                  <a:pt x="5444" y="9755"/>
                </a:lnTo>
                <a:lnTo>
                  <a:pt x="6121" y="9597"/>
                </a:lnTo>
                <a:lnTo>
                  <a:pt x="6846" y="9337"/>
                </a:lnTo>
                <a:lnTo>
                  <a:pt x="6846" y="9150"/>
                </a:lnTo>
                <a:lnTo>
                  <a:pt x="7407" y="9207"/>
                </a:lnTo>
                <a:lnTo>
                  <a:pt x="7827" y="8977"/>
                </a:lnTo>
                <a:lnTo>
                  <a:pt x="8248" y="8977"/>
                </a:lnTo>
                <a:lnTo>
                  <a:pt x="9276" y="7939"/>
                </a:lnTo>
                <a:lnTo>
                  <a:pt x="10000" y="6787"/>
                </a:lnTo>
                <a:lnTo>
                  <a:pt x="10000" y="6455"/>
                </a:lnTo>
                <a:lnTo>
                  <a:pt x="10000" y="6066"/>
                </a:lnTo>
                <a:lnTo>
                  <a:pt x="8575" y="5634"/>
                </a:lnTo>
                <a:lnTo>
                  <a:pt x="8785" y="5216"/>
                </a:lnTo>
                <a:lnTo>
                  <a:pt x="8575" y="4957"/>
                </a:lnTo>
                <a:lnTo>
                  <a:pt x="8271" y="5029"/>
                </a:lnTo>
                <a:lnTo>
                  <a:pt x="8061" y="4870"/>
                </a:lnTo>
                <a:cubicBezTo>
                  <a:pt x="8053" y="4784"/>
                  <a:pt x="8045" y="4697"/>
                  <a:pt x="8037" y="4611"/>
                </a:cubicBezTo>
                <a:lnTo>
                  <a:pt x="7757" y="4654"/>
                </a:lnTo>
                <a:lnTo>
                  <a:pt x="7523" y="4539"/>
                </a:lnTo>
                <a:lnTo>
                  <a:pt x="7640" y="4337"/>
                </a:lnTo>
                <a:lnTo>
                  <a:pt x="7266" y="4251"/>
                </a:lnTo>
                <a:lnTo>
                  <a:pt x="7266" y="3919"/>
                </a:lnTo>
                <a:lnTo>
                  <a:pt x="7593" y="3732"/>
                </a:lnTo>
                <a:lnTo>
                  <a:pt x="6425" y="2983"/>
                </a:lnTo>
                <a:lnTo>
                  <a:pt x="6145" y="2839"/>
                </a:lnTo>
                <a:lnTo>
                  <a:pt x="6425" y="2118"/>
                </a:lnTo>
                <a:lnTo>
                  <a:pt x="6285" y="1873"/>
                </a:lnTo>
                <a:cubicBezTo>
                  <a:pt x="6153" y="1854"/>
                  <a:pt x="6035" y="1845"/>
                  <a:pt x="5888" y="1816"/>
                </a:cubicBezTo>
                <a:cubicBezTo>
                  <a:pt x="5741" y="1787"/>
                  <a:pt x="5438" y="1750"/>
                  <a:pt x="5400" y="1697"/>
                </a:cubicBezTo>
                <a:cubicBezTo>
                  <a:pt x="5362" y="1644"/>
                  <a:pt x="5614" y="1566"/>
                  <a:pt x="5659" y="1498"/>
                </a:cubicBezTo>
                <a:cubicBezTo>
                  <a:pt x="5704" y="1430"/>
                  <a:pt x="5689" y="1340"/>
                  <a:pt x="5673" y="1290"/>
                </a:cubicBezTo>
                <a:cubicBezTo>
                  <a:pt x="5657" y="1240"/>
                  <a:pt x="5592" y="1278"/>
                  <a:pt x="5564" y="1200"/>
                </a:cubicBezTo>
                <a:cubicBezTo>
                  <a:pt x="5536" y="1122"/>
                  <a:pt x="5537" y="896"/>
                  <a:pt x="5507" y="820"/>
                </a:cubicBezTo>
                <a:cubicBezTo>
                  <a:pt x="5477" y="744"/>
                  <a:pt x="5420" y="795"/>
                  <a:pt x="5386" y="745"/>
                </a:cubicBezTo>
                <a:cubicBezTo>
                  <a:pt x="5352" y="695"/>
                  <a:pt x="5300" y="519"/>
                  <a:pt x="5300" y="519"/>
                </a:cubicBezTo>
                <a:cubicBezTo>
                  <a:pt x="5293" y="453"/>
                  <a:pt x="5200" y="413"/>
                  <a:pt x="5193" y="347"/>
                </a:cubicBezTo>
                <a:lnTo>
                  <a:pt x="4650" y="17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67" name="Sweden"/>
          <p:cNvGrpSpPr>
            <a:grpSpLocks/>
          </p:cNvGrpSpPr>
          <p:nvPr/>
        </p:nvGrpSpPr>
        <p:grpSpPr>
          <a:xfrm>
            <a:off x="9011176" y="550863"/>
            <a:ext cx="1127125" cy="2687638"/>
            <a:chOff x="9032196" y="550863"/>
            <a:chExt cx="1127125" cy="2687638"/>
          </a:xfrm>
          <a:solidFill>
            <a:schemeClr val="accent3"/>
          </a:solidFill>
        </p:grpSpPr>
        <p:sp>
          <p:nvSpPr>
            <p:cNvPr id="68" name="Sweden"/>
            <p:cNvSpPr>
              <a:spLocks/>
            </p:cNvSpPr>
            <p:nvPr/>
          </p:nvSpPr>
          <p:spPr bwMode="auto">
            <a:xfrm>
              <a:off x="9032196" y="550863"/>
              <a:ext cx="1127125" cy="2687638"/>
            </a:xfrm>
            <a:custGeom>
              <a:avLst/>
              <a:gdLst>
                <a:gd name="T0" fmla="*/ 36 w 710"/>
                <a:gd name="T1" fmla="*/ 1178 h 1693"/>
                <a:gd name="T2" fmla="*/ 87 w 710"/>
                <a:gd name="T3" fmla="*/ 1051 h 1693"/>
                <a:gd name="T4" fmla="*/ 107 w 710"/>
                <a:gd name="T5" fmla="*/ 952 h 1693"/>
                <a:gd name="T6" fmla="*/ 40 w 710"/>
                <a:gd name="T7" fmla="*/ 817 h 1693"/>
                <a:gd name="T8" fmla="*/ 45 w 710"/>
                <a:gd name="T9" fmla="*/ 699 h 1693"/>
                <a:gd name="T10" fmla="*/ 147 w 710"/>
                <a:gd name="T11" fmla="*/ 636 h 1693"/>
                <a:gd name="T12" fmla="*/ 168 w 710"/>
                <a:gd name="T13" fmla="*/ 482 h 1693"/>
                <a:gd name="T14" fmla="*/ 222 w 710"/>
                <a:gd name="T15" fmla="*/ 349 h 1693"/>
                <a:gd name="T16" fmla="*/ 233 w 710"/>
                <a:gd name="T17" fmla="*/ 215 h 1693"/>
                <a:gd name="T18" fmla="*/ 289 w 710"/>
                <a:gd name="T19" fmla="*/ 150 h 1693"/>
                <a:gd name="T20" fmla="*/ 390 w 710"/>
                <a:gd name="T21" fmla="*/ 85 h 1693"/>
                <a:gd name="T22" fmla="*/ 425 w 710"/>
                <a:gd name="T23" fmla="*/ 60 h 1693"/>
                <a:gd name="T24" fmla="*/ 466 w 710"/>
                <a:gd name="T25" fmla="*/ 14 h 1693"/>
                <a:gd name="T26" fmla="*/ 614 w 710"/>
                <a:gd name="T27" fmla="*/ 107 h 1693"/>
                <a:gd name="T28" fmla="*/ 647 w 710"/>
                <a:gd name="T29" fmla="*/ 197 h 1693"/>
                <a:gd name="T30" fmla="*/ 710 w 710"/>
                <a:gd name="T31" fmla="*/ 343 h 1693"/>
                <a:gd name="T32" fmla="*/ 652 w 710"/>
                <a:gd name="T33" fmla="*/ 388 h 1693"/>
                <a:gd name="T34" fmla="*/ 562 w 710"/>
                <a:gd name="T35" fmla="*/ 443 h 1693"/>
                <a:gd name="T36" fmla="*/ 604 w 710"/>
                <a:gd name="T37" fmla="*/ 537 h 1693"/>
                <a:gd name="T38" fmla="*/ 490 w 710"/>
                <a:gd name="T39" fmla="*/ 683 h 1693"/>
                <a:gd name="T40" fmla="*/ 441 w 710"/>
                <a:gd name="T41" fmla="*/ 744 h 1693"/>
                <a:gd name="T42" fmla="*/ 385 w 710"/>
                <a:gd name="T43" fmla="*/ 817 h 1693"/>
                <a:gd name="T44" fmla="*/ 376 w 710"/>
                <a:gd name="T45" fmla="*/ 903 h 1693"/>
                <a:gd name="T46" fmla="*/ 407 w 710"/>
                <a:gd name="T47" fmla="*/ 1012 h 1693"/>
                <a:gd name="T48" fmla="*/ 490 w 710"/>
                <a:gd name="T49" fmla="*/ 1060 h 1693"/>
                <a:gd name="T50" fmla="*/ 539 w 710"/>
                <a:gd name="T51" fmla="*/ 1107 h 1693"/>
                <a:gd name="T52" fmla="*/ 454 w 710"/>
                <a:gd name="T53" fmla="*/ 1156 h 1693"/>
                <a:gd name="T54" fmla="*/ 439 w 710"/>
                <a:gd name="T55" fmla="*/ 1169 h 1693"/>
                <a:gd name="T56" fmla="*/ 347 w 710"/>
                <a:gd name="T57" fmla="*/ 1187 h 1693"/>
                <a:gd name="T58" fmla="*/ 446 w 710"/>
                <a:gd name="T59" fmla="*/ 1241 h 1693"/>
                <a:gd name="T60" fmla="*/ 409 w 710"/>
                <a:gd name="T61" fmla="*/ 1312 h 1693"/>
                <a:gd name="T62" fmla="*/ 407 w 710"/>
                <a:gd name="T63" fmla="*/ 1398 h 1693"/>
                <a:gd name="T64" fmla="*/ 383 w 710"/>
                <a:gd name="T65" fmla="*/ 1523 h 1693"/>
                <a:gd name="T66" fmla="*/ 282 w 710"/>
                <a:gd name="T67" fmla="*/ 1583 h 1693"/>
                <a:gd name="T68" fmla="*/ 244 w 710"/>
                <a:gd name="T69" fmla="*/ 1626 h 1693"/>
                <a:gd name="T70" fmla="*/ 213 w 710"/>
                <a:gd name="T71" fmla="*/ 1680 h 1693"/>
                <a:gd name="T72" fmla="*/ 147 w 710"/>
                <a:gd name="T73" fmla="*/ 1659 h 1693"/>
                <a:gd name="T74" fmla="*/ 109 w 710"/>
                <a:gd name="T75" fmla="*/ 1588 h 1693"/>
                <a:gd name="T76" fmla="*/ 141 w 710"/>
                <a:gd name="T77" fmla="*/ 1537 h 1693"/>
                <a:gd name="T78" fmla="*/ 54 w 710"/>
                <a:gd name="T79" fmla="*/ 1456 h 1693"/>
                <a:gd name="T80" fmla="*/ 51 w 710"/>
                <a:gd name="T81" fmla="*/ 1348 h 1693"/>
                <a:gd name="T82" fmla="*/ 0 w 710"/>
                <a:gd name="T83" fmla="*/ 1330 h 16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10" h="1693">
                  <a:moveTo>
                    <a:pt x="0" y="1257"/>
                  </a:moveTo>
                  <a:lnTo>
                    <a:pt x="36" y="1257"/>
                  </a:lnTo>
                  <a:lnTo>
                    <a:pt x="36" y="1178"/>
                  </a:lnTo>
                  <a:lnTo>
                    <a:pt x="51" y="1144"/>
                  </a:lnTo>
                  <a:lnTo>
                    <a:pt x="96" y="1122"/>
                  </a:lnTo>
                  <a:lnTo>
                    <a:pt x="87" y="1051"/>
                  </a:lnTo>
                  <a:lnTo>
                    <a:pt x="63" y="1008"/>
                  </a:lnTo>
                  <a:lnTo>
                    <a:pt x="87" y="1008"/>
                  </a:lnTo>
                  <a:lnTo>
                    <a:pt x="107" y="952"/>
                  </a:lnTo>
                  <a:lnTo>
                    <a:pt x="62" y="927"/>
                  </a:lnTo>
                  <a:lnTo>
                    <a:pt x="69" y="851"/>
                  </a:lnTo>
                  <a:lnTo>
                    <a:pt x="40" y="817"/>
                  </a:lnTo>
                  <a:lnTo>
                    <a:pt x="62" y="768"/>
                  </a:lnTo>
                  <a:lnTo>
                    <a:pt x="38" y="743"/>
                  </a:lnTo>
                  <a:lnTo>
                    <a:pt x="45" y="699"/>
                  </a:lnTo>
                  <a:lnTo>
                    <a:pt x="74" y="654"/>
                  </a:lnTo>
                  <a:lnTo>
                    <a:pt x="107" y="636"/>
                  </a:lnTo>
                  <a:lnTo>
                    <a:pt x="147" y="636"/>
                  </a:lnTo>
                  <a:lnTo>
                    <a:pt x="168" y="598"/>
                  </a:lnTo>
                  <a:lnTo>
                    <a:pt x="138" y="574"/>
                  </a:lnTo>
                  <a:lnTo>
                    <a:pt x="168" y="482"/>
                  </a:lnTo>
                  <a:lnTo>
                    <a:pt x="168" y="376"/>
                  </a:lnTo>
                  <a:lnTo>
                    <a:pt x="212" y="376"/>
                  </a:lnTo>
                  <a:lnTo>
                    <a:pt x="222" y="349"/>
                  </a:lnTo>
                  <a:lnTo>
                    <a:pt x="204" y="338"/>
                  </a:lnTo>
                  <a:lnTo>
                    <a:pt x="271" y="255"/>
                  </a:lnTo>
                  <a:lnTo>
                    <a:pt x="233" y="215"/>
                  </a:lnTo>
                  <a:lnTo>
                    <a:pt x="257" y="215"/>
                  </a:lnTo>
                  <a:lnTo>
                    <a:pt x="271" y="150"/>
                  </a:lnTo>
                  <a:lnTo>
                    <a:pt x="289" y="150"/>
                  </a:lnTo>
                  <a:lnTo>
                    <a:pt x="320" y="150"/>
                  </a:lnTo>
                  <a:lnTo>
                    <a:pt x="320" y="85"/>
                  </a:lnTo>
                  <a:lnTo>
                    <a:pt x="390" y="85"/>
                  </a:lnTo>
                  <a:lnTo>
                    <a:pt x="403" y="94"/>
                  </a:lnTo>
                  <a:lnTo>
                    <a:pt x="425" y="85"/>
                  </a:lnTo>
                  <a:lnTo>
                    <a:pt x="425" y="60"/>
                  </a:lnTo>
                  <a:lnTo>
                    <a:pt x="436" y="23"/>
                  </a:lnTo>
                  <a:lnTo>
                    <a:pt x="403" y="0"/>
                  </a:lnTo>
                  <a:lnTo>
                    <a:pt x="466" y="14"/>
                  </a:lnTo>
                  <a:lnTo>
                    <a:pt x="510" y="47"/>
                  </a:lnTo>
                  <a:lnTo>
                    <a:pt x="580" y="67"/>
                  </a:lnTo>
                  <a:lnTo>
                    <a:pt x="614" y="107"/>
                  </a:lnTo>
                  <a:lnTo>
                    <a:pt x="627" y="164"/>
                  </a:lnTo>
                  <a:lnTo>
                    <a:pt x="647" y="164"/>
                  </a:lnTo>
                  <a:lnTo>
                    <a:pt x="647" y="197"/>
                  </a:lnTo>
                  <a:lnTo>
                    <a:pt x="674" y="237"/>
                  </a:lnTo>
                  <a:lnTo>
                    <a:pt x="667" y="285"/>
                  </a:lnTo>
                  <a:lnTo>
                    <a:pt x="710" y="343"/>
                  </a:lnTo>
                  <a:lnTo>
                    <a:pt x="710" y="363"/>
                  </a:lnTo>
                  <a:lnTo>
                    <a:pt x="656" y="370"/>
                  </a:lnTo>
                  <a:lnTo>
                    <a:pt x="652" y="388"/>
                  </a:lnTo>
                  <a:lnTo>
                    <a:pt x="620" y="372"/>
                  </a:lnTo>
                  <a:lnTo>
                    <a:pt x="589" y="426"/>
                  </a:lnTo>
                  <a:lnTo>
                    <a:pt x="562" y="443"/>
                  </a:lnTo>
                  <a:lnTo>
                    <a:pt x="580" y="462"/>
                  </a:lnTo>
                  <a:lnTo>
                    <a:pt x="564" y="508"/>
                  </a:lnTo>
                  <a:lnTo>
                    <a:pt x="604" y="537"/>
                  </a:lnTo>
                  <a:lnTo>
                    <a:pt x="564" y="602"/>
                  </a:lnTo>
                  <a:lnTo>
                    <a:pt x="562" y="638"/>
                  </a:lnTo>
                  <a:lnTo>
                    <a:pt x="490" y="683"/>
                  </a:lnTo>
                  <a:lnTo>
                    <a:pt x="477" y="712"/>
                  </a:lnTo>
                  <a:lnTo>
                    <a:pt x="454" y="714"/>
                  </a:lnTo>
                  <a:lnTo>
                    <a:pt x="441" y="744"/>
                  </a:lnTo>
                  <a:lnTo>
                    <a:pt x="414" y="773"/>
                  </a:lnTo>
                  <a:lnTo>
                    <a:pt x="416" y="791"/>
                  </a:lnTo>
                  <a:lnTo>
                    <a:pt x="385" y="817"/>
                  </a:lnTo>
                  <a:lnTo>
                    <a:pt x="400" y="851"/>
                  </a:lnTo>
                  <a:lnTo>
                    <a:pt x="412" y="902"/>
                  </a:lnTo>
                  <a:lnTo>
                    <a:pt x="376" y="903"/>
                  </a:lnTo>
                  <a:lnTo>
                    <a:pt x="387" y="932"/>
                  </a:lnTo>
                  <a:lnTo>
                    <a:pt x="381" y="970"/>
                  </a:lnTo>
                  <a:lnTo>
                    <a:pt x="407" y="1012"/>
                  </a:lnTo>
                  <a:lnTo>
                    <a:pt x="405" y="1032"/>
                  </a:lnTo>
                  <a:lnTo>
                    <a:pt x="450" y="1032"/>
                  </a:lnTo>
                  <a:lnTo>
                    <a:pt x="490" y="1060"/>
                  </a:lnTo>
                  <a:lnTo>
                    <a:pt x="497" y="1088"/>
                  </a:lnTo>
                  <a:lnTo>
                    <a:pt x="517" y="1082"/>
                  </a:lnTo>
                  <a:lnTo>
                    <a:pt x="539" y="1107"/>
                  </a:lnTo>
                  <a:lnTo>
                    <a:pt x="517" y="1135"/>
                  </a:lnTo>
                  <a:lnTo>
                    <a:pt x="484" y="1169"/>
                  </a:lnTo>
                  <a:lnTo>
                    <a:pt x="454" y="1156"/>
                  </a:lnTo>
                  <a:lnTo>
                    <a:pt x="456" y="1133"/>
                  </a:lnTo>
                  <a:lnTo>
                    <a:pt x="430" y="1129"/>
                  </a:lnTo>
                  <a:lnTo>
                    <a:pt x="439" y="1169"/>
                  </a:lnTo>
                  <a:lnTo>
                    <a:pt x="409" y="1162"/>
                  </a:lnTo>
                  <a:lnTo>
                    <a:pt x="356" y="1162"/>
                  </a:lnTo>
                  <a:lnTo>
                    <a:pt x="347" y="1187"/>
                  </a:lnTo>
                  <a:lnTo>
                    <a:pt x="418" y="1192"/>
                  </a:lnTo>
                  <a:lnTo>
                    <a:pt x="456" y="1192"/>
                  </a:lnTo>
                  <a:lnTo>
                    <a:pt x="446" y="1241"/>
                  </a:lnTo>
                  <a:lnTo>
                    <a:pt x="421" y="1263"/>
                  </a:lnTo>
                  <a:lnTo>
                    <a:pt x="394" y="1275"/>
                  </a:lnTo>
                  <a:lnTo>
                    <a:pt x="409" y="1312"/>
                  </a:lnTo>
                  <a:lnTo>
                    <a:pt x="409" y="1346"/>
                  </a:lnTo>
                  <a:lnTo>
                    <a:pt x="394" y="1368"/>
                  </a:lnTo>
                  <a:lnTo>
                    <a:pt x="407" y="1398"/>
                  </a:lnTo>
                  <a:lnTo>
                    <a:pt x="394" y="1434"/>
                  </a:lnTo>
                  <a:lnTo>
                    <a:pt x="400" y="1480"/>
                  </a:lnTo>
                  <a:lnTo>
                    <a:pt x="383" y="1523"/>
                  </a:lnTo>
                  <a:lnTo>
                    <a:pt x="372" y="1574"/>
                  </a:lnTo>
                  <a:lnTo>
                    <a:pt x="336" y="1574"/>
                  </a:lnTo>
                  <a:lnTo>
                    <a:pt x="282" y="1583"/>
                  </a:lnTo>
                  <a:lnTo>
                    <a:pt x="273" y="1603"/>
                  </a:lnTo>
                  <a:lnTo>
                    <a:pt x="242" y="1603"/>
                  </a:lnTo>
                  <a:lnTo>
                    <a:pt x="244" y="1626"/>
                  </a:lnTo>
                  <a:lnTo>
                    <a:pt x="257" y="1662"/>
                  </a:lnTo>
                  <a:lnTo>
                    <a:pt x="257" y="1680"/>
                  </a:lnTo>
                  <a:lnTo>
                    <a:pt x="213" y="1680"/>
                  </a:lnTo>
                  <a:lnTo>
                    <a:pt x="179" y="1693"/>
                  </a:lnTo>
                  <a:lnTo>
                    <a:pt x="147" y="1680"/>
                  </a:lnTo>
                  <a:lnTo>
                    <a:pt x="147" y="1659"/>
                  </a:lnTo>
                  <a:lnTo>
                    <a:pt x="148" y="1646"/>
                  </a:lnTo>
                  <a:lnTo>
                    <a:pt x="121" y="1612"/>
                  </a:lnTo>
                  <a:lnTo>
                    <a:pt x="109" y="1588"/>
                  </a:lnTo>
                  <a:lnTo>
                    <a:pt x="121" y="1574"/>
                  </a:lnTo>
                  <a:lnTo>
                    <a:pt x="119" y="1559"/>
                  </a:lnTo>
                  <a:lnTo>
                    <a:pt x="141" y="1537"/>
                  </a:lnTo>
                  <a:lnTo>
                    <a:pt x="94" y="1512"/>
                  </a:lnTo>
                  <a:lnTo>
                    <a:pt x="87" y="1481"/>
                  </a:lnTo>
                  <a:lnTo>
                    <a:pt x="54" y="1456"/>
                  </a:lnTo>
                  <a:lnTo>
                    <a:pt x="62" y="1409"/>
                  </a:lnTo>
                  <a:lnTo>
                    <a:pt x="44" y="1398"/>
                  </a:lnTo>
                  <a:lnTo>
                    <a:pt x="51" y="1348"/>
                  </a:lnTo>
                  <a:lnTo>
                    <a:pt x="42" y="1322"/>
                  </a:lnTo>
                  <a:lnTo>
                    <a:pt x="29" y="1351"/>
                  </a:lnTo>
                  <a:lnTo>
                    <a:pt x="0" y="1330"/>
                  </a:lnTo>
                  <a:lnTo>
                    <a:pt x="0" y="1299"/>
                  </a:lnTo>
                  <a:lnTo>
                    <a:pt x="0" y="12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9" name="Sweden"/>
            <p:cNvSpPr>
              <a:spLocks/>
            </p:cNvSpPr>
            <p:nvPr/>
          </p:nvSpPr>
          <p:spPr bwMode="auto">
            <a:xfrm>
              <a:off x="9864046" y="2687638"/>
              <a:ext cx="103188" cy="188913"/>
            </a:xfrm>
            <a:custGeom>
              <a:avLst/>
              <a:gdLst>
                <a:gd name="T0" fmla="*/ 0 w 65"/>
                <a:gd name="T1" fmla="*/ 43 h 119"/>
                <a:gd name="T2" fmla="*/ 38 w 65"/>
                <a:gd name="T3" fmla="*/ 0 h 119"/>
                <a:gd name="T4" fmla="*/ 65 w 65"/>
                <a:gd name="T5" fmla="*/ 7 h 119"/>
                <a:gd name="T6" fmla="*/ 49 w 65"/>
                <a:gd name="T7" fmla="*/ 49 h 119"/>
                <a:gd name="T8" fmla="*/ 62 w 65"/>
                <a:gd name="T9" fmla="*/ 58 h 119"/>
                <a:gd name="T10" fmla="*/ 20 w 65"/>
                <a:gd name="T11" fmla="*/ 119 h 119"/>
                <a:gd name="T12" fmla="*/ 7 w 65"/>
                <a:gd name="T13" fmla="*/ 116 h 119"/>
                <a:gd name="T14" fmla="*/ 0 w 65"/>
                <a:gd name="T15" fmla="*/ 72 h 119"/>
                <a:gd name="T16" fmla="*/ 0 w 65"/>
                <a:gd name="T17" fmla="*/ 43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5" h="119">
                  <a:moveTo>
                    <a:pt x="0" y="43"/>
                  </a:moveTo>
                  <a:lnTo>
                    <a:pt x="38" y="0"/>
                  </a:lnTo>
                  <a:lnTo>
                    <a:pt x="65" y="7"/>
                  </a:lnTo>
                  <a:lnTo>
                    <a:pt x="49" y="49"/>
                  </a:lnTo>
                  <a:lnTo>
                    <a:pt x="62" y="58"/>
                  </a:lnTo>
                  <a:lnTo>
                    <a:pt x="20" y="119"/>
                  </a:lnTo>
                  <a:lnTo>
                    <a:pt x="7" y="116"/>
                  </a:lnTo>
                  <a:lnTo>
                    <a:pt x="0" y="72"/>
                  </a:lnTo>
                  <a:lnTo>
                    <a:pt x="0" y="4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0" name="Sweden"/>
            <p:cNvSpPr>
              <a:spLocks/>
            </p:cNvSpPr>
            <p:nvPr/>
          </p:nvSpPr>
          <p:spPr bwMode="auto">
            <a:xfrm>
              <a:off x="9721171" y="2808288"/>
              <a:ext cx="28575" cy="74613"/>
            </a:xfrm>
            <a:custGeom>
              <a:avLst/>
              <a:gdLst>
                <a:gd name="T0" fmla="*/ 2 w 18"/>
                <a:gd name="T1" fmla="*/ 41 h 47"/>
                <a:gd name="T2" fmla="*/ 0 w 18"/>
                <a:gd name="T3" fmla="*/ 11 h 47"/>
                <a:gd name="T4" fmla="*/ 12 w 18"/>
                <a:gd name="T5" fmla="*/ 0 h 47"/>
                <a:gd name="T6" fmla="*/ 18 w 18"/>
                <a:gd name="T7" fmla="*/ 16 h 47"/>
                <a:gd name="T8" fmla="*/ 11 w 18"/>
                <a:gd name="T9" fmla="*/ 47 h 47"/>
                <a:gd name="T10" fmla="*/ 2 w 18"/>
                <a:gd name="T11" fmla="*/ 41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8" h="47">
                  <a:moveTo>
                    <a:pt x="2" y="41"/>
                  </a:moveTo>
                  <a:lnTo>
                    <a:pt x="0" y="11"/>
                  </a:lnTo>
                  <a:lnTo>
                    <a:pt x="12" y="0"/>
                  </a:lnTo>
                  <a:lnTo>
                    <a:pt x="18" y="16"/>
                  </a:lnTo>
                  <a:lnTo>
                    <a:pt x="11" y="47"/>
                  </a:lnTo>
                  <a:lnTo>
                    <a:pt x="2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1" name="Sweden"/>
            <p:cNvSpPr>
              <a:spLocks/>
            </p:cNvSpPr>
            <p:nvPr/>
          </p:nvSpPr>
          <p:spPr bwMode="auto">
            <a:xfrm>
              <a:off x="9675133" y="2882900"/>
              <a:ext cx="49213" cy="163513"/>
            </a:xfrm>
            <a:custGeom>
              <a:avLst/>
              <a:gdLst>
                <a:gd name="T0" fmla="*/ 22 w 31"/>
                <a:gd name="T1" fmla="*/ 9 h 103"/>
                <a:gd name="T2" fmla="*/ 22 w 31"/>
                <a:gd name="T3" fmla="*/ 0 h 103"/>
                <a:gd name="T4" fmla="*/ 31 w 31"/>
                <a:gd name="T5" fmla="*/ 11 h 103"/>
                <a:gd name="T6" fmla="*/ 22 w 31"/>
                <a:gd name="T7" fmla="*/ 32 h 103"/>
                <a:gd name="T8" fmla="*/ 20 w 31"/>
                <a:gd name="T9" fmla="*/ 47 h 103"/>
                <a:gd name="T10" fmla="*/ 22 w 31"/>
                <a:gd name="T11" fmla="*/ 83 h 103"/>
                <a:gd name="T12" fmla="*/ 9 w 31"/>
                <a:gd name="T13" fmla="*/ 103 h 103"/>
                <a:gd name="T14" fmla="*/ 0 w 31"/>
                <a:gd name="T15" fmla="*/ 81 h 103"/>
                <a:gd name="T16" fmla="*/ 0 w 31"/>
                <a:gd name="T17" fmla="*/ 50 h 103"/>
                <a:gd name="T18" fmla="*/ 7 w 31"/>
                <a:gd name="T19" fmla="*/ 29 h 103"/>
                <a:gd name="T20" fmla="*/ 22 w 31"/>
                <a:gd name="T21" fmla="*/ 9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31" h="103">
                  <a:moveTo>
                    <a:pt x="22" y="9"/>
                  </a:moveTo>
                  <a:lnTo>
                    <a:pt x="22" y="0"/>
                  </a:lnTo>
                  <a:lnTo>
                    <a:pt x="31" y="11"/>
                  </a:lnTo>
                  <a:lnTo>
                    <a:pt x="22" y="32"/>
                  </a:lnTo>
                  <a:lnTo>
                    <a:pt x="20" y="47"/>
                  </a:lnTo>
                  <a:lnTo>
                    <a:pt x="22" y="83"/>
                  </a:lnTo>
                  <a:lnTo>
                    <a:pt x="9" y="103"/>
                  </a:lnTo>
                  <a:lnTo>
                    <a:pt x="0" y="81"/>
                  </a:lnTo>
                  <a:lnTo>
                    <a:pt x="0" y="50"/>
                  </a:lnTo>
                  <a:lnTo>
                    <a:pt x="7" y="29"/>
                  </a:lnTo>
                  <a:lnTo>
                    <a:pt x="22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2" name="Sweden"/>
            <p:cNvSpPr>
              <a:spLocks/>
            </p:cNvSpPr>
            <p:nvPr/>
          </p:nvSpPr>
          <p:spPr bwMode="auto">
            <a:xfrm>
              <a:off x="9770383" y="2446338"/>
              <a:ext cx="57150" cy="84138"/>
            </a:xfrm>
            <a:custGeom>
              <a:avLst/>
              <a:gdLst>
                <a:gd name="T0" fmla="*/ 7 w 20"/>
                <a:gd name="T1" fmla="*/ 2 h 29"/>
                <a:gd name="T2" fmla="*/ 15 w 20"/>
                <a:gd name="T3" fmla="*/ 0 h 29"/>
                <a:gd name="T4" fmla="*/ 20 w 20"/>
                <a:gd name="T5" fmla="*/ 7 h 29"/>
                <a:gd name="T6" fmla="*/ 14 w 20"/>
                <a:gd name="T7" fmla="*/ 14 h 29"/>
                <a:gd name="T8" fmla="*/ 10 w 20"/>
                <a:gd name="T9" fmla="*/ 17 h 29"/>
                <a:gd name="T10" fmla="*/ 10 w 20"/>
                <a:gd name="T11" fmla="*/ 29 h 29"/>
                <a:gd name="T12" fmla="*/ 3 w 20"/>
                <a:gd name="T13" fmla="*/ 19 h 29"/>
                <a:gd name="T14" fmla="*/ 0 w 20"/>
                <a:gd name="T15" fmla="*/ 11 h 29"/>
                <a:gd name="T16" fmla="*/ 4 w 20"/>
                <a:gd name="T17" fmla="*/ 2 h 29"/>
                <a:gd name="T18" fmla="*/ 7 w 20"/>
                <a:gd name="T19" fmla="*/ 2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29">
                  <a:moveTo>
                    <a:pt x="7" y="2"/>
                  </a:moveTo>
                  <a:cubicBezTo>
                    <a:pt x="7" y="2"/>
                    <a:pt x="14" y="0"/>
                    <a:pt x="15" y="0"/>
                  </a:cubicBezTo>
                  <a:cubicBezTo>
                    <a:pt x="15" y="1"/>
                    <a:pt x="20" y="7"/>
                    <a:pt x="20" y="7"/>
                  </a:cubicBezTo>
                  <a:cubicBezTo>
                    <a:pt x="14" y="14"/>
                    <a:pt x="14" y="14"/>
                    <a:pt x="14" y="14"/>
                  </a:cubicBezTo>
                  <a:cubicBezTo>
                    <a:pt x="14" y="14"/>
                    <a:pt x="11" y="17"/>
                    <a:pt x="10" y="17"/>
                  </a:cubicBezTo>
                  <a:cubicBezTo>
                    <a:pt x="10" y="18"/>
                    <a:pt x="10" y="29"/>
                    <a:pt x="10" y="29"/>
                  </a:cubicBezTo>
                  <a:cubicBezTo>
                    <a:pt x="3" y="19"/>
                    <a:pt x="3" y="19"/>
                    <a:pt x="3" y="19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4" y="2"/>
                    <a:pt x="4" y="2"/>
                    <a:pt x="4" y="2"/>
                  </a:cubicBezTo>
                  <a:lnTo>
                    <a:pt x="7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3" name="Sweden"/>
            <p:cNvSpPr>
              <a:spLocks/>
            </p:cNvSpPr>
            <p:nvPr/>
          </p:nvSpPr>
          <p:spPr bwMode="auto">
            <a:xfrm>
              <a:off x="9818008" y="2424113"/>
              <a:ext cx="23813" cy="31750"/>
            </a:xfrm>
            <a:custGeom>
              <a:avLst/>
              <a:gdLst>
                <a:gd name="T0" fmla="*/ 0 w 8"/>
                <a:gd name="T1" fmla="*/ 4 h 11"/>
                <a:gd name="T2" fmla="*/ 8 w 8"/>
                <a:gd name="T3" fmla="*/ 11 h 11"/>
                <a:gd name="T4" fmla="*/ 8 w 8"/>
                <a:gd name="T5" fmla="*/ 3 h 11"/>
                <a:gd name="T6" fmla="*/ 0 w 8"/>
                <a:gd name="T7" fmla="*/ 0 h 11"/>
                <a:gd name="T8" fmla="*/ 0 w 8"/>
                <a:gd name="T9" fmla="*/ 4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1">
                  <a:moveTo>
                    <a:pt x="0" y="4"/>
                  </a:moveTo>
                  <a:cubicBezTo>
                    <a:pt x="0" y="5"/>
                    <a:pt x="8" y="11"/>
                    <a:pt x="8" y="11"/>
                  </a:cubicBezTo>
                  <a:cubicBezTo>
                    <a:pt x="8" y="3"/>
                    <a:pt x="8" y="3"/>
                    <a:pt x="8" y="3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74" name="Text"/>
          <p:cNvGrpSpPr>
            <a:grpSpLocks/>
          </p:cNvGrpSpPr>
          <p:nvPr/>
        </p:nvGrpSpPr>
        <p:grpSpPr>
          <a:xfrm>
            <a:off x="5628283" y="1603376"/>
            <a:ext cx="6390770" cy="4647174"/>
            <a:chOff x="5649303" y="1603376"/>
            <a:chExt cx="6390770" cy="4647174"/>
          </a:xfrm>
        </p:grpSpPr>
        <p:sp>
          <p:nvSpPr>
            <p:cNvPr id="75" name="Turkey Text"/>
            <p:cNvSpPr txBox="1"/>
            <p:nvPr/>
          </p:nvSpPr>
          <p:spPr>
            <a:xfrm>
              <a:off x="11788401" y="5884075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76" name="Bulgaria Text"/>
            <p:cNvSpPr txBox="1"/>
            <p:nvPr/>
          </p:nvSpPr>
          <p:spPr>
            <a:xfrm>
              <a:off x="11175320" y="5448201"/>
              <a:ext cx="29976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77" name="Romania Text"/>
            <p:cNvSpPr txBox="1"/>
            <p:nvPr/>
          </p:nvSpPr>
          <p:spPr>
            <a:xfrm>
              <a:off x="10945205" y="4841670"/>
              <a:ext cx="32380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78" name="Moldova Text"/>
            <p:cNvSpPr txBox="1"/>
            <p:nvPr/>
          </p:nvSpPr>
          <p:spPr>
            <a:xfrm>
              <a:off x="11502482" y="4447743"/>
              <a:ext cx="314189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79" name="Ukraine Text"/>
            <p:cNvSpPr txBox="1"/>
            <p:nvPr/>
          </p:nvSpPr>
          <p:spPr>
            <a:xfrm>
              <a:off x="11358314" y="3914529"/>
              <a:ext cx="2837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80" name="Belarus Text"/>
            <p:cNvSpPr txBox="1"/>
            <p:nvPr/>
          </p:nvSpPr>
          <p:spPr>
            <a:xfrm>
              <a:off x="11128766" y="3253935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81" name="Lithuania Text"/>
            <p:cNvSpPr txBox="1"/>
            <p:nvPr/>
          </p:nvSpPr>
          <p:spPr>
            <a:xfrm>
              <a:off x="10446517" y="3045434"/>
              <a:ext cx="34304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82" name="Latvia Text"/>
            <p:cNvSpPr txBox="1"/>
            <p:nvPr/>
          </p:nvSpPr>
          <p:spPr>
            <a:xfrm>
              <a:off x="10625856" y="2723156"/>
              <a:ext cx="22602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83" name="Estonia Text"/>
            <p:cNvSpPr txBox="1"/>
            <p:nvPr/>
          </p:nvSpPr>
          <p:spPr>
            <a:xfrm>
              <a:off x="10520330" y="2368611"/>
              <a:ext cx="272510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84" name="Russia Text"/>
            <p:cNvSpPr txBox="1"/>
            <p:nvPr/>
          </p:nvSpPr>
          <p:spPr>
            <a:xfrm>
              <a:off x="11333686" y="1740823"/>
              <a:ext cx="23243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85" name="Greece Text"/>
            <p:cNvSpPr txBox="1"/>
            <p:nvPr/>
          </p:nvSpPr>
          <p:spPr>
            <a:xfrm>
              <a:off x="10750982" y="6160525"/>
              <a:ext cx="25167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86" name="Albania Text"/>
            <p:cNvSpPr txBox="1"/>
            <p:nvPr/>
          </p:nvSpPr>
          <p:spPr>
            <a:xfrm>
              <a:off x="10488488" y="5896499"/>
              <a:ext cx="27571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87" name="Makedonia Text"/>
            <p:cNvSpPr txBox="1"/>
            <p:nvPr/>
          </p:nvSpPr>
          <p:spPr>
            <a:xfrm>
              <a:off x="10600786" y="5673747"/>
              <a:ext cx="39594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88" name="Kosovo Text"/>
            <p:cNvSpPr txBox="1"/>
            <p:nvPr/>
          </p:nvSpPr>
          <p:spPr>
            <a:xfrm>
              <a:off x="10680608" y="5486132"/>
              <a:ext cx="269304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Kosovo</a:t>
              </a:r>
            </a:p>
          </p:txBody>
        </p:sp>
        <p:sp>
          <p:nvSpPr>
            <p:cNvPr id="89" name="Montenegro Text"/>
            <p:cNvSpPr txBox="1"/>
            <p:nvPr/>
          </p:nvSpPr>
          <p:spPr>
            <a:xfrm>
              <a:off x="10271548" y="5481130"/>
              <a:ext cx="264496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nte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negro</a:t>
              </a:r>
            </a:p>
          </p:txBody>
        </p:sp>
        <p:sp>
          <p:nvSpPr>
            <p:cNvPr id="90" name="Serbia Text"/>
            <p:cNvSpPr txBox="1"/>
            <p:nvPr/>
          </p:nvSpPr>
          <p:spPr>
            <a:xfrm>
              <a:off x="10421442" y="5199562"/>
              <a:ext cx="2308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erbia</a:t>
              </a:r>
            </a:p>
          </p:txBody>
        </p:sp>
        <p:sp>
          <p:nvSpPr>
            <p:cNvPr id="91" name="Bosnia &amp; Herzegovina Text"/>
            <p:cNvSpPr txBox="1"/>
            <p:nvPr/>
          </p:nvSpPr>
          <p:spPr>
            <a:xfrm>
              <a:off x="9856795" y="5205454"/>
              <a:ext cx="472206" cy="1800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osnia &amp; 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Herzegovina</a:t>
              </a:r>
            </a:p>
          </p:txBody>
        </p:sp>
        <p:sp>
          <p:nvSpPr>
            <p:cNvPr id="92" name="Croatia Text"/>
            <p:cNvSpPr txBox="1"/>
            <p:nvPr/>
          </p:nvSpPr>
          <p:spPr>
            <a:xfrm>
              <a:off x="9589725" y="5090075"/>
              <a:ext cx="26289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93" name="Slovenia Text"/>
            <p:cNvSpPr txBox="1"/>
            <p:nvPr/>
          </p:nvSpPr>
          <p:spPr>
            <a:xfrm>
              <a:off x="9465688" y="4946695"/>
              <a:ext cx="310983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94" name="Hungary Text"/>
            <p:cNvSpPr txBox="1"/>
            <p:nvPr/>
          </p:nvSpPr>
          <p:spPr>
            <a:xfrm>
              <a:off x="10110459" y="4708613"/>
              <a:ext cx="31098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95" name="Italy Text"/>
            <p:cNvSpPr txBox="1"/>
            <p:nvPr/>
          </p:nvSpPr>
          <p:spPr>
            <a:xfrm>
              <a:off x="9235159" y="5623720"/>
              <a:ext cx="16190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96" name="Austria Text"/>
            <p:cNvSpPr txBox="1"/>
            <p:nvPr/>
          </p:nvSpPr>
          <p:spPr>
            <a:xfrm>
              <a:off x="9453547" y="4650986"/>
              <a:ext cx="2596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97" name="Switzerland Text"/>
            <p:cNvSpPr txBox="1"/>
            <p:nvPr/>
          </p:nvSpPr>
          <p:spPr>
            <a:xfrm>
              <a:off x="8437475" y="4841670"/>
              <a:ext cx="43120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98" name="Portugal Text"/>
            <p:cNvSpPr txBox="1"/>
            <p:nvPr/>
          </p:nvSpPr>
          <p:spPr>
            <a:xfrm>
              <a:off x="5649303" y="5994326"/>
              <a:ext cx="3125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99" name="Spain Text"/>
            <p:cNvSpPr txBox="1"/>
            <p:nvPr/>
          </p:nvSpPr>
          <p:spPr>
            <a:xfrm>
              <a:off x="6556415" y="5930886"/>
              <a:ext cx="20518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100" name="Andorra Text"/>
            <p:cNvSpPr txBox="1"/>
            <p:nvPr/>
          </p:nvSpPr>
          <p:spPr>
            <a:xfrm>
              <a:off x="7509710" y="5481130"/>
              <a:ext cx="29495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101" name="France Text"/>
            <p:cNvSpPr txBox="1"/>
            <p:nvPr/>
          </p:nvSpPr>
          <p:spPr>
            <a:xfrm>
              <a:off x="7671332" y="4791656"/>
              <a:ext cx="24205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102" name="Slovakia Text"/>
            <p:cNvSpPr txBox="1"/>
            <p:nvPr/>
          </p:nvSpPr>
          <p:spPr>
            <a:xfrm>
              <a:off x="10072207" y="4420326"/>
              <a:ext cx="307777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103" name="Czech Republic Text"/>
            <p:cNvSpPr txBox="1"/>
            <p:nvPr/>
          </p:nvSpPr>
          <p:spPr>
            <a:xfrm>
              <a:off x="9402630" y="4256088"/>
              <a:ext cx="54341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zech Republic</a:t>
              </a:r>
            </a:p>
          </p:txBody>
        </p:sp>
        <p:sp>
          <p:nvSpPr>
            <p:cNvPr id="104" name="Luxembourg Text"/>
            <p:cNvSpPr txBox="1"/>
            <p:nvPr/>
          </p:nvSpPr>
          <p:spPr>
            <a:xfrm>
              <a:off x="8400256" y="4250198"/>
              <a:ext cx="46006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Luxembourg</a:t>
              </a:r>
            </a:p>
          </p:txBody>
        </p:sp>
        <p:sp>
          <p:nvSpPr>
            <p:cNvPr id="105" name="Belgium Text"/>
            <p:cNvSpPr txBox="1"/>
            <p:nvPr/>
          </p:nvSpPr>
          <p:spPr>
            <a:xfrm>
              <a:off x="7998085" y="4038430"/>
              <a:ext cx="298159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106" name="Ireland Text"/>
            <p:cNvSpPr txBox="1"/>
            <p:nvPr/>
          </p:nvSpPr>
          <p:spPr>
            <a:xfrm>
              <a:off x="6461451" y="3411767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107" name="UK Text"/>
            <p:cNvSpPr txBox="1"/>
            <p:nvPr/>
          </p:nvSpPr>
          <p:spPr>
            <a:xfrm>
              <a:off x="7279376" y="3565018"/>
              <a:ext cx="123432" cy="10002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UK</a:t>
              </a:r>
            </a:p>
          </p:txBody>
        </p:sp>
        <p:sp>
          <p:nvSpPr>
            <p:cNvPr id="108" name="Netherlands Text"/>
            <p:cNvSpPr txBox="1"/>
            <p:nvPr/>
          </p:nvSpPr>
          <p:spPr>
            <a:xfrm>
              <a:off x="8172704" y="3773074"/>
              <a:ext cx="282129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Nether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lands</a:t>
              </a:r>
            </a:p>
          </p:txBody>
        </p:sp>
        <p:sp>
          <p:nvSpPr>
            <p:cNvPr id="109" name="Poland Text"/>
            <p:cNvSpPr txBox="1"/>
            <p:nvPr/>
          </p:nvSpPr>
          <p:spPr>
            <a:xfrm>
              <a:off x="10071860" y="3731412"/>
              <a:ext cx="25327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110" name="Germany Text"/>
            <p:cNvSpPr txBox="1"/>
            <p:nvPr/>
          </p:nvSpPr>
          <p:spPr>
            <a:xfrm>
              <a:off x="8698771" y="3931659"/>
              <a:ext cx="33182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111" name="Denmark Text"/>
            <p:cNvSpPr txBox="1"/>
            <p:nvPr/>
          </p:nvSpPr>
          <p:spPr>
            <a:xfrm>
              <a:off x="8385174" y="2999574"/>
              <a:ext cx="33342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Denmark</a:t>
              </a:r>
            </a:p>
          </p:txBody>
        </p:sp>
        <p:sp>
          <p:nvSpPr>
            <p:cNvPr id="112" name="Finland Text"/>
            <p:cNvSpPr txBox="1"/>
            <p:nvPr/>
          </p:nvSpPr>
          <p:spPr>
            <a:xfrm>
              <a:off x="10402193" y="1603376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113" name="Sweden Text"/>
            <p:cNvSpPr txBox="1"/>
            <p:nvPr/>
          </p:nvSpPr>
          <p:spPr>
            <a:xfrm>
              <a:off x="9326093" y="1818976"/>
              <a:ext cx="29014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114" name="Norway Text"/>
            <p:cNvSpPr txBox="1"/>
            <p:nvPr/>
          </p:nvSpPr>
          <p:spPr>
            <a:xfrm>
              <a:off x="8623671" y="2089135"/>
              <a:ext cx="28533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Norway</a:t>
              </a:r>
            </a:p>
          </p:txBody>
        </p:sp>
      </p:grpSp>
      <p:grpSp>
        <p:nvGrpSpPr>
          <p:cNvPr id="115" name="Russia"/>
          <p:cNvGrpSpPr>
            <a:grpSpLocks/>
          </p:cNvGrpSpPr>
          <p:nvPr/>
        </p:nvGrpSpPr>
        <p:grpSpPr>
          <a:xfrm>
            <a:off x="10116076" y="-3175"/>
            <a:ext cx="2084387" cy="3536950"/>
            <a:chOff x="10137096" y="-3175"/>
            <a:chExt cx="2084387" cy="3536950"/>
          </a:xfrm>
          <a:solidFill>
            <a:schemeClr val="accent3"/>
          </a:solidFill>
        </p:grpSpPr>
        <p:sp>
          <p:nvSpPr>
            <p:cNvPr id="116" name="Russia"/>
            <p:cNvSpPr>
              <a:spLocks/>
            </p:cNvSpPr>
            <p:nvPr/>
          </p:nvSpPr>
          <p:spPr bwMode="auto">
            <a:xfrm>
              <a:off x="10137096" y="3149600"/>
              <a:ext cx="374650" cy="182563"/>
            </a:xfrm>
            <a:custGeom>
              <a:avLst/>
              <a:gdLst>
                <a:gd name="T0" fmla="*/ 88 w 236"/>
                <a:gd name="T1" fmla="*/ 0 h 115"/>
                <a:gd name="T2" fmla="*/ 173 w 236"/>
                <a:gd name="T3" fmla="*/ 25 h 115"/>
                <a:gd name="T4" fmla="*/ 202 w 236"/>
                <a:gd name="T5" fmla="*/ 16 h 115"/>
                <a:gd name="T6" fmla="*/ 235 w 236"/>
                <a:gd name="T7" fmla="*/ 32 h 115"/>
                <a:gd name="T8" fmla="*/ 227 w 236"/>
                <a:gd name="T9" fmla="*/ 54 h 115"/>
                <a:gd name="T10" fmla="*/ 236 w 236"/>
                <a:gd name="T11" fmla="*/ 88 h 115"/>
                <a:gd name="T12" fmla="*/ 202 w 236"/>
                <a:gd name="T13" fmla="*/ 110 h 115"/>
                <a:gd name="T14" fmla="*/ 103 w 236"/>
                <a:gd name="T15" fmla="*/ 115 h 115"/>
                <a:gd name="T16" fmla="*/ 0 w 236"/>
                <a:gd name="T17" fmla="*/ 110 h 115"/>
                <a:gd name="T18" fmla="*/ 12 w 236"/>
                <a:gd name="T19" fmla="*/ 96 h 115"/>
                <a:gd name="T20" fmla="*/ 3 w 236"/>
                <a:gd name="T21" fmla="*/ 68 h 115"/>
                <a:gd name="T22" fmla="*/ 65 w 236"/>
                <a:gd name="T23" fmla="*/ 49 h 115"/>
                <a:gd name="T24" fmla="*/ 88 w 236"/>
                <a:gd name="T25" fmla="*/ 0 h 1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6" h="115">
                  <a:moveTo>
                    <a:pt x="88" y="0"/>
                  </a:moveTo>
                  <a:lnTo>
                    <a:pt x="173" y="25"/>
                  </a:lnTo>
                  <a:lnTo>
                    <a:pt x="202" y="16"/>
                  </a:lnTo>
                  <a:lnTo>
                    <a:pt x="235" y="32"/>
                  </a:lnTo>
                  <a:lnTo>
                    <a:pt x="227" y="54"/>
                  </a:lnTo>
                  <a:lnTo>
                    <a:pt x="236" y="88"/>
                  </a:lnTo>
                  <a:lnTo>
                    <a:pt x="202" y="110"/>
                  </a:lnTo>
                  <a:lnTo>
                    <a:pt x="103" y="115"/>
                  </a:lnTo>
                  <a:lnTo>
                    <a:pt x="0" y="110"/>
                  </a:lnTo>
                  <a:lnTo>
                    <a:pt x="12" y="96"/>
                  </a:lnTo>
                  <a:lnTo>
                    <a:pt x="3" y="68"/>
                  </a:lnTo>
                  <a:lnTo>
                    <a:pt x="65" y="49"/>
                  </a:lnTo>
                  <a:lnTo>
                    <a:pt x="88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7" name="Russia"/>
            <p:cNvSpPr>
              <a:spLocks/>
            </p:cNvSpPr>
            <p:nvPr/>
          </p:nvSpPr>
          <p:spPr bwMode="auto">
            <a:xfrm>
              <a:off x="10461263" y="-3175"/>
              <a:ext cx="1760220" cy="3536950"/>
            </a:xfrm>
            <a:custGeom>
              <a:avLst/>
              <a:gdLst>
                <a:gd name="T0" fmla="*/ 517 w 638"/>
                <a:gd name="T1" fmla="*/ 44 h 1233"/>
                <a:gd name="T2" fmla="*/ 493 w 638"/>
                <a:gd name="T3" fmla="*/ 99 h 1233"/>
                <a:gd name="T4" fmla="*/ 478 w 638"/>
                <a:gd name="T5" fmla="*/ 49 h 1233"/>
                <a:gd name="T6" fmla="*/ 419 w 638"/>
                <a:gd name="T7" fmla="*/ 23 h 1233"/>
                <a:gd name="T8" fmla="*/ 406 w 638"/>
                <a:gd name="T9" fmla="*/ 59 h 1233"/>
                <a:gd name="T10" fmla="*/ 436 w 638"/>
                <a:gd name="T11" fmla="*/ 121 h 1233"/>
                <a:gd name="T12" fmla="*/ 477 w 638"/>
                <a:gd name="T13" fmla="*/ 143 h 1233"/>
                <a:gd name="T14" fmla="*/ 458 w 638"/>
                <a:gd name="T15" fmla="*/ 178 h 1233"/>
                <a:gd name="T16" fmla="*/ 406 w 638"/>
                <a:gd name="T17" fmla="*/ 225 h 1233"/>
                <a:gd name="T18" fmla="*/ 419 w 638"/>
                <a:gd name="T19" fmla="*/ 296 h 1233"/>
                <a:gd name="T20" fmla="*/ 405 w 638"/>
                <a:gd name="T21" fmla="*/ 333 h 1233"/>
                <a:gd name="T22" fmla="*/ 328 w 638"/>
                <a:gd name="T23" fmla="*/ 320 h 1233"/>
                <a:gd name="T24" fmla="*/ 318 w 638"/>
                <a:gd name="T25" fmla="*/ 348 h 1233"/>
                <a:gd name="T26" fmla="*/ 390 w 638"/>
                <a:gd name="T27" fmla="*/ 384 h 1233"/>
                <a:gd name="T28" fmla="*/ 322 w 638"/>
                <a:gd name="T29" fmla="*/ 403 h 1233"/>
                <a:gd name="T30" fmla="*/ 289 w 638"/>
                <a:gd name="T31" fmla="*/ 403 h 1233"/>
                <a:gd name="T32" fmla="*/ 247 w 638"/>
                <a:gd name="T33" fmla="*/ 353 h 1233"/>
                <a:gd name="T34" fmla="*/ 242 w 638"/>
                <a:gd name="T35" fmla="*/ 325 h 1233"/>
                <a:gd name="T36" fmla="*/ 187 w 638"/>
                <a:gd name="T37" fmla="*/ 288 h 1233"/>
                <a:gd name="T38" fmla="*/ 134 w 638"/>
                <a:gd name="T39" fmla="*/ 261 h 1233"/>
                <a:gd name="T40" fmla="*/ 148 w 638"/>
                <a:gd name="T41" fmla="*/ 247 h 1233"/>
                <a:gd name="T42" fmla="*/ 205 w 638"/>
                <a:gd name="T43" fmla="*/ 261 h 1233"/>
                <a:gd name="T44" fmla="*/ 276 w 638"/>
                <a:gd name="T45" fmla="*/ 261 h 1233"/>
                <a:gd name="T46" fmla="*/ 377 w 638"/>
                <a:gd name="T47" fmla="*/ 171 h 1233"/>
                <a:gd name="T48" fmla="*/ 300 w 638"/>
                <a:gd name="T49" fmla="*/ 121 h 1233"/>
                <a:gd name="T50" fmla="*/ 217 w 638"/>
                <a:gd name="T51" fmla="*/ 99 h 1233"/>
                <a:gd name="T52" fmla="*/ 111 w 638"/>
                <a:gd name="T53" fmla="*/ 97 h 1233"/>
                <a:gd name="T54" fmla="*/ 100 w 638"/>
                <a:gd name="T55" fmla="*/ 112 h 1233"/>
                <a:gd name="T56" fmla="*/ 89 w 638"/>
                <a:gd name="T57" fmla="*/ 135 h 1233"/>
                <a:gd name="T58" fmla="*/ 19 w 638"/>
                <a:gd name="T59" fmla="*/ 156 h 1233"/>
                <a:gd name="T60" fmla="*/ 0 w 638"/>
                <a:gd name="T61" fmla="*/ 207 h 1233"/>
                <a:gd name="T62" fmla="*/ 24 w 638"/>
                <a:gd name="T63" fmla="*/ 213 h 1233"/>
                <a:gd name="T64" fmla="*/ 57 w 638"/>
                <a:gd name="T65" fmla="*/ 243 h 1233"/>
                <a:gd name="T66" fmla="*/ 107 w 638"/>
                <a:gd name="T67" fmla="*/ 355 h 1233"/>
                <a:gd name="T68" fmla="*/ 107 w 638"/>
                <a:gd name="T69" fmla="*/ 397 h 1233"/>
                <a:gd name="T70" fmla="*/ 125 w 638"/>
                <a:gd name="T71" fmla="*/ 415 h 1233"/>
                <a:gd name="T72" fmla="*/ 148 w 638"/>
                <a:gd name="T73" fmla="*/ 441 h 1233"/>
                <a:gd name="T74" fmla="*/ 209 w 638"/>
                <a:gd name="T75" fmla="*/ 517 h 1233"/>
                <a:gd name="T76" fmla="*/ 146 w 638"/>
                <a:gd name="T77" fmla="*/ 700 h 1233"/>
                <a:gd name="T78" fmla="*/ 187 w 638"/>
                <a:gd name="T79" fmla="*/ 720 h 1233"/>
                <a:gd name="T80" fmla="*/ 242 w 638"/>
                <a:gd name="T81" fmla="*/ 739 h 1233"/>
                <a:gd name="T82" fmla="*/ 163 w 638"/>
                <a:gd name="T83" fmla="*/ 761 h 1233"/>
                <a:gd name="T84" fmla="*/ 162 w 638"/>
                <a:gd name="T85" fmla="*/ 791 h 1233"/>
                <a:gd name="T86" fmla="*/ 159 w 638"/>
                <a:gd name="T87" fmla="*/ 837 h 1233"/>
                <a:gd name="T88" fmla="*/ 180 w 638"/>
                <a:gd name="T89" fmla="*/ 865 h 1233"/>
                <a:gd name="T90" fmla="*/ 180 w 638"/>
                <a:gd name="T91" fmla="*/ 900 h 1233"/>
                <a:gd name="T92" fmla="*/ 202 w 638"/>
                <a:gd name="T93" fmla="*/ 934 h 1233"/>
                <a:gd name="T94" fmla="*/ 224 w 638"/>
                <a:gd name="T95" fmla="*/ 963 h 1233"/>
                <a:gd name="T96" fmla="*/ 260 w 638"/>
                <a:gd name="T97" fmla="*/ 983 h 1233"/>
                <a:gd name="T98" fmla="*/ 328 w 638"/>
                <a:gd name="T99" fmla="*/ 983 h 1233"/>
                <a:gd name="T100" fmla="*/ 373 w 638"/>
                <a:gd name="T101" fmla="*/ 1044 h 1233"/>
                <a:gd name="T102" fmla="*/ 417 w 638"/>
                <a:gd name="T103" fmla="*/ 1074 h 1233"/>
                <a:gd name="T104" fmla="*/ 470 w 638"/>
                <a:gd name="T105" fmla="*/ 1092 h 1233"/>
                <a:gd name="T106" fmla="*/ 441 w 638"/>
                <a:gd name="T107" fmla="*/ 1139 h 1233"/>
                <a:gd name="T108" fmla="*/ 458 w 638"/>
                <a:gd name="T109" fmla="*/ 1183 h 1233"/>
                <a:gd name="T110" fmla="*/ 501 w 638"/>
                <a:gd name="T111" fmla="*/ 1191 h 1233"/>
                <a:gd name="T112" fmla="*/ 609 w 638"/>
                <a:gd name="T113" fmla="*/ 1191 h 1233"/>
                <a:gd name="T114" fmla="*/ 638 w 638"/>
                <a:gd name="T115" fmla="*/ 1227 h 1233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395 w 10000"/>
                <a:gd name="connsiteY86" fmla="*/ 109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24 w 10000"/>
                <a:gd name="connsiteY84" fmla="*/ 709 h 10000"/>
                <a:gd name="connsiteX85" fmla="*/ 1295 w 10000"/>
                <a:gd name="connsiteY85" fmla="*/ 865 h 10000"/>
                <a:gd name="connsiteX86" fmla="*/ 940 w 10000"/>
                <a:gd name="connsiteY86" fmla="*/ 1054 h 10000"/>
                <a:gd name="connsiteX87" fmla="*/ 737 w 10000"/>
                <a:gd name="connsiteY87" fmla="*/ 1273 h 10000"/>
                <a:gd name="connsiteX88" fmla="*/ 298 w 10000"/>
                <a:gd name="connsiteY88" fmla="*/ 1265 h 10000"/>
                <a:gd name="connsiteX89" fmla="*/ 361 w 10000"/>
                <a:gd name="connsiteY89" fmla="*/ 1419 h 10000"/>
                <a:gd name="connsiteX90" fmla="*/ 219 w 10000"/>
                <a:gd name="connsiteY90" fmla="*/ 1525 h 10000"/>
                <a:gd name="connsiteX91" fmla="*/ 0 w 10000"/>
                <a:gd name="connsiteY91" fmla="*/ 1679 h 10000"/>
                <a:gd name="connsiteX92" fmla="*/ 31 w 10000"/>
                <a:gd name="connsiteY92" fmla="*/ 1687 h 10000"/>
                <a:gd name="connsiteX93" fmla="*/ 31 w 10000"/>
                <a:gd name="connsiteY93" fmla="*/ 1695 h 10000"/>
                <a:gd name="connsiteX94" fmla="*/ 376 w 10000"/>
                <a:gd name="connsiteY94" fmla="*/ 1727 h 10000"/>
                <a:gd name="connsiteX95" fmla="*/ 517 w 10000"/>
                <a:gd name="connsiteY95" fmla="*/ 1800 h 10000"/>
                <a:gd name="connsiteX96" fmla="*/ 799 w 10000"/>
                <a:gd name="connsiteY96" fmla="*/ 1833 h 10000"/>
                <a:gd name="connsiteX97" fmla="*/ 893 w 10000"/>
                <a:gd name="connsiteY97" fmla="*/ 1971 h 10000"/>
                <a:gd name="connsiteX98" fmla="*/ 690 w 10000"/>
                <a:gd name="connsiteY98" fmla="*/ 2376 h 10000"/>
                <a:gd name="connsiteX99" fmla="*/ 893 w 10000"/>
                <a:gd name="connsiteY99" fmla="*/ 2457 h 10000"/>
                <a:gd name="connsiteX100" fmla="*/ 1677 w 10000"/>
                <a:gd name="connsiteY100" fmla="*/ 2879 h 10000"/>
                <a:gd name="connsiteX101" fmla="*/ 1458 w 10000"/>
                <a:gd name="connsiteY101" fmla="*/ 2976 h 10000"/>
                <a:gd name="connsiteX102" fmla="*/ 1458 w 10000"/>
                <a:gd name="connsiteY102" fmla="*/ 3179 h 10000"/>
                <a:gd name="connsiteX103" fmla="*/ 1677 w 10000"/>
                <a:gd name="connsiteY103" fmla="*/ 3220 h 10000"/>
                <a:gd name="connsiteX104" fmla="*/ 1614 w 10000"/>
                <a:gd name="connsiteY104" fmla="*/ 3333 h 10000"/>
                <a:gd name="connsiteX105" fmla="*/ 1787 w 10000"/>
                <a:gd name="connsiteY105" fmla="*/ 3398 h 10000"/>
                <a:gd name="connsiteX106" fmla="*/ 1959 w 10000"/>
                <a:gd name="connsiteY106" fmla="*/ 3366 h 10000"/>
                <a:gd name="connsiteX107" fmla="*/ 1991 w 10000"/>
                <a:gd name="connsiteY107" fmla="*/ 3528 h 10000"/>
                <a:gd name="connsiteX108" fmla="*/ 2132 w 10000"/>
                <a:gd name="connsiteY108" fmla="*/ 3609 h 10000"/>
                <a:gd name="connsiteX109" fmla="*/ 2320 w 10000"/>
                <a:gd name="connsiteY109" fmla="*/ 3577 h 10000"/>
                <a:gd name="connsiteX110" fmla="*/ 2461 w 10000"/>
                <a:gd name="connsiteY110" fmla="*/ 3715 h 10000"/>
                <a:gd name="connsiteX111" fmla="*/ 2335 w 10000"/>
                <a:gd name="connsiteY111" fmla="*/ 3950 h 10000"/>
                <a:gd name="connsiteX112" fmla="*/ 3276 w 10000"/>
                <a:gd name="connsiteY112" fmla="*/ 4193 h 10000"/>
                <a:gd name="connsiteX113" fmla="*/ 3292 w 10000"/>
                <a:gd name="connsiteY113" fmla="*/ 4599 h 10000"/>
                <a:gd name="connsiteX114" fmla="*/ 2806 w 10000"/>
                <a:gd name="connsiteY114" fmla="*/ 5239 h 10000"/>
                <a:gd name="connsiteX115" fmla="*/ 2288 w 10000"/>
                <a:gd name="connsiteY115" fmla="*/ 5677 h 10000"/>
                <a:gd name="connsiteX116" fmla="*/ 2555 w 10000"/>
                <a:gd name="connsiteY116" fmla="*/ 5612 h 10000"/>
                <a:gd name="connsiteX117" fmla="*/ 2618 w 10000"/>
                <a:gd name="connsiteY117" fmla="*/ 5766 h 10000"/>
                <a:gd name="connsiteX118" fmla="*/ 2931 w 10000"/>
                <a:gd name="connsiteY118" fmla="*/ 5839 h 10000"/>
                <a:gd name="connsiteX119" fmla="*/ 3370 w 10000"/>
                <a:gd name="connsiteY119" fmla="*/ 5775 h 10000"/>
                <a:gd name="connsiteX120" fmla="*/ 3793 w 10000"/>
                <a:gd name="connsiteY120" fmla="*/ 5864 h 10000"/>
                <a:gd name="connsiteX121" fmla="*/ 3793 w 10000"/>
                <a:gd name="connsiteY121" fmla="*/ 5994 h 10000"/>
                <a:gd name="connsiteX122" fmla="*/ 3056 w 10000"/>
                <a:gd name="connsiteY122" fmla="*/ 5969 h 10000"/>
                <a:gd name="connsiteX123" fmla="*/ 2931 w 10000"/>
                <a:gd name="connsiteY123" fmla="*/ 6091 h 10000"/>
                <a:gd name="connsiteX124" fmla="*/ 2555 w 10000"/>
                <a:gd name="connsiteY124" fmla="*/ 6172 h 10000"/>
                <a:gd name="connsiteX125" fmla="*/ 2633 w 10000"/>
                <a:gd name="connsiteY125" fmla="*/ 6269 h 10000"/>
                <a:gd name="connsiteX126" fmla="*/ 2712 w 10000"/>
                <a:gd name="connsiteY126" fmla="*/ 6326 h 10000"/>
                <a:gd name="connsiteX127" fmla="*/ 2539 w 10000"/>
                <a:gd name="connsiteY127" fmla="*/ 6415 h 10000"/>
                <a:gd name="connsiteX128" fmla="*/ 2586 w 10000"/>
                <a:gd name="connsiteY128" fmla="*/ 6537 h 10000"/>
                <a:gd name="connsiteX129" fmla="*/ 2398 w 10000"/>
                <a:gd name="connsiteY129" fmla="*/ 6642 h 10000"/>
                <a:gd name="connsiteX130" fmla="*/ 2492 w 10000"/>
                <a:gd name="connsiteY130" fmla="*/ 6788 h 10000"/>
                <a:gd name="connsiteX131" fmla="*/ 2680 w 10000"/>
                <a:gd name="connsiteY131" fmla="*/ 6821 h 10000"/>
                <a:gd name="connsiteX132" fmla="*/ 2602 w 10000"/>
                <a:gd name="connsiteY132" fmla="*/ 6983 h 10000"/>
                <a:gd name="connsiteX133" fmla="*/ 2821 w 10000"/>
                <a:gd name="connsiteY133" fmla="*/ 7015 h 10000"/>
                <a:gd name="connsiteX134" fmla="*/ 2931 w 10000"/>
                <a:gd name="connsiteY134" fmla="*/ 7145 h 10000"/>
                <a:gd name="connsiteX135" fmla="*/ 2806 w 10000"/>
                <a:gd name="connsiteY135" fmla="*/ 7202 h 10000"/>
                <a:gd name="connsiteX136" fmla="*/ 2821 w 10000"/>
                <a:gd name="connsiteY136" fmla="*/ 7299 h 10000"/>
                <a:gd name="connsiteX137" fmla="*/ 2931 w 10000"/>
                <a:gd name="connsiteY137" fmla="*/ 7388 h 10000"/>
                <a:gd name="connsiteX138" fmla="*/ 3292 w 10000"/>
                <a:gd name="connsiteY138" fmla="*/ 7486 h 10000"/>
                <a:gd name="connsiteX139" fmla="*/ 3166 w 10000"/>
                <a:gd name="connsiteY139" fmla="*/ 7575 h 10000"/>
                <a:gd name="connsiteX140" fmla="*/ 3292 w 10000"/>
                <a:gd name="connsiteY140" fmla="*/ 7737 h 10000"/>
                <a:gd name="connsiteX141" fmla="*/ 3417 w 10000"/>
                <a:gd name="connsiteY141" fmla="*/ 7737 h 10000"/>
                <a:gd name="connsiteX142" fmla="*/ 3511 w 10000"/>
                <a:gd name="connsiteY142" fmla="*/ 7810 h 10000"/>
                <a:gd name="connsiteX143" fmla="*/ 3793 w 10000"/>
                <a:gd name="connsiteY143" fmla="*/ 7908 h 10000"/>
                <a:gd name="connsiteX144" fmla="*/ 3793 w 10000"/>
                <a:gd name="connsiteY144" fmla="*/ 7997 h 10000"/>
                <a:gd name="connsiteX145" fmla="*/ 4075 w 10000"/>
                <a:gd name="connsiteY145" fmla="*/ 7972 h 10000"/>
                <a:gd name="connsiteX146" fmla="*/ 4577 w 10000"/>
                <a:gd name="connsiteY146" fmla="*/ 7972 h 10000"/>
                <a:gd name="connsiteX147" fmla="*/ 4718 w 10000"/>
                <a:gd name="connsiteY147" fmla="*/ 8167 h 10000"/>
                <a:gd name="connsiteX148" fmla="*/ 5141 w 10000"/>
                <a:gd name="connsiteY148" fmla="*/ 7972 h 10000"/>
                <a:gd name="connsiteX149" fmla="*/ 5721 w 10000"/>
                <a:gd name="connsiteY149" fmla="*/ 8078 h 10000"/>
                <a:gd name="connsiteX150" fmla="*/ 5846 w 10000"/>
                <a:gd name="connsiteY150" fmla="*/ 8289 h 10000"/>
                <a:gd name="connsiteX151" fmla="*/ 5846 w 10000"/>
                <a:gd name="connsiteY151" fmla="*/ 8467 h 10000"/>
                <a:gd name="connsiteX152" fmla="*/ 6113 w 10000"/>
                <a:gd name="connsiteY152" fmla="*/ 8483 h 10000"/>
                <a:gd name="connsiteX153" fmla="*/ 6223 w 10000"/>
                <a:gd name="connsiteY153" fmla="*/ 8581 h 10000"/>
                <a:gd name="connsiteX154" fmla="*/ 6536 w 10000"/>
                <a:gd name="connsiteY154" fmla="*/ 8710 h 10000"/>
                <a:gd name="connsiteX155" fmla="*/ 6912 w 10000"/>
                <a:gd name="connsiteY155" fmla="*/ 8759 h 10000"/>
                <a:gd name="connsiteX156" fmla="*/ 6928 w 10000"/>
                <a:gd name="connsiteY156" fmla="*/ 8889 h 10000"/>
                <a:gd name="connsiteX157" fmla="*/ 7367 w 10000"/>
                <a:gd name="connsiteY157" fmla="*/ 8856 h 10000"/>
                <a:gd name="connsiteX158" fmla="*/ 7696 w 10000"/>
                <a:gd name="connsiteY158" fmla="*/ 9027 h 10000"/>
                <a:gd name="connsiteX159" fmla="*/ 7586 w 10000"/>
                <a:gd name="connsiteY159" fmla="*/ 9238 h 10000"/>
                <a:gd name="connsiteX160" fmla="*/ 6912 w 10000"/>
                <a:gd name="connsiteY160" fmla="*/ 9238 h 10000"/>
                <a:gd name="connsiteX161" fmla="*/ 6803 w 10000"/>
                <a:gd name="connsiteY161" fmla="*/ 9343 h 10000"/>
                <a:gd name="connsiteX162" fmla="*/ 7132 w 10000"/>
                <a:gd name="connsiteY162" fmla="*/ 9424 h 10000"/>
                <a:gd name="connsiteX163" fmla="*/ 7179 w 10000"/>
                <a:gd name="connsiteY163" fmla="*/ 9594 h 10000"/>
                <a:gd name="connsiteX164" fmla="*/ 7461 w 10000"/>
                <a:gd name="connsiteY164" fmla="*/ 9805 h 10000"/>
                <a:gd name="connsiteX165" fmla="*/ 7837 w 10000"/>
                <a:gd name="connsiteY165" fmla="*/ 9813 h 10000"/>
                <a:gd name="connsiteX166" fmla="*/ 7853 w 10000"/>
                <a:gd name="connsiteY166" fmla="*/ 9659 h 10000"/>
                <a:gd name="connsiteX167" fmla="*/ 8464 w 10000"/>
                <a:gd name="connsiteY167" fmla="*/ 9521 h 10000"/>
                <a:gd name="connsiteX168" fmla="*/ 9060 w 10000"/>
                <a:gd name="connsiteY168" fmla="*/ 9521 h 10000"/>
                <a:gd name="connsiteX169" fmla="*/ 9545 w 10000"/>
                <a:gd name="connsiteY169" fmla="*/ 9659 h 10000"/>
                <a:gd name="connsiteX170" fmla="*/ 9279 w 10000"/>
                <a:gd name="connsiteY170" fmla="*/ 9789 h 10000"/>
                <a:gd name="connsiteX171" fmla="*/ 9624 w 10000"/>
                <a:gd name="connsiteY171" fmla="*/ 10000 h 10000"/>
                <a:gd name="connsiteX172" fmla="*/ 10000 w 10000"/>
                <a:gd name="connsiteY172" fmla="*/ 9951 h 10000"/>
                <a:gd name="connsiteX173" fmla="*/ 10000 w 10000"/>
                <a:gd name="connsiteY173" fmla="*/ 0 h 10000"/>
                <a:gd name="connsiteX174" fmla="*/ 8433 w 10000"/>
                <a:gd name="connsiteY174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24 w 10000"/>
                <a:gd name="connsiteY83" fmla="*/ 709 h 10000"/>
                <a:gd name="connsiteX84" fmla="*/ 1295 w 10000"/>
                <a:gd name="connsiteY84" fmla="*/ 865 h 10000"/>
                <a:gd name="connsiteX85" fmla="*/ 940 w 10000"/>
                <a:gd name="connsiteY85" fmla="*/ 1054 h 10000"/>
                <a:gd name="connsiteX86" fmla="*/ 737 w 10000"/>
                <a:gd name="connsiteY86" fmla="*/ 1273 h 10000"/>
                <a:gd name="connsiteX87" fmla="*/ 298 w 10000"/>
                <a:gd name="connsiteY87" fmla="*/ 1265 h 10000"/>
                <a:gd name="connsiteX88" fmla="*/ 361 w 10000"/>
                <a:gd name="connsiteY88" fmla="*/ 1419 h 10000"/>
                <a:gd name="connsiteX89" fmla="*/ 219 w 10000"/>
                <a:gd name="connsiteY89" fmla="*/ 1525 h 10000"/>
                <a:gd name="connsiteX90" fmla="*/ 0 w 10000"/>
                <a:gd name="connsiteY90" fmla="*/ 1679 h 10000"/>
                <a:gd name="connsiteX91" fmla="*/ 31 w 10000"/>
                <a:gd name="connsiteY91" fmla="*/ 1687 h 10000"/>
                <a:gd name="connsiteX92" fmla="*/ 31 w 10000"/>
                <a:gd name="connsiteY92" fmla="*/ 1695 h 10000"/>
                <a:gd name="connsiteX93" fmla="*/ 376 w 10000"/>
                <a:gd name="connsiteY93" fmla="*/ 1727 h 10000"/>
                <a:gd name="connsiteX94" fmla="*/ 517 w 10000"/>
                <a:gd name="connsiteY94" fmla="*/ 1800 h 10000"/>
                <a:gd name="connsiteX95" fmla="*/ 799 w 10000"/>
                <a:gd name="connsiteY95" fmla="*/ 1833 h 10000"/>
                <a:gd name="connsiteX96" fmla="*/ 893 w 10000"/>
                <a:gd name="connsiteY96" fmla="*/ 1971 h 10000"/>
                <a:gd name="connsiteX97" fmla="*/ 690 w 10000"/>
                <a:gd name="connsiteY97" fmla="*/ 2376 h 10000"/>
                <a:gd name="connsiteX98" fmla="*/ 893 w 10000"/>
                <a:gd name="connsiteY98" fmla="*/ 2457 h 10000"/>
                <a:gd name="connsiteX99" fmla="*/ 1677 w 10000"/>
                <a:gd name="connsiteY99" fmla="*/ 2879 h 10000"/>
                <a:gd name="connsiteX100" fmla="*/ 1458 w 10000"/>
                <a:gd name="connsiteY100" fmla="*/ 2976 h 10000"/>
                <a:gd name="connsiteX101" fmla="*/ 1458 w 10000"/>
                <a:gd name="connsiteY101" fmla="*/ 3179 h 10000"/>
                <a:gd name="connsiteX102" fmla="*/ 1677 w 10000"/>
                <a:gd name="connsiteY102" fmla="*/ 3220 h 10000"/>
                <a:gd name="connsiteX103" fmla="*/ 1614 w 10000"/>
                <a:gd name="connsiteY103" fmla="*/ 3333 h 10000"/>
                <a:gd name="connsiteX104" fmla="*/ 1787 w 10000"/>
                <a:gd name="connsiteY104" fmla="*/ 3398 h 10000"/>
                <a:gd name="connsiteX105" fmla="*/ 1959 w 10000"/>
                <a:gd name="connsiteY105" fmla="*/ 3366 h 10000"/>
                <a:gd name="connsiteX106" fmla="*/ 1991 w 10000"/>
                <a:gd name="connsiteY106" fmla="*/ 3528 h 10000"/>
                <a:gd name="connsiteX107" fmla="*/ 2132 w 10000"/>
                <a:gd name="connsiteY107" fmla="*/ 3609 h 10000"/>
                <a:gd name="connsiteX108" fmla="*/ 2320 w 10000"/>
                <a:gd name="connsiteY108" fmla="*/ 3577 h 10000"/>
                <a:gd name="connsiteX109" fmla="*/ 2461 w 10000"/>
                <a:gd name="connsiteY109" fmla="*/ 3715 h 10000"/>
                <a:gd name="connsiteX110" fmla="*/ 2335 w 10000"/>
                <a:gd name="connsiteY110" fmla="*/ 3950 h 10000"/>
                <a:gd name="connsiteX111" fmla="*/ 3276 w 10000"/>
                <a:gd name="connsiteY111" fmla="*/ 4193 h 10000"/>
                <a:gd name="connsiteX112" fmla="*/ 3292 w 10000"/>
                <a:gd name="connsiteY112" fmla="*/ 4599 h 10000"/>
                <a:gd name="connsiteX113" fmla="*/ 2806 w 10000"/>
                <a:gd name="connsiteY113" fmla="*/ 5239 h 10000"/>
                <a:gd name="connsiteX114" fmla="*/ 2288 w 10000"/>
                <a:gd name="connsiteY114" fmla="*/ 5677 h 10000"/>
                <a:gd name="connsiteX115" fmla="*/ 2555 w 10000"/>
                <a:gd name="connsiteY115" fmla="*/ 5612 h 10000"/>
                <a:gd name="connsiteX116" fmla="*/ 2618 w 10000"/>
                <a:gd name="connsiteY116" fmla="*/ 5766 h 10000"/>
                <a:gd name="connsiteX117" fmla="*/ 2931 w 10000"/>
                <a:gd name="connsiteY117" fmla="*/ 5839 h 10000"/>
                <a:gd name="connsiteX118" fmla="*/ 3370 w 10000"/>
                <a:gd name="connsiteY118" fmla="*/ 5775 h 10000"/>
                <a:gd name="connsiteX119" fmla="*/ 3793 w 10000"/>
                <a:gd name="connsiteY119" fmla="*/ 5864 h 10000"/>
                <a:gd name="connsiteX120" fmla="*/ 3793 w 10000"/>
                <a:gd name="connsiteY120" fmla="*/ 5994 h 10000"/>
                <a:gd name="connsiteX121" fmla="*/ 3056 w 10000"/>
                <a:gd name="connsiteY121" fmla="*/ 5969 h 10000"/>
                <a:gd name="connsiteX122" fmla="*/ 2931 w 10000"/>
                <a:gd name="connsiteY122" fmla="*/ 6091 h 10000"/>
                <a:gd name="connsiteX123" fmla="*/ 2555 w 10000"/>
                <a:gd name="connsiteY123" fmla="*/ 6172 h 10000"/>
                <a:gd name="connsiteX124" fmla="*/ 2633 w 10000"/>
                <a:gd name="connsiteY124" fmla="*/ 6269 h 10000"/>
                <a:gd name="connsiteX125" fmla="*/ 2712 w 10000"/>
                <a:gd name="connsiteY125" fmla="*/ 6326 h 10000"/>
                <a:gd name="connsiteX126" fmla="*/ 2539 w 10000"/>
                <a:gd name="connsiteY126" fmla="*/ 6415 h 10000"/>
                <a:gd name="connsiteX127" fmla="*/ 2586 w 10000"/>
                <a:gd name="connsiteY127" fmla="*/ 6537 h 10000"/>
                <a:gd name="connsiteX128" fmla="*/ 2398 w 10000"/>
                <a:gd name="connsiteY128" fmla="*/ 6642 h 10000"/>
                <a:gd name="connsiteX129" fmla="*/ 2492 w 10000"/>
                <a:gd name="connsiteY129" fmla="*/ 6788 h 10000"/>
                <a:gd name="connsiteX130" fmla="*/ 2680 w 10000"/>
                <a:gd name="connsiteY130" fmla="*/ 6821 h 10000"/>
                <a:gd name="connsiteX131" fmla="*/ 2602 w 10000"/>
                <a:gd name="connsiteY131" fmla="*/ 6983 h 10000"/>
                <a:gd name="connsiteX132" fmla="*/ 2821 w 10000"/>
                <a:gd name="connsiteY132" fmla="*/ 7015 h 10000"/>
                <a:gd name="connsiteX133" fmla="*/ 2931 w 10000"/>
                <a:gd name="connsiteY133" fmla="*/ 7145 h 10000"/>
                <a:gd name="connsiteX134" fmla="*/ 2806 w 10000"/>
                <a:gd name="connsiteY134" fmla="*/ 7202 h 10000"/>
                <a:gd name="connsiteX135" fmla="*/ 2821 w 10000"/>
                <a:gd name="connsiteY135" fmla="*/ 7299 h 10000"/>
                <a:gd name="connsiteX136" fmla="*/ 2931 w 10000"/>
                <a:gd name="connsiteY136" fmla="*/ 7388 h 10000"/>
                <a:gd name="connsiteX137" fmla="*/ 3292 w 10000"/>
                <a:gd name="connsiteY137" fmla="*/ 7486 h 10000"/>
                <a:gd name="connsiteX138" fmla="*/ 3166 w 10000"/>
                <a:gd name="connsiteY138" fmla="*/ 7575 h 10000"/>
                <a:gd name="connsiteX139" fmla="*/ 3292 w 10000"/>
                <a:gd name="connsiteY139" fmla="*/ 7737 h 10000"/>
                <a:gd name="connsiteX140" fmla="*/ 3417 w 10000"/>
                <a:gd name="connsiteY140" fmla="*/ 7737 h 10000"/>
                <a:gd name="connsiteX141" fmla="*/ 3511 w 10000"/>
                <a:gd name="connsiteY141" fmla="*/ 7810 h 10000"/>
                <a:gd name="connsiteX142" fmla="*/ 3793 w 10000"/>
                <a:gd name="connsiteY142" fmla="*/ 7908 h 10000"/>
                <a:gd name="connsiteX143" fmla="*/ 3793 w 10000"/>
                <a:gd name="connsiteY143" fmla="*/ 7997 h 10000"/>
                <a:gd name="connsiteX144" fmla="*/ 4075 w 10000"/>
                <a:gd name="connsiteY144" fmla="*/ 7972 h 10000"/>
                <a:gd name="connsiteX145" fmla="*/ 4577 w 10000"/>
                <a:gd name="connsiteY145" fmla="*/ 7972 h 10000"/>
                <a:gd name="connsiteX146" fmla="*/ 4718 w 10000"/>
                <a:gd name="connsiteY146" fmla="*/ 8167 h 10000"/>
                <a:gd name="connsiteX147" fmla="*/ 5141 w 10000"/>
                <a:gd name="connsiteY147" fmla="*/ 7972 h 10000"/>
                <a:gd name="connsiteX148" fmla="*/ 5721 w 10000"/>
                <a:gd name="connsiteY148" fmla="*/ 8078 h 10000"/>
                <a:gd name="connsiteX149" fmla="*/ 5846 w 10000"/>
                <a:gd name="connsiteY149" fmla="*/ 8289 h 10000"/>
                <a:gd name="connsiteX150" fmla="*/ 5846 w 10000"/>
                <a:gd name="connsiteY150" fmla="*/ 8467 h 10000"/>
                <a:gd name="connsiteX151" fmla="*/ 6113 w 10000"/>
                <a:gd name="connsiteY151" fmla="*/ 8483 h 10000"/>
                <a:gd name="connsiteX152" fmla="*/ 6223 w 10000"/>
                <a:gd name="connsiteY152" fmla="*/ 8581 h 10000"/>
                <a:gd name="connsiteX153" fmla="*/ 6536 w 10000"/>
                <a:gd name="connsiteY153" fmla="*/ 8710 h 10000"/>
                <a:gd name="connsiteX154" fmla="*/ 6912 w 10000"/>
                <a:gd name="connsiteY154" fmla="*/ 8759 h 10000"/>
                <a:gd name="connsiteX155" fmla="*/ 6928 w 10000"/>
                <a:gd name="connsiteY155" fmla="*/ 8889 h 10000"/>
                <a:gd name="connsiteX156" fmla="*/ 7367 w 10000"/>
                <a:gd name="connsiteY156" fmla="*/ 8856 h 10000"/>
                <a:gd name="connsiteX157" fmla="*/ 7696 w 10000"/>
                <a:gd name="connsiteY157" fmla="*/ 9027 h 10000"/>
                <a:gd name="connsiteX158" fmla="*/ 7586 w 10000"/>
                <a:gd name="connsiteY158" fmla="*/ 9238 h 10000"/>
                <a:gd name="connsiteX159" fmla="*/ 6912 w 10000"/>
                <a:gd name="connsiteY159" fmla="*/ 9238 h 10000"/>
                <a:gd name="connsiteX160" fmla="*/ 6803 w 10000"/>
                <a:gd name="connsiteY160" fmla="*/ 9343 h 10000"/>
                <a:gd name="connsiteX161" fmla="*/ 7132 w 10000"/>
                <a:gd name="connsiteY161" fmla="*/ 9424 h 10000"/>
                <a:gd name="connsiteX162" fmla="*/ 7179 w 10000"/>
                <a:gd name="connsiteY162" fmla="*/ 9594 h 10000"/>
                <a:gd name="connsiteX163" fmla="*/ 7461 w 10000"/>
                <a:gd name="connsiteY163" fmla="*/ 9805 h 10000"/>
                <a:gd name="connsiteX164" fmla="*/ 7837 w 10000"/>
                <a:gd name="connsiteY164" fmla="*/ 9813 h 10000"/>
                <a:gd name="connsiteX165" fmla="*/ 7853 w 10000"/>
                <a:gd name="connsiteY165" fmla="*/ 9659 h 10000"/>
                <a:gd name="connsiteX166" fmla="*/ 8464 w 10000"/>
                <a:gd name="connsiteY166" fmla="*/ 9521 h 10000"/>
                <a:gd name="connsiteX167" fmla="*/ 9060 w 10000"/>
                <a:gd name="connsiteY167" fmla="*/ 9521 h 10000"/>
                <a:gd name="connsiteX168" fmla="*/ 9545 w 10000"/>
                <a:gd name="connsiteY168" fmla="*/ 9659 h 10000"/>
                <a:gd name="connsiteX169" fmla="*/ 9279 w 10000"/>
                <a:gd name="connsiteY169" fmla="*/ 9789 h 10000"/>
                <a:gd name="connsiteX170" fmla="*/ 9624 w 10000"/>
                <a:gd name="connsiteY170" fmla="*/ 10000 h 10000"/>
                <a:gd name="connsiteX171" fmla="*/ 10000 w 10000"/>
                <a:gd name="connsiteY171" fmla="*/ 9951 h 10000"/>
                <a:gd name="connsiteX172" fmla="*/ 10000 w 10000"/>
                <a:gd name="connsiteY172" fmla="*/ 0 h 10000"/>
                <a:gd name="connsiteX173" fmla="*/ 8433 w 10000"/>
                <a:gd name="connsiteY173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865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680 w 10000"/>
                <a:gd name="connsiteY85" fmla="*/ 10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85 w 10000"/>
                <a:gd name="connsiteY86" fmla="*/ 1169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519 w 10000"/>
                <a:gd name="connsiteY87" fmla="*/ 138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67 w 10034"/>
                <a:gd name="connsiteY0" fmla="*/ 0 h 10000"/>
                <a:gd name="connsiteX1" fmla="*/ 8467 w 10034"/>
                <a:gd name="connsiteY1" fmla="*/ 97 h 10000"/>
                <a:gd name="connsiteX2" fmla="*/ 8137 w 10034"/>
                <a:gd name="connsiteY2" fmla="*/ 357 h 10000"/>
                <a:gd name="connsiteX3" fmla="*/ 8467 w 10034"/>
                <a:gd name="connsiteY3" fmla="*/ 697 h 10000"/>
                <a:gd name="connsiteX4" fmla="*/ 7855 w 10034"/>
                <a:gd name="connsiteY4" fmla="*/ 981 h 10000"/>
                <a:gd name="connsiteX5" fmla="*/ 7761 w 10034"/>
                <a:gd name="connsiteY5" fmla="*/ 803 h 10000"/>
                <a:gd name="connsiteX6" fmla="*/ 7228 w 10034"/>
                <a:gd name="connsiteY6" fmla="*/ 803 h 10000"/>
                <a:gd name="connsiteX7" fmla="*/ 7072 w 10034"/>
                <a:gd name="connsiteY7" fmla="*/ 584 h 10000"/>
                <a:gd name="connsiteX8" fmla="*/ 7526 w 10034"/>
                <a:gd name="connsiteY8" fmla="*/ 397 h 10000"/>
                <a:gd name="connsiteX9" fmla="*/ 7087 w 10034"/>
                <a:gd name="connsiteY9" fmla="*/ 276 h 10000"/>
                <a:gd name="connsiteX10" fmla="*/ 6915 w 10034"/>
                <a:gd name="connsiteY10" fmla="*/ 187 h 10000"/>
                <a:gd name="connsiteX11" fmla="*/ 6601 w 10034"/>
                <a:gd name="connsiteY11" fmla="*/ 187 h 10000"/>
                <a:gd name="connsiteX12" fmla="*/ 6304 w 10034"/>
                <a:gd name="connsiteY12" fmla="*/ 341 h 10000"/>
                <a:gd name="connsiteX13" fmla="*/ 5833 w 10034"/>
                <a:gd name="connsiteY13" fmla="*/ 397 h 10000"/>
                <a:gd name="connsiteX14" fmla="*/ 6398 w 10034"/>
                <a:gd name="connsiteY14" fmla="*/ 479 h 10000"/>
                <a:gd name="connsiteX15" fmla="*/ 6617 w 10034"/>
                <a:gd name="connsiteY15" fmla="*/ 738 h 10000"/>
                <a:gd name="connsiteX16" fmla="*/ 6711 w 10034"/>
                <a:gd name="connsiteY16" fmla="*/ 981 h 10000"/>
                <a:gd name="connsiteX17" fmla="*/ 6868 w 10034"/>
                <a:gd name="connsiteY17" fmla="*/ 981 h 10000"/>
                <a:gd name="connsiteX18" fmla="*/ 7275 w 10034"/>
                <a:gd name="connsiteY18" fmla="*/ 981 h 10000"/>
                <a:gd name="connsiteX19" fmla="*/ 7307 w 10034"/>
                <a:gd name="connsiteY19" fmla="*/ 1103 h 10000"/>
                <a:gd name="connsiteX20" fmla="*/ 7510 w 10034"/>
                <a:gd name="connsiteY20" fmla="*/ 1160 h 10000"/>
                <a:gd name="connsiteX21" fmla="*/ 7526 w 10034"/>
                <a:gd name="connsiteY21" fmla="*/ 1371 h 10000"/>
                <a:gd name="connsiteX22" fmla="*/ 7683 w 10034"/>
                <a:gd name="connsiteY22" fmla="*/ 1590 h 10000"/>
                <a:gd name="connsiteX23" fmla="*/ 7213 w 10034"/>
                <a:gd name="connsiteY23" fmla="*/ 1444 h 10000"/>
                <a:gd name="connsiteX24" fmla="*/ 6884 w 10034"/>
                <a:gd name="connsiteY24" fmla="*/ 1484 h 10000"/>
                <a:gd name="connsiteX25" fmla="*/ 6601 w 10034"/>
                <a:gd name="connsiteY25" fmla="*/ 1484 h 10000"/>
                <a:gd name="connsiteX26" fmla="*/ 6398 w 10034"/>
                <a:gd name="connsiteY26" fmla="*/ 1825 h 10000"/>
                <a:gd name="connsiteX27" fmla="*/ 6272 w 10034"/>
                <a:gd name="connsiteY27" fmla="*/ 2028 h 10000"/>
                <a:gd name="connsiteX28" fmla="*/ 6210 w 10034"/>
                <a:gd name="connsiteY28" fmla="*/ 2271 h 10000"/>
                <a:gd name="connsiteX29" fmla="*/ 6601 w 10034"/>
                <a:gd name="connsiteY29" fmla="*/ 2401 h 10000"/>
                <a:gd name="connsiteX30" fmla="*/ 6978 w 10034"/>
                <a:gd name="connsiteY30" fmla="*/ 2595 h 10000"/>
                <a:gd name="connsiteX31" fmla="*/ 6570 w 10034"/>
                <a:gd name="connsiteY31" fmla="*/ 2798 h 10000"/>
                <a:gd name="connsiteX32" fmla="*/ 6382 w 10034"/>
                <a:gd name="connsiteY32" fmla="*/ 2701 h 10000"/>
                <a:gd name="connsiteX33" fmla="*/ 6147 w 10034"/>
                <a:gd name="connsiteY33" fmla="*/ 2660 h 10000"/>
                <a:gd name="connsiteX34" fmla="*/ 5661 w 10034"/>
                <a:gd name="connsiteY34" fmla="*/ 2749 h 10000"/>
                <a:gd name="connsiteX35" fmla="*/ 5175 w 10034"/>
                <a:gd name="connsiteY35" fmla="*/ 2595 h 10000"/>
                <a:gd name="connsiteX36" fmla="*/ 4924 w 10034"/>
                <a:gd name="connsiteY36" fmla="*/ 2603 h 10000"/>
                <a:gd name="connsiteX37" fmla="*/ 5065 w 10034"/>
                <a:gd name="connsiteY37" fmla="*/ 2733 h 10000"/>
                <a:gd name="connsiteX38" fmla="*/ 5018 w 10034"/>
                <a:gd name="connsiteY38" fmla="*/ 2822 h 10000"/>
                <a:gd name="connsiteX39" fmla="*/ 5520 w 10034"/>
                <a:gd name="connsiteY39" fmla="*/ 3025 h 10000"/>
                <a:gd name="connsiteX40" fmla="*/ 5786 w 10034"/>
                <a:gd name="connsiteY40" fmla="*/ 2928 h 10000"/>
                <a:gd name="connsiteX41" fmla="*/ 6147 w 10034"/>
                <a:gd name="connsiteY41" fmla="*/ 3114 h 10000"/>
                <a:gd name="connsiteX42" fmla="*/ 5943 w 10034"/>
                <a:gd name="connsiteY42" fmla="*/ 3317 h 10000"/>
                <a:gd name="connsiteX43" fmla="*/ 5645 w 10034"/>
                <a:gd name="connsiteY43" fmla="*/ 3317 h 10000"/>
                <a:gd name="connsiteX44" fmla="*/ 5081 w 10034"/>
                <a:gd name="connsiteY44" fmla="*/ 3268 h 10000"/>
                <a:gd name="connsiteX45" fmla="*/ 5034 w 10034"/>
                <a:gd name="connsiteY45" fmla="*/ 3139 h 10000"/>
                <a:gd name="connsiteX46" fmla="*/ 4736 w 10034"/>
                <a:gd name="connsiteY46" fmla="*/ 3147 h 10000"/>
                <a:gd name="connsiteX47" fmla="*/ 4564 w 10034"/>
                <a:gd name="connsiteY47" fmla="*/ 3268 h 10000"/>
                <a:gd name="connsiteX48" fmla="*/ 4266 w 10034"/>
                <a:gd name="connsiteY48" fmla="*/ 3187 h 10000"/>
                <a:gd name="connsiteX49" fmla="*/ 4329 w 10034"/>
                <a:gd name="connsiteY49" fmla="*/ 3017 h 10000"/>
                <a:gd name="connsiteX50" fmla="*/ 3905 w 10034"/>
                <a:gd name="connsiteY50" fmla="*/ 2863 h 10000"/>
                <a:gd name="connsiteX51" fmla="*/ 3827 w 10034"/>
                <a:gd name="connsiteY51" fmla="*/ 2863 h 10000"/>
                <a:gd name="connsiteX52" fmla="*/ 3670 w 10034"/>
                <a:gd name="connsiteY52" fmla="*/ 2741 h 10000"/>
                <a:gd name="connsiteX53" fmla="*/ 3827 w 10034"/>
                <a:gd name="connsiteY53" fmla="*/ 2636 h 10000"/>
                <a:gd name="connsiteX54" fmla="*/ 3561 w 10034"/>
                <a:gd name="connsiteY54" fmla="*/ 2433 h 10000"/>
                <a:gd name="connsiteX55" fmla="*/ 3231 w 10034"/>
                <a:gd name="connsiteY55" fmla="*/ 2384 h 10000"/>
                <a:gd name="connsiteX56" fmla="*/ 2965 w 10034"/>
                <a:gd name="connsiteY56" fmla="*/ 2336 h 10000"/>
                <a:gd name="connsiteX57" fmla="*/ 2855 w 10034"/>
                <a:gd name="connsiteY57" fmla="*/ 2247 h 10000"/>
                <a:gd name="connsiteX58" fmla="*/ 2275 w 10034"/>
                <a:gd name="connsiteY58" fmla="*/ 2190 h 10000"/>
                <a:gd name="connsiteX59" fmla="*/ 2134 w 10034"/>
                <a:gd name="connsiteY59" fmla="*/ 2117 h 10000"/>
                <a:gd name="connsiteX60" fmla="*/ 1884 w 10034"/>
                <a:gd name="connsiteY60" fmla="*/ 2060 h 10000"/>
                <a:gd name="connsiteX61" fmla="*/ 2040 w 10034"/>
                <a:gd name="connsiteY61" fmla="*/ 1979 h 10000"/>
                <a:gd name="connsiteX62" fmla="*/ 2354 w 10034"/>
                <a:gd name="connsiteY62" fmla="*/ 2003 h 10000"/>
                <a:gd name="connsiteX63" fmla="*/ 2510 w 10034"/>
                <a:gd name="connsiteY63" fmla="*/ 2117 h 10000"/>
                <a:gd name="connsiteX64" fmla="*/ 2777 w 10034"/>
                <a:gd name="connsiteY64" fmla="*/ 2117 h 10000"/>
                <a:gd name="connsiteX65" fmla="*/ 3247 w 10034"/>
                <a:gd name="connsiteY65" fmla="*/ 2117 h 10000"/>
                <a:gd name="connsiteX66" fmla="*/ 3420 w 10034"/>
                <a:gd name="connsiteY66" fmla="*/ 2068 h 10000"/>
                <a:gd name="connsiteX67" fmla="*/ 3827 w 10034"/>
                <a:gd name="connsiteY67" fmla="*/ 2117 h 10000"/>
                <a:gd name="connsiteX68" fmla="*/ 4360 w 10034"/>
                <a:gd name="connsiteY68" fmla="*/ 2117 h 10000"/>
                <a:gd name="connsiteX69" fmla="*/ 5144 w 10034"/>
                <a:gd name="connsiteY69" fmla="*/ 2084 h 10000"/>
                <a:gd name="connsiteX70" fmla="*/ 5943 w 10034"/>
                <a:gd name="connsiteY70" fmla="*/ 1784 h 10000"/>
                <a:gd name="connsiteX71" fmla="*/ 5943 w 10034"/>
                <a:gd name="connsiteY71" fmla="*/ 1387 h 10000"/>
                <a:gd name="connsiteX72" fmla="*/ 5630 w 10034"/>
                <a:gd name="connsiteY72" fmla="*/ 1176 h 10000"/>
                <a:gd name="connsiteX73" fmla="*/ 5285 w 10034"/>
                <a:gd name="connsiteY73" fmla="*/ 1030 h 10000"/>
                <a:gd name="connsiteX74" fmla="*/ 4736 w 10034"/>
                <a:gd name="connsiteY74" fmla="*/ 981 h 10000"/>
                <a:gd name="connsiteX75" fmla="*/ 4344 w 10034"/>
                <a:gd name="connsiteY75" fmla="*/ 981 h 10000"/>
                <a:gd name="connsiteX76" fmla="*/ 3952 w 10034"/>
                <a:gd name="connsiteY76" fmla="*/ 981 h 10000"/>
                <a:gd name="connsiteX77" fmla="*/ 3435 w 10034"/>
                <a:gd name="connsiteY77" fmla="*/ 803 h 10000"/>
                <a:gd name="connsiteX78" fmla="*/ 2777 w 10034"/>
                <a:gd name="connsiteY78" fmla="*/ 738 h 10000"/>
                <a:gd name="connsiteX79" fmla="*/ 2338 w 10034"/>
                <a:gd name="connsiteY79" fmla="*/ 762 h 10000"/>
                <a:gd name="connsiteX80" fmla="*/ 1774 w 10034"/>
                <a:gd name="connsiteY80" fmla="*/ 787 h 10000"/>
                <a:gd name="connsiteX81" fmla="*/ 1664 w 10034"/>
                <a:gd name="connsiteY81" fmla="*/ 860 h 10000"/>
                <a:gd name="connsiteX82" fmla="*/ 1558 w 10034"/>
                <a:gd name="connsiteY82" fmla="*/ 709 h 10000"/>
                <a:gd name="connsiteX83" fmla="*/ 1329 w 10034"/>
                <a:gd name="connsiteY83" fmla="*/ 784 h 10000"/>
                <a:gd name="connsiteX84" fmla="*/ 1089 w 10034"/>
                <a:gd name="connsiteY84" fmla="*/ 706 h 10000"/>
                <a:gd name="connsiteX85" fmla="*/ 972 w 10034"/>
                <a:gd name="connsiteY85" fmla="*/ 910 h 10000"/>
                <a:gd name="connsiteX86" fmla="*/ 605 w 10034"/>
                <a:gd name="connsiteY86" fmla="*/ 1154 h 10000"/>
                <a:gd name="connsiteX87" fmla="*/ 553 w 10034"/>
                <a:gd name="connsiteY87" fmla="*/ 1389 h 10000"/>
                <a:gd name="connsiteX88" fmla="*/ 597 w 10034"/>
                <a:gd name="connsiteY88" fmla="*/ 1540 h 10000"/>
                <a:gd name="connsiteX89" fmla="*/ 34 w 10034"/>
                <a:gd name="connsiteY89" fmla="*/ 1679 h 10000"/>
                <a:gd name="connsiteX90" fmla="*/ 65 w 10034"/>
                <a:gd name="connsiteY90" fmla="*/ 1687 h 10000"/>
                <a:gd name="connsiteX91" fmla="*/ 65 w 10034"/>
                <a:gd name="connsiteY91" fmla="*/ 1695 h 10000"/>
                <a:gd name="connsiteX92" fmla="*/ 410 w 10034"/>
                <a:gd name="connsiteY92" fmla="*/ 1727 h 10000"/>
                <a:gd name="connsiteX93" fmla="*/ 551 w 10034"/>
                <a:gd name="connsiteY93" fmla="*/ 1800 h 10000"/>
                <a:gd name="connsiteX94" fmla="*/ 833 w 10034"/>
                <a:gd name="connsiteY94" fmla="*/ 1833 h 10000"/>
                <a:gd name="connsiteX95" fmla="*/ 927 w 10034"/>
                <a:gd name="connsiteY95" fmla="*/ 1971 h 10000"/>
                <a:gd name="connsiteX96" fmla="*/ 724 w 10034"/>
                <a:gd name="connsiteY96" fmla="*/ 2376 h 10000"/>
                <a:gd name="connsiteX97" fmla="*/ 927 w 10034"/>
                <a:gd name="connsiteY97" fmla="*/ 2457 h 10000"/>
                <a:gd name="connsiteX98" fmla="*/ 1711 w 10034"/>
                <a:gd name="connsiteY98" fmla="*/ 2879 h 10000"/>
                <a:gd name="connsiteX99" fmla="*/ 1492 w 10034"/>
                <a:gd name="connsiteY99" fmla="*/ 2976 h 10000"/>
                <a:gd name="connsiteX100" fmla="*/ 1492 w 10034"/>
                <a:gd name="connsiteY100" fmla="*/ 3179 h 10000"/>
                <a:gd name="connsiteX101" fmla="*/ 1711 w 10034"/>
                <a:gd name="connsiteY101" fmla="*/ 3220 h 10000"/>
                <a:gd name="connsiteX102" fmla="*/ 1648 w 10034"/>
                <a:gd name="connsiteY102" fmla="*/ 3333 h 10000"/>
                <a:gd name="connsiteX103" fmla="*/ 1821 w 10034"/>
                <a:gd name="connsiteY103" fmla="*/ 3398 h 10000"/>
                <a:gd name="connsiteX104" fmla="*/ 1993 w 10034"/>
                <a:gd name="connsiteY104" fmla="*/ 3366 h 10000"/>
                <a:gd name="connsiteX105" fmla="*/ 2025 w 10034"/>
                <a:gd name="connsiteY105" fmla="*/ 3528 h 10000"/>
                <a:gd name="connsiteX106" fmla="*/ 2166 w 10034"/>
                <a:gd name="connsiteY106" fmla="*/ 3609 h 10000"/>
                <a:gd name="connsiteX107" fmla="*/ 2354 w 10034"/>
                <a:gd name="connsiteY107" fmla="*/ 3577 h 10000"/>
                <a:gd name="connsiteX108" fmla="*/ 2495 w 10034"/>
                <a:gd name="connsiteY108" fmla="*/ 3715 h 10000"/>
                <a:gd name="connsiteX109" fmla="*/ 2369 w 10034"/>
                <a:gd name="connsiteY109" fmla="*/ 3950 h 10000"/>
                <a:gd name="connsiteX110" fmla="*/ 3310 w 10034"/>
                <a:gd name="connsiteY110" fmla="*/ 4193 h 10000"/>
                <a:gd name="connsiteX111" fmla="*/ 3326 w 10034"/>
                <a:gd name="connsiteY111" fmla="*/ 4599 h 10000"/>
                <a:gd name="connsiteX112" fmla="*/ 2840 w 10034"/>
                <a:gd name="connsiteY112" fmla="*/ 5239 h 10000"/>
                <a:gd name="connsiteX113" fmla="*/ 2322 w 10034"/>
                <a:gd name="connsiteY113" fmla="*/ 5677 h 10000"/>
                <a:gd name="connsiteX114" fmla="*/ 2589 w 10034"/>
                <a:gd name="connsiteY114" fmla="*/ 5612 h 10000"/>
                <a:gd name="connsiteX115" fmla="*/ 2652 w 10034"/>
                <a:gd name="connsiteY115" fmla="*/ 5766 h 10000"/>
                <a:gd name="connsiteX116" fmla="*/ 2965 w 10034"/>
                <a:gd name="connsiteY116" fmla="*/ 5839 h 10000"/>
                <a:gd name="connsiteX117" fmla="*/ 3404 w 10034"/>
                <a:gd name="connsiteY117" fmla="*/ 5775 h 10000"/>
                <a:gd name="connsiteX118" fmla="*/ 3827 w 10034"/>
                <a:gd name="connsiteY118" fmla="*/ 5864 h 10000"/>
                <a:gd name="connsiteX119" fmla="*/ 3827 w 10034"/>
                <a:gd name="connsiteY119" fmla="*/ 5994 h 10000"/>
                <a:gd name="connsiteX120" fmla="*/ 3090 w 10034"/>
                <a:gd name="connsiteY120" fmla="*/ 5969 h 10000"/>
                <a:gd name="connsiteX121" fmla="*/ 2965 w 10034"/>
                <a:gd name="connsiteY121" fmla="*/ 6091 h 10000"/>
                <a:gd name="connsiteX122" fmla="*/ 2589 w 10034"/>
                <a:gd name="connsiteY122" fmla="*/ 6172 h 10000"/>
                <a:gd name="connsiteX123" fmla="*/ 2667 w 10034"/>
                <a:gd name="connsiteY123" fmla="*/ 6269 h 10000"/>
                <a:gd name="connsiteX124" fmla="*/ 2746 w 10034"/>
                <a:gd name="connsiteY124" fmla="*/ 6326 h 10000"/>
                <a:gd name="connsiteX125" fmla="*/ 2573 w 10034"/>
                <a:gd name="connsiteY125" fmla="*/ 6415 h 10000"/>
                <a:gd name="connsiteX126" fmla="*/ 2620 w 10034"/>
                <a:gd name="connsiteY126" fmla="*/ 6537 h 10000"/>
                <a:gd name="connsiteX127" fmla="*/ 2432 w 10034"/>
                <a:gd name="connsiteY127" fmla="*/ 6642 h 10000"/>
                <a:gd name="connsiteX128" fmla="*/ 2526 w 10034"/>
                <a:gd name="connsiteY128" fmla="*/ 6788 h 10000"/>
                <a:gd name="connsiteX129" fmla="*/ 2714 w 10034"/>
                <a:gd name="connsiteY129" fmla="*/ 6821 h 10000"/>
                <a:gd name="connsiteX130" fmla="*/ 2636 w 10034"/>
                <a:gd name="connsiteY130" fmla="*/ 6983 h 10000"/>
                <a:gd name="connsiteX131" fmla="*/ 2855 w 10034"/>
                <a:gd name="connsiteY131" fmla="*/ 7015 h 10000"/>
                <a:gd name="connsiteX132" fmla="*/ 2965 w 10034"/>
                <a:gd name="connsiteY132" fmla="*/ 7145 h 10000"/>
                <a:gd name="connsiteX133" fmla="*/ 2840 w 10034"/>
                <a:gd name="connsiteY133" fmla="*/ 7202 h 10000"/>
                <a:gd name="connsiteX134" fmla="*/ 2855 w 10034"/>
                <a:gd name="connsiteY134" fmla="*/ 7299 h 10000"/>
                <a:gd name="connsiteX135" fmla="*/ 2965 w 10034"/>
                <a:gd name="connsiteY135" fmla="*/ 7388 h 10000"/>
                <a:gd name="connsiteX136" fmla="*/ 3326 w 10034"/>
                <a:gd name="connsiteY136" fmla="*/ 7486 h 10000"/>
                <a:gd name="connsiteX137" fmla="*/ 3200 w 10034"/>
                <a:gd name="connsiteY137" fmla="*/ 7575 h 10000"/>
                <a:gd name="connsiteX138" fmla="*/ 3326 w 10034"/>
                <a:gd name="connsiteY138" fmla="*/ 7737 h 10000"/>
                <a:gd name="connsiteX139" fmla="*/ 3451 w 10034"/>
                <a:gd name="connsiteY139" fmla="*/ 7737 h 10000"/>
                <a:gd name="connsiteX140" fmla="*/ 3545 w 10034"/>
                <a:gd name="connsiteY140" fmla="*/ 7810 h 10000"/>
                <a:gd name="connsiteX141" fmla="*/ 3827 w 10034"/>
                <a:gd name="connsiteY141" fmla="*/ 7908 h 10000"/>
                <a:gd name="connsiteX142" fmla="*/ 3827 w 10034"/>
                <a:gd name="connsiteY142" fmla="*/ 7997 h 10000"/>
                <a:gd name="connsiteX143" fmla="*/ 4109 w 10034"/>
                <a:gd name="connsiteY143" fmla="*/ 7972 h 10000"/>
                <a:gd name="connsiteX144" fmla="*/ 4611 w 10034"/>
                <a:gd name="connsiteY144" fmla="*/ 7972 h 10000"/>
                <a:gd name="connsiteX145" fmla="*/ 4752 w 10034"/>
                <a:gd name="connsiteY145" fmla="*/ 8167 h 10000"/>
                <a:gd name="connsiteX146" fmla="*/ 5175 w 10034"/>
                <a:gd name="connsiteY146" fmla="*/ 7972 h 10000"/>
                <a:gd name="connsiteX147" fmla="*/ 5755 w 10034"/>
                <a:gd name="connsiteY147" fmla="*/ 8078 h 10000"/>
                <a:gd name="connsiteX148" fmla="*/ 5880 w 10034"/>
                <a:gd name="connsiteY148" fmla="*/ 8289 h 10000"/>
                <a:gd name="connsiteX149" fmla="*/ 5880 w 10034"/>
                <a:gd name="connsiteY149" fmla="*/ 8467 h 10000"/>
                <a:gd name="connsiteX150" fmla="*/ 6147 w 10034"/>
                <a:gd name="connsiteY150" fmla="*/ 8483 h 10000"/>
                <a:gd name="connsiteX151" fmla="*/ 6257 w 10034"/>
                <a:gd name="connsiteY151" fmla="*/ 8581 h 10000"/>
                <a:gd name="connsiteX152" fmla="*/ 6570 w 10034"/>
                <a:gd name="connsiteY152" fmla="*/ 8710 h 10000"/>
                <a:gd name="connsiteX153" fmla="*/ 6946 w 10034"/>
                <a:gd name="connsiteY153" fmla="*/ 8759 h 10000"/>
                <a:gd name="connsiteX154" fmla="*/ 6962 w 10034"/>
                <a:gd name="connsiteY154" fmla="*/ 8889 h 10000"/>
                <a:gd name="connsiteX155" fmla="*/ 7401 w 10034"/>
                <a:gd name="connsiteY155" fmla="*/ 8856 h 10000"/>
                <a:gd name="connsiteX156" fmla="*/ 7730 w 10034"/>
                <a:gd name="connsiteY156" fmla="*/ 9027 h 10000"/>
                <a:gd name="connsiteX157" fmla="*/ 7620 w 10034"/>
                <a:gd name="connsiteY157" fmla="*/ 9238 h 10000"/>
                <a:gd name="connsiteX158" fmla="*/ 6946 w 10034"/>
                <a:gd name="connsiteY158" fmla="*/ 9238 h 10000"/>
                <a:gd name="connsiteX159" fmla="*/ 6837 w 10034"/>
                <a:gd name="connsiteY159" fmla="*/ 9343 h 10000"/>
                <a:gd name="connsiteX160" fmla="*/ 7166 w 10034"/>
                <a:gd name="connsiteY160" fmla="*/ 9424 h 10000"/>
                <a:gd name="connsiteX161" fmla="*/ 7213 w 10034"/>
                <a:gd name="connsiteY161" fmla="*/ 9594 h 10000"/>
                <a:gd name="connsiteX162" fmla="*/ 7495 w 10034"/>
                <a:gd name="connsiteY162" fmla="*/ 9805 h 10000"/>
                <a:gd name="connsiteX163" fmla="*/ 7871 w 10034"/>
                <a:gd name="connsiteY163" fmla="*/ 9813 h 10000"/>
                <a:gd name="connsiteX164" fmla="*/ 7887 w 10034"/>
                <a:gd name="connsiteY164" fmla="*/ 9659 h 10000"/>
                <a:gd name="connsiteX165" fmla="*/ 8498 w 10034"/>
                <a:gd name="connsiteY165" fmla="*/ 9521 h 10000"/>
                <a:gd name="connsiteX166" fmla="*/ 9094 w 10034"/>
                <a:gd name="connsiteY166" fmla="*/ 9521 h 10000"/>
                <a:gd name="connsiteX167" fmla="*/ 9579 w 10034"/>
                <a:gd name="connsiteY167" fmla="*/ 9659 h 10000"/>
                <a:gd name="connsiteX168" fmla="*/ 9313 w 10034"/>
                <a:gd name="connsiteY168" fmla="*/ 9789 h 10000"/>
                <a:gd name="connsiteX169" fmla="*/ 9658 w 10034"/>
                <a:gd name="connsiteY169" fmla="*/ 10000 h 10000"/>
                <a:gd name="connsiteX170" fmla="*/ 10034 w 10034"/>
                <a:gd name="connsiteY170" fmla="*/ 9951 h 10000"/>
                <a:gd name="connsiteX171" fmla="*/ 10034 w 10034"/>
                <a:gd name="connsiteY171" fmla="*/ 0 h 10000"/>
                <a:gd name="connsiteX172" fmla="*/ 8467 w 10034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058 w 9625"/>
                <a:gd name="connsiteY0" fmla="*/ 0 h 10000"/>
                <a:gd name="connsiteX1" fmla="*/ 8058 w 9625"/>
                <a:gd name="connsiteY1" fmla="*/ 97 h 10000"/>
                <a:gd name="connsiteX2" fmla="*/ 7728 w 9625"/>
                <a:gd name="connsiteY2" fmla="*/ 357 h 10000"/>
                <a:gd name="connsiteX3" fmla="*/ 8058 w 9625"/>
                <a:gd name="connsiteY3" fmla="*/ 697 h 10000"/>
                <a:gd name="connsiteX4" fmla="*/ 7446 w 9625"/>
                <a:gd name="connsiteY4" fmla="*/ 981 h 10000"/>
                <a:gd name="connsiteX5" fmla="*/ 7352 w 9625"/>
                <a:gd name="connsiteY5" fmla="*/ 803 h 10000"/>
                <a:gd name="connsiteX6" fmla="*/ 6819 w 9625"/>
                <a:gd name="connsiteY6" fmla="*/ 803 h 10000"/>
                <a:gd name="connsiteX7" fmla="*/ 6663 w 9625"/>
                <a:gd name="connsiteY7" fmla="*/ 584 h 10000"/>
                <a:gd name="connsiteX8" fmla="*/ 7117 w 9625"/>
                <a:gd name="connsiteY8" fmla="*/ 397 h 10000"/>
                <a:gd name="connsiteX9" fmla="*/ 6678 w 9625"/>
                <a:gd name="connsiteY9" fmla="*/ 276 h 10000"/>
                <a:gd name="connsiteX10" fmla="*/ 6506 w 9625"/>
                <a:gd name="connsiteY10" fmla="*/ 187 h 10000"/>
                <a:gd name="connsiteX11" fmla="*/ 6192 w 9625"/>
                <a:gd name="connsiteY11" fmla="*/ 187 h 10000"/>
                <a:gd name="connsiteX12" fmla="*/ 5895 w 9625"/>
                <a:gd name="connsiteY12" fmla="*/ 341 h 10000"/>
                <a:gd name="connsiteX13" fmla="*/ 5424 w 9625"/>
                <a:gd name="connsiteY13" fmla="*/ 397 h 10000"/>
                <a:gd name="connsiteX14" fmla="*/ 5989 w 9625"/>
                <a:gd name="connsiteY14" fmla="*/ 479 h 10000"/>
                <a:gd name="connsiteX15" fmla="*/ 6208 w 9625"/>
                <a:gd name="connsiteY15" fmla="*/ 738 h 10000"/>
                <a:gd name="connsiteX16" fmla="*/ 6302 w 9625"/>
                <a:gd name="connsiteY16" fmla="*/ 981 h 10000"/>
                <a:gd name="connsiteX17" fmla="*/ 6459 w 9625"/>
                <a:gd name="connsiteY17" fmla="*/ 981 h 10000"/>
                <a:gd name="connsiteX18" fmla="*/ 6866 w 9625"/>
                <a:gd name="connsiteY18" fmla="*/ 981 h 10000"/>
                <a:gd name="connsiteX19" fmla="*/ 6898 w 9625"/>
                <a:gd name="connsiteY19" fmla="*/ 1103 h 10000"/>
                <a:gd name="connsiteX20" fmla="*/ 7101 w 9625"/>
                <a:gd name="connsiteY20" fmla="*/ 1160 h 10000"/>
                <a:gd name="connsiteX21" fmla="*/ 7117 w 9625"/>
                <a:gd name="connsiteY21" fmla="*/ 1371 h 10000"/>
                <a:gd name="connsiteX22" fmla="*/ 7274 w 9625"/>
                <a:gd name="connsiteY22" fmla="*/ 1590 h 10000"/>
                <a:gd name="connsiteX23" fmla="*/ 6804 w 9625"/>
                <a:gd name="connsiteY23" fmla="*/ 1444 h 10000"/>
                <a:gd name="connsiteX24" fmla="*/ 6475 w 9625"/>
                <a:gd name="connsiteY24" fmla="*/ 1484 h 10000"/>
                <a:gd name="connsiteX25" fmla="*/ 6192 w 9625"/>
                <a:gd name="connsiteY25" fmla="*/ 1484 h 10000"/>
                <a:gd name="connsiteX26" fmla="*/ 5989 w 9625"/>
                <a:gd name="connsiteY26" fmla="*/ 1825 h 10000"/>
                <a:gd name="connsiteX27" fmla="*/ 5863 w 9625"/>
                <a:gd name="connsiteY27" fmla="*/ 2028 h 10000"/>
                <a:gd name="connsiteX28" fmla="*/ 5801 w 9625"/>
                <a:gd name="connsiteY28" fmla="*/ 2271 h 10000"/>
                <a:gd name="connsiteX29" fmla="*/ 6192 w 9625"/>
                <a:gd name="connsiteY29" fmla="*/ 2401 h 10000"/>
                <a:gd name="connsiteX30" fmla="*/ 6569 w 9625"/>
                <a:gd name="connsiteY30" fmla="*/ 2595 h 10000"/>
                <a:gd name="connsiteX31" fmla="*/ 6161 w 9625"/>
                <a:gd name="connsiteY31" fmla="*/ 2798 h 10000"/>
                <a:gd name="connsiteX32" fmla="*/ 5973 w 9625"/>
                <a:gd name="connsiteY32" fmla="*/ 2701 h 10000"/>
                <a:gd name="connsiteX33" fmla="*/ 5738 w 9625"/>
                <a:gd name="connsiteY33" fmla="*/ 2660 h 10000"/>
                <a:gd name="connsiteX34" fmla="*/ 5252 w 9625"/>
                <a:gd name="connsiteY34" fmla="*/ 2749 h 10000"/>
                <a:gd name="connsiteX35" fmla="*/ 4766 w 9625"/>
                <a:gd name="connsiteY35" fmla="*/ 2595 h 10000"/>
                <a:gd name="connsiteX36" fmla="*/ 4515 w 9625"/>
                <a:gd name="connsiteY36" fmla="*/ 2603 h 10000"/>
                <a:gd name="connsiteX37" fmla="*/ 4656 w 9625"/>
                <a:gd name="connsiteY37" fmla="*/ 2733 h 10000"/>
                <a:gd name="connsiteX38" fmla="*/ 4609 w 9625"/>
                <a:gd name="connsiteY38" fmla="*/ 2822 h 10000"/>
                <a:gd name="connsiteX39" fmla="*/ 5111 w 9625"/>
                <a:gd name="connsiteY39" fmla="*/ 3025 h 10000"/>
                <a:gd name="connsiteX40" fmla="*/ 5377 w 9625"/>
                <a:gd name="connsiteY40" fmla="*/ 2928 h 10000"/>
                <a:gd name="connsiteX41" fmla="*/ 5738 w 9625"/>
                <a:gd name="connsiteY41" fmla="*/ 3114 h 10000"/>
                <a:gd name="connsiteX42" fmla="*/ 5534 w 9625"/>
                <a:gd name="connsiteY42" fmla="*/ 3317 h 10000"/>
                <a:gd name="connsiteX43" fmla="*/ 5236 w 9625"/>
                <a:gd name="connsiteY43" fmla="*/ 3317 h 10000"/>
                <a:gd name="connsiteX44" fmla="*/ 4672 w 9625"/>
                <a:gd name="connsiteY44" fmla="*/ 3268 h 10000"/>
                <a:gd name="connsiteX45" fmla="*/ 4625 w 9625"/>
                <a:gd name="connsiteY45" fmla="*/ 3139 h 10000"/>
                <a:gd name="connsiteX46" fmla="*/ 4327 w 9625"/>
                <a:gd name="connsiteY46" fmla="*/ 3147 h 10000"/>
                <a:gd name="connsiteX47" fmla="*/ 4155 w 9625"/>
                <a:gd name="connsiteY47" fmla="*/ 3268 h 10000"/>
                <a:gd name="connsiteX48" fmla="*/ 3857 w 9625"/>
                <a:gd name="connsiteY48" fmla="*/ 3187 h 10000"/>
                <a:gd name="connsiteX49" fmla="*/ 3920 w 9625"/>
                <a:gd name="connsiteY49" fmla="*/ 3017 h 10000"/>
                <a:gd name="connsiteX50" fmla="*/ 3496 w 9625"/>
                <a:gd name="connsiteY50" fmla="*/ 2863 h 10000"/>
                <a:gd name="connsiteX51" fmla="*/ 3418 w 9625"/>
                <a:gd name="connsiteY51" fmla="*/ 2863 h 10000"/>
                <a:gd name="connsiteX52" fmla="*/ 3261 w 9625"/>
                <a:gd name="connsiteY52" fmla="*/ 2741 h 10000"/>
                <a:gd name="connsiteX53" fmla="*/ 3418 w 9625"/>
                <a:gd name="connsiteY53" fmla="*/ 2636 h 10000"/>
                <a:gd name="connsiteX54" fmla="*/ 3152 w 9625"/>
                <a:gd name="connsiteY54" fmla="*/ 2433 h 10000"/>
                <a:gd name="connsiteX55" fmla="*/ 2822 w 9625"/>
                <a:gd name="connsiteY55" fmla="*/ 2384 h 10000"/>
                <a:gd name="connsiteX56" fmla="*/ 2556 w 9625"/>
                <a:gd name="connsiteY56" fmla="*/ 2336 h 10000"/>
                <a:gd name="connsiteX57" fmla="*/ 2446 w 9625"/>
                <a:gd name="connsiteY57" fmla="*/ 2247 h 10000"/>
                <a:gd name="connsiteX58" fmla="*/ 1866 w 9625"/>
                <a:gd name="connsiteY58" fmla="*/ 2190 h 10000"/>
                <a:gd name="connsiteX59" fmla="*/ 1725 w 9625"/>
                <a:gd name="connsiteY59" fmla="*/ 2117 h 10000"/>
                <a:gd name="connsiteX60" fmla="*/ 1475 w 9625"/>
                <a:gd name="connsiteY60" fmla="*/ 2060 h 10000"/>
                <a:gd name="connsiteX61" fmla="*/ 1631 w 9625"/>
                <a:gd name="connsiteY61" fmla="*/ 1979 h 10000"/>
                <a:gd name="connsiteX62" fmla="*/ 1945 w 9625"/>
                <a:gd name="connsiteY62" fmla="*/ 2003 h 10000"/>
                <a:gd name="connsiteX63" fmla="*/ 2101 w 9625"/>
                <a:gd name="connsiteY63" fmla="*/ 2117 h 10000"/>
                <a:gd name="connsiteX64" fmla="*/ 2368 w 9625"/>
                <a:gd name="connsiteY64" fmla="*/ 2117 h 10000"/>
                <a:gd name="connsiteX65" fmla="*/ 2838 w 9625"/>
                <a:gd name="connsiteY65" fmla="*/ 2117 h 10000"/>
                <a:gd name="connsiteX66" fmla="*/ 3011 w 9625"/>
                <a:gd name="connsiteY66" fmla="*/ 2068 h 10000"/>
                <a:gd name="connsiteX67" fmla="*/ 3418 w 9625"/>
                <a:gd name="connsiteY67" fmla="*/ 2117 h 10000"/>
                <a:gd name="connsiteX68" fmla="*/ 3951 w 9625"/>
                <a:gd name="connsiteY68" fmla="*/ 2117 h 10000"/>
                <a:gd name="connsiteX69" fmla="*/ 4735 w 9625"/>
                <a:gd name="connsiteY69" fmla="*/ 2084 h 10000"/>
                <a:gd name="connsiteX70" fmla="*/ 5534 w 9625"/>
                <a:gd name="connsiteY70" fmla="*/ 1784 h 10000"/>
                <a:gd name="connsiteX71" fmla="*/ 5534 w 9625"/>
                <a:gd name="connsiteY71" fmla="*/ 1387 h 10000"/>
                <a:gd name="connsiteX72" fmla="*/ 5221 w 9625"/>
                <a:gd name="connsiteY72" fmla="*/ 1176 h 10000"/>
                <a:gd name="connsiteX73" fmla="*/ 4876 w 9625"/>
                <a:gd name="connsiteY73" fmla="*/ 1030 h 10000"/>
                <a:gd name="connsiteX74" fmla="*/ 4327 w 9625"/>
                <a:gd name="connsiteY74" fmla="*/ 981 h 10000"/>
                <a:gd name="connsiteX75" fmla="*/ 3935 w 9625"/>
                <a:gd name="connsiteY75" fmla="*/ 981 h 10000"/>
                <a:gd name="connsiteX76" fmla="*/ 3543 w 9625"/>
                <a:gd name="connsiteY76" fmla="*/ 981 h 10000"/>
                <a:gd name="connsiteX77" fmla="*/ 3026 w 9625"/>
                <a:gd name="connsiteY77" fmla="*/ 803 h 10000"/>
                <a:gd name="connsiteX78" fmla="*/ 2368 w 9625"/>
                <a:gd name="connsiteY78" fmla="*/ 738 h 10000"/>
                <a:gd name="connsiteX79" fmla="*/ 1929 w 9625"/>
                <a:gd name="connsiteY79" fmla="*/ 762 h 10000"/>
                <a:gd name="connsiteX80" fmla="*/ 1365 w 9625"/>
                <a:gd name="connsiteY80" fmla="*/ 787 h 10000"/>
                <a:gd name="connsiteX81" fmla="*/ 1255 w 9625"/>
                <a:gd name="connsiteY81" fmla="*/ 860 h 10000"/>
                <a:gd name="connsiteX82" fmla="*/ 1149 w 9625"/>
                <a:gd name="connsiteY82" fmla="*/ 709 h 10000"/>
                <a:gd name="connsiteX83" fmla="*/ 920 w 9625"/>
                <a:gd name="connsiteY83" fmla="*/ 784 h 10000"/>
                <a:gd name="connsiteX84" fmla="*/ 680 w 9625"/>
                <a:gd name="connsiteY84" fmla="*/ 706 h 10000"/>
                <a:gd name="connsiteX85" fmla="*/ 563 w 9625"/>
                <a:gd name="connsiteY85" fmla="*/ 910 h 10000"/>
                <a:gd name="connsiteX86" fmla="*/ 196 w 9625"/>
                <a:gd name="connsiteY86" fmla="*/ 1154 h 10000"/>
                <a:gd name="connsiteX87" fmla="*/ 144 w 9625"/>
                <a:gd name="connsiteY87" fmla="*/ 1389 h 10000"/>
                <a:gd name="connsiteX88" fmla="*/ 188 w 9625"/>
                <a:gd name="connsiteY88" fmla="*/ 1540 h 10000"/>
                <a:gd name="connsiteX89" fmla="*/ 86 w 9625"/>
                <a:gd name="connsiteY89" fmla="*/ 1628 h 10000"/>
                <a:gd name="connsiteX90" fmla="*/ 1 w 9625"/>
                <a:gd name="connsiteY90" fmla="*/ 1727 h 10000"/>
                <a:gd name="connsiteX91" fmla="*/ 142 w 9625"/>
                <a:gd name="connsiteY91" fmla="*/ 1800 h 10000"/>
                <a:gd name="connsiteX92" fmla="*/ 424 w 9625"/>
                <a:gd name="connsiteY92" fmla="*/ 1833 h 10000"/>
                <a:gd name="connsiteX93" fmla="*/ 518 w 9625"/>
                <a:gd name="connsiteY93" fmla="*/ 1971 h 10000"/>
                <a:gd name="connsiteX94" fmla="*/ 315 w 9625"/>
                <a:gd name="connsiteY94" fmla="*/ 2376 h 10000"/>
                <a:gd name="connsiteX95" fmla="*/ 518 w 9625"/>
                <a:gd name="connsiteY95" fmla="*/ 2457 h 10000"/>
                <a:gd name="connsiteX96" fmla="*/ 1302 w 9625"/>
                <a:gd name="connsiteY96" fmla="*/ 2879 h 10000"/>
                <a:gd name="connsiteX97" fmla="*/ 1083 w 9625"/>
                <a:gd name="connsiteY97" fmla="*/ 2976 h 10000"/>
                <a:gd name="connsiteX98" fmla="*/ 1083 w 9625"/>
                <a:gd name="connsiteY98" fmla="*/ 3179 h 10000"/>
                <a:gd name="connsiteX99" fmla="*/ 1302 w 9625"/>
                <a:gd name="connsiteY99" fmla="*/ 3220 h 10000"/>
                <a:gd name="connsiteX100" fmla="*/ 1239 w 9625"/>
                <a:gd name="connsiteY100" fmla="*/ 3333 h 10000"/>
                <a:gd name="connsiteX101" fmla="*/ 1412 w 9625"/>
                <a:gd name="connsiteY101" fmla="*/ 3398 h 10000"/>
                <a:gd name="connsiteX102" fmla="*/ 1584 w 9625"/>
                <a:gd name="connsiteY102" fmla="*/ 3366 h 10000"/>
                <a:gd name="connsiteX103" fmla="*/ 1616 w 9625"/>
                <a:gd name="connsiteY103" fmla="*/ 3528 h 10000"/>
                <a:gd name="connsiteX104" fmla="*/ 1757 w 9625"/>
                <a:gd name="connsiteY104" fmla="*/ 3609 h 10000"/>
                <a:gd name="connsiteX105" fmla="*/ 1945 w 9625"/>
                <a:gd name="connsiteY105" fmla="*/ 3577 h 10000"/>
                <a:gd name="connsiteX106" fmla="*/ 2086 w 9625"/>
                <a:gd name="connsiteY106" fmla="*/ 3715 h 10000"/>
                <a:gd name="connsiteX107" fmla="*/ 1960 w 9625"/>
                <a:gd name="connsiteY107" fmla="*/ 3950 h 10000"/>
                <a:gd name="connsiteX108" fmla="*/ 2901 w 9625"/>
                <a:gd name="connsiteY108" fmla="*/ 4193 h 10000"/>
                <a:gd name="connsiteX109" fmla="*/ 2917 w 9625"/>
                <a:gd name="connsiteY109" fmla="*/ 4599 h 10000"/>
                <a:gd name="connsiteX110" fmla="*/ 2431 w 9625"/>
                <a:gd name="connsiteY110" fmla="*/ 5239 h 10000"/>
                <a:gd name="connsiteX111" fmla="*/ 1913 w 9625"/>
                <a:gd name="connsiteY111" fmla="*/ 5677 h 10000"/>
                <a:gd name="connsiteX112" fmla="*/ 2180 w 9625"/>
                <a:gd name="connsiteY112" fmla="*/ 5612 h 10000"/>
                <a:gd name="connsiteX113" fmla="*/ 2243 w 9625"/>
                <a:gd name="connsiteY113" fmla="*/ 5766 h 10000"/>
                <a:gd name="connsiteX114" fmla="*/ 2556 w 9625"/>
                <a:gd name="connsiteY114" fmla="*/ 5839 h 10000"/>
                <a:gd name="connsiteX115" fmla="*/ 2995 w 9625"/>
                <a:gd name="connsiteY115" fmla="*/ 5775 h 10000"/>
                <a:gd name="connsiteX116" fmla="*/ 3418 w 9625"/>
                <a:gd name="connsiteY116" fmla="*/ 5864 h 10000"/>
                <a:gd name="connsiteX117" fmla="*/ 3418 w 9625"/>
                <a:gd name="connsiteY117" fmla="*/ 5994 h 10000"/>
                <a:gd name="connsiteX118" fmla="*/ 2681 w 9625"/>
                <a:gd name="connsiteY118" fmla="*/ 5969 h 10000"/>
                <a:gd name="connsiteX119" fmla="*/ 2556 w 9625"/>
                <a:gd name="connsiteY119" fmla="*/ 6091 h 10000"/>
                <a:gd name="connsiteX120" fmla="*/ 2180 w 9625"/>
                <a:gd name="connsiteY120" fmla="*/ 6172 h 10000"/>
                <a:gd name="connsiteX121" fmla="*/ 2258 w 9625"/>
                <a:gd name="connsiteY121" fmla="*/ 6269 h 10000"/>
                <a:gd name="connsiteX122" fmla="*/ 2337 w 9625"/>
                <a:gd name="connsiteY122" fmla="*/ 6326 h 10000"/>
                <a:gd name="connsiteX123" fmla="*/ 2164 w 9625"/>
                <a:gd name="connsiteY123" fmla="*/ 6415 h 10000"/>
                <a:gd name="connsiteX124" fmla="*/ 2211 w 9625"/>
                <a:gd name="connsiteY124" fmla="*/ 6537 h 10000"/>
                <a:gd name="connsiteX125" fmla="*/ 2023 w 9625"/>
                <a:gd name="connsiteY125" fmla="*/ 6642 h 10000"/>
                <a:gd name="connsiteX126" fmla="*/ 2117 w 9625"/>
                <a:gd name="connsiteY126" fmla="*/ 6788 h 10000"/>
                <a:gd name="connsiteX127" fmla="*/ 2305 w 9625"/>
                <a:gd name="connsiteY127" fmla="*/ 6821 h 10000"/>
                <a:gd name="connsiteX128" fmla="*/ 2227 w 9625"/>
                <a:gd name="connsiteY128" fmla="*/ 6983 h 10000"/>
                <a:gd name="connsiteX129" fmla="*/ 2446 w 9625"/>
                <a:gd name="connsiteY129" fmla="*/ 7015 h 10000"/>
                <a:gd name="connsiteX130" fmla="*/ 2556 w 9625"/>
                <a:gd name="connsiteY130" fmla="*/ 7145 h 10000"/>
                <a:gd name="connsiteX131" fmla="*/ 2431 w 9625"/>
                <a:gd name="connsiteY131" fmla="*/ 7202 h 10000"/>
                <a:gd name="connsiteX132" fmla="*/ 2446 w 9625"/>
                <a:gd name="connsiteY132" fmla="*/ 7299 h 10000"/>
                <a:gd name="connsiteX133" fmla="*/ 2556 w 9625"/>
                <a:gd name="connsiteY133" fmla="*/ 7388 h 10000"/>
                <a:gd name="connsiteX134" fmla="*/ 2917 w 9625"/>
                <a:gd name="connsiteY134" fmla="*/ 7486 h 10000"/>
                <a:gd name="connsiteX135" fmla="*/ 2791 w 9625"/>
                <a:gd name="connsiteY135" fmla="*/ 7575 h 10000"/>
                <a:gd name="connsiteX136" fmla="*/ 2917 w 9625"/>
                <a:gd name="connsiteY136" fmla="*/ 7737 h 10000"/>
                <a:gd name="connsiteX137" fmla="*/ 3042 w 9625"/>
                <a:gd name="connsiteY137" fmla="*/ 7737 h 10000"/>
                <a:gd name="connsiteX138" fmla="*/ 3136 w 9625"/>
                <a:gd name="connsiteY138" fmla="*/ 7810 h 10000"/>
                <a:gd name="connsiteX139" fmla="*/ 3418 w 9625"/>
                <a:gd name="connsiteY139" fmla="*/ 7908 h 10000"/>
                <a:gd name="connsiteX140" fmla="*/ 3418 w 9625"/>
                <a:gd name="connsiteY140" fmla="*/ 7997 h 10000"/>
                <a:gd name="connsiteX141" fmla="*/ 3700 w 9625"/>
                <a:gd name="connsiteY141" fmla="*/ 7972 h 10000"/>
                <a:gd name="connsiteX142" fmla="*/ 4202 w 9625"/>
                <a:gd name="connsiteY142" fmla="*/ 7972 h 10000"/>
                <a:gd name="connsiteX143" fmla="*/ 4343 w 9625"/>
                <a:gd name="connsiteY143" fmla="*/ 8167 h 10000"/>
                <a:gd name="connsiteX144" fmla="*/ 4766 w 9625"/>
                <a:gd name="connsiteY144" fmla="*/ 7972 h 10000"/>
                <a:gd name="connsiteX145" fmla="*/ 5346 w 9625"/>
                <a:gd name="connsiteY145" fmla="*/ 8078 h 10000"/>
                <a:gd name="connsiteX146" fmla="*/ 5471 w 9625"/>
                <a:gd name="connsiteY146" fmla="*/ 8289 h 10000"/>
                <a:gd name="connsiteX147" fmla="*/ 5471 w 9625"/>
                <a:gd name="connsiteY147" fmla="*/ 8467 h 10000"/>
                <a:gd name="connsiteX148" fmla="*/ 5738 w 9625"/>
                <a:gd name="connsiteY148" fmla="*/ 8483 h 10000"/>
                <a:gd name="connsiteX149" fmla="*/ 5848 w 9625"/>
                <a:gd name="connsiteY149" fmla="*/ 8581 h 10000"/>
                <a:gd name="connsiteX150" fmla="*/ 6161 w 9625"/>
                <a:gd name="connsiteY150" fmla="*/ 8710 h 10000"/>
                <a:gd name="connsiteX151" fmla="*/ 6537 w 9625"/>
                <a:gd name="connsiteY151" fmla="*/ 8759 h 10000"/>
                <a:gd name="connsiteX152" fmla="*/ 6553 w 9625"/>
                <a:gd name="connsiteY152" fmla="*/ 8889 h 10000"/>
                <a:gd name="connsiteX153" fmla="*/ 6992 w 9625"/>
                <a:gd name="connsiteY153" fmla="*/ 8856 h 10000"/>
                <a:gd name="connsiteX154" fmla="*/ 7321 w 9625"/>
                <a:gd name="connsiteY154" fmla="*/ 9027 h 10000"/>
                <a:gd name="connsiteX155" fmla="*/ 7211 w 9625"/>
                <a:gd name="connsiteY155" fmla="*/ 9238 h 10000"/>
                <a:gd name="connsiteX156" fmla="*/ 6537 w 9625"/>
                <a:gd name="connsiteY156" fmla="*/ 9238 h 10000"/>
                <a:gd name="connsiteX157" fmla="*/ 6428 w 9625"/>
                <a:gd name="connsiteY157" fmla="*/ 9343 h 10000"/>
                <a:gd name="connsiteX158" fmla="*/ 6757 w 9625"/>
                <a:gd name="connsiteY158" fmla="*/ 9424 h 10000"/>
                <a:gd name="connsiteX159" fmla="*/ 6804 w 9625"/>
                <a:gd name="connsiteY159" fmla="*/ 9594 h 10000"/>
                <a:gd name="connsiteX160" fmla="*/ 7086 w 9625"/>
                <a:gd name="connsiteY160" fmla="*/ 9805 h 10000"/>
                <a:gd name="connsiteX161" fmla="*/ 7462 w 9625"/>
                <a:gd name="connsiteY161" fmla="*/ 9813 h 10000"/>
                <a:gd name="connsiteX162" fmla="*/ 7478 w 9625"/>
                <a:gd name="connsiteY162" fmla="*/ 9659 h 10000"/>
                <a:gd name="connsiteX163" fmla="*/ 8089 w 9625"/>
                <a:gd name="connsiteY163" fmla="*/ 9521 h 10000"/>
                <a:gd name="connsiteX164" fmla="*/ 8685 w 9625"/>
                <a:gd name="connsiteY164" fmla="*/ 9521 h 10000"/>
                <a:gd name="connsiteX165" fmla="*/ 9170 w 9625"/>
                <a:gd name="connsiteY165" fmla="*/ 9659 h 10000"/>
                <a:gd name="connsiteX166" fmla="*/ 8904 w 9625"/>
                <a:gd name="connsiteY166" fmla="*/ 9789 h 10000"/>
                <a:gd name="connsiteX167" fmla="*/ 9249 w 9625"/>
                <a:gd name="connsiteY167" fmla="*/ 10000 h 10000"/>
                <a:gd name="connsiteX168" fmla="*/ 9625 w 9625"/>
                <a:gd name="connsiteY168" fmla="*/ 9951 h 10000"/>
                <a:gd name="connsiteX169" fmla="*/ 9625 w 9625"/>
                <a:gd name="connsiteY169" fmla="*/ 0 h 10000"/>
                <a:gd name="connsiteX170" fmla="*/ 8058 w 9625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706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42 w 10000"/>
                <a:gd name="connsiteY83" fmla="*/ 763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0000" h="10000">
                  <a:moveTo>
                    <a:pt x="8372" y="0"/>
                  </a:moveTo>
                  <a:lnTo>
                    <a:pt x="8372" y="97"/>
                  </a:lnTo>
                  <a:lnTo>
                    <a:pt x="8029" y="357"/>
                  </a:lnTo>
                  <a:lnTo>
                    <a:pt x="8372" y="697"/>
                  </a:lnTo>
                  <a:lnTo>
                    <a:pt x="7736" y="981"/>
                  </a:lnTo>
                  <a:cubicBezTo>
                    <a:pt x="7703" y="922"/>
                    <a:pt x="7671" y="862"/>
                    <a:pt x="7638" y="803"/>
                  </a:cubicBezTo>
                  <a:lnTo>
                    <a:pt x="7085" y="803"/>
                  </a:lnTo>
                  <a:lnTo>
                    <a:pt x="6923" y="584"/>
                  </a:lnTo>
                  <a:lnTo>
                    <a:pt x="7394" y="397"/>
                  </a:lnTo>
                  <a:lnTo>
                    <a:pt x="6938" y="276"/>
                  </a:lnTo>
                  <a:lnTo>
                    <a:pt x="6759" y="187"/>
                  </a:lnTo>
                  <a:lnTo>
                    <a:pt x="6433" y="187"/>
                  </a:lnTo>
                  <a:lnTo>
                    <a:pt x="6125" y="341"/>
                  </a:lnTo>
                  <a:lnTo>
                    <a:pt x="5635" y="397"/>
                  </a:lnTo>
                  <a:lnTo>
                    <a:pt x="6222" y="479"/>
                  </a:lnTo>
                  <a:lnTo>
                    <a:pt x="6450" y="738"/>
                  </a:lnTo>
                  <a:cubicBezTo>
                    <a:pt x="6482" y="819"/>
                    <a:pt x="6515" y="900"/>
                    <a:pt x="6548" y="981"/>
                  </a:cubicBezTo>
                  <a:lnTo>
                    <a:pt x="6711" y="981"/>
                  </a:lnTo>
                  <a:lnTo>
                    <a:pt x="7134" y="981"/>
                  </a:lnTo>
                  <a:cubicBezTo>
                    <a:pt x="7145" y="1022"/>
                    <a:pt x="7155" y="1062"/>
                    <a:pt x="7167" y="1103"/>
                  </a:cubicBezTo>
                  <a:lnTo>
                    <a:pt x="7378" y="1160"/>
                  </a:lnTo>
                  <a:cubicBezTo>
                    <a:pt x="7383" y="1230"/>
                    <a:pt x="7389" y="1301"/>
                    <a:pt x="7394" y="1371"/>
                  </a:cubicBezTo>
                  <a:lnTo>
                    <a:pt x="7557" y="1590"/>
                  </a:lnTo>
                  <a:lnTo>
                    <a:pt x="7069" y="1444"/>
                  </a:lnTo>
                  <a:lnTo>
                    <a:pt x="6727" y="1484"/>
                  </a:lnTo>
                  <a:lnTo>
                    <a:pt x="6433" y="1484"/>
                  </a:lnTo>
                  <a:cubicBezTo>
                    <a:pt x="6363" y="1598"/>
                    <a:pt x="6292" y="1711"/>
                    <a:pt x="6222" y="1825"/>
                  </a:cubicBezTo>
                  <a:lnTo>
                    <a:pt x="6091" y="2028"/>
                  </a:lnTo>
                  <a:cubicBezTo>
                    <a:pt x="6070" y="2109"/>
                    <a:pt x="6049" y="2190"/>
                    <a:pt x="6027" y="2271"/>
                  </a:cubicBezTo>
                  <a:lnTo>
                    <a:pt x="6433" y="2401"/>
                  </a:lnTo>
                  <a:lnTo>
                    <a:pt x="6825" y="2595"/>
                  </a:lnTo>
                  <a:lnTo>
                    <a:pt x="6401" y="2798"/>
                  </a:lnTo>
                  <a:lnTo>
                    <a:pt x="6206" y="2701"/>
                  </a:lnTo>
                  <a:lnTo>
                    <a:pt x="5962" y="2660"/>
                  </a:lnTo>
                  <a:lnTo>
                    <a:pt x="5457" y="2749"/>
                  </a:lnTo>
                  <a:lnTo>
                    <a:pt x="4952" y="2595"/>
                  </a:lnTo>
                  <a:lnTo>
                    <a:pt x="4691" y="2603"/>
                  </a:lnTo>
                  <a:cubicBezTo>
                    <a:pt x="4740" y="2646"/>
                    <a:pt x="4788" y="2690"/>
                    <a:pt x="4837" y="2733"/>
                  </a:cubicBezTo>
                  <a:cubicBezTo>
                    <a:pt x="4821" y="2763"/>
                    <a:pt x="4805" y="2792"/>
                    <a:pt x="4789" y="2822"/>
                  </a:cubicBezTo>
                  <a:lnTo>
                    <a:pt x="5310" y="3025"/>
                  </a:lnTo>
                  <a:lnTo>
                    <a:pt x="5586" y="2928"/>
                  </a:lnTo>
                  <a:lnTo>
                    <a:pt x="5962" y="3114"/>
                  </a:lnTo>
                  <a:lnTo>
                    <a:pt x="5750" y="3317"/>
                  </a:lnTo>
                  <a:lnTo>
                    <a:pt x="5440" y="3317"/>
                  </a:lnTo>
                  <a:lnTo>
                    <a:pt x="4854" y="3268"/>
                  </a:lnTo>
                  <a:cubicBezTo>
                    <a:pt x="4837" y="3225"/>
                    <a:pt x="4822" y="3182"/>
                    <a:pt x="4805" y="3139"/>
                  </a:cubicBezTo>
                  <a:lnTo>
                    <a:pt x="4496" y="3147"/>
                  </a:lnTo>
                  <a:lnTo>
                    <a:pt x="4317" y="3268"/>
                  </a:lnTo>
                  <a:lnTo>
                    <a:pt x="4007" y="3187"/>
                  </a:lnTo>
                  <a:cubicBezTo>
                    <a:pt x="4029" y="3130"/>
                    <a:pt x="4051" y="3074"/>
                    <a:pt x="4073" y="3017"/>
                  </a:cubicBezTo>
                  <a:lnTo>
                    <a:pt x="3632" y="2863"/>
                  </a:lnTo>
                  <a:lnTo>
                    <a:pt x="3551" y="2863"/>
                  </a:lnTo>
                  <a:cubicBezTo>
                    <a:pt x="3497" y="2822"/>
                    <a:pt x="3442" y="2782"/>
                    <a:pt x="3388" y="2741"/>
                  </a:cubicBezTo>
                  <a:lnTo>
                    <a:pt x="3551" y="2636"/>
                  </a:lnTo>
                  <a:lnTo>
                    <a:pt x="3275" y="2433"/>
                  </a:lnTo>
                  <a:lnTo>
                    <a:pt x="2932" y="2384"/>
                  </a:lnTo>
                  <a:lnTo>
                    <a:pt x="2656" y="2336"/>
                  </a:lnTo>
                  <a:cubicBezTo>
                    <a:pt x="2618" y="2306"/>
                    <a:pt x="2579" y="2277"/>
                    <a:pt x="2541" y="2247"/>
                  </a:cubicBezTo>
                  <a:lnTo>
                    <a:pt x="1939" y="2190"/>
                  </a:lnTo>
                  <a:lnTo>
                    <a:pt x="1792" y="2117"/>
                  </a:lnTo>
                  <a:lnTo>
                    <a:pt x="1532" y="2060"/>
                  </a:lnTo>
                  <a:lnTo>
                    <a:pt x="1695" y="1979"/>
                  </a:lnTo>
                  <a:lnTo>
                    <a:pt x="2021" y="2003"/>
                  </a:lnTo>
                  <a:lnTo>
                    <a:pt x="2183" y="2117"/>
                  </a:lnTo>
                  <a:lnTo>
                    <a:pt x="2460" y="2117"/>
                  </a:lnTo>
                  <a:lnTo>
                    <a:pt x="2949" y="2117"/>
                  </a:lnTo>
                  <a:lnTo>
                    <a:pt x="3128" y="2068"/>
                  </a:lnTo>
                  <a:lnTo>
                    <a:pt x="3551" y="2117"/>
                  </a:lnTo>
                  <a:lnTo>
                    <a:pt x="4105" y="2117"/>
                  </a:lnTo>
                  <a:cubicBezTo>
                    <a:pt x="4137" y="2117"/>
                    <a:pt x="4919" y="2084"/>
                    <a:pt x="4919" y="2084"/>
                  </a:cubicBezTo>
                  <a:lnTo>
                    <a:pt x="5750" y="1784"/>
                  </a:lnTo>
                  <a:lnTo>
                    <a:pt x="5750" y="1387"/>
                  </a:lnTo>
                  <a:lnTo>
                    <a:pt x="5424" y="1176"/>
                  </a:lnTo>
                  <a:lnTo>
                    <a:pt x="5066" y="1030"/>
                  </a:lnTo>
                  <a:lnTo>
                    <a:pt x="4496" y="981"/>
                  </a:lnTo>
                  <a:lnTo>
                    <a:pt x="4088" y="981"/>
                  </a:lnTo>
                  <a:lnTo>
                    <a:pt x="3681" y="981"/>
                  </a:lnTo>
                  <a:lnTo>
                    <a:pt x="3144" y="803"/>
                  </a:lnTo>
                  <a:lnTo>
                    <a:pt x="2460" y="738"/>
                  </a:lnTo>
                  <a:lnTo>
                    <a:pt x="2004" y="762"/>
                  </a:lnTo>
                  <a:lnTo>
                    <a:pt x="1418" y="787"/>
                  </a:lnTo>
                  <a:lnTo>
                    <a:pt x="1304" y="860"/>
                  </a:lnTo>
                  <a:cubicBezTo>
                    <a:pt x="1266" y="847"/>
                    <a:pt x="1254" y="725"/>
                    <a:pt x="1194" y="709"/>
                  </a:cubicBezTo>
                  <a:cubicBezTo>
                    <a:pt x="1134" y="693"/>
                    <a:pt x="1021" y="768"/>
                    <a:pt x="942" y="763"/>
                  </a:cubicBezTo>
                  <a:cubicBezTo>
                    <a:pt x="863" y="758"/>
                    <a:pt x="780" y="654"/>
                    <a:pt x="720" y="678"/>
                  </a:cubicBezTo>
                  <a:cubicBezTo>
                    <a:pt x="661" y="703"/>
                    <a:pt x="671" y="831"/>
                    <a:pt x="585" y="910"/>
                  </a:cubicBezTo>
                  <a:cubicBezTo>
                    <a:pt x="499" y="989"/>
                    <a:pt x="276" y="1074"/>
                    <a:pt x="204" y="1154"/>
                  </a:cubicBezTo>
                  <a:cubicBezTo>
                    <a:pt x="131" y="1234"/>
                    <a:pt x="151" y="1325"/>
                    <a:pt x="150" y="1389"/>
                  </a:cubicBezTo>
                  <a:cubicBezTo>
                    <a:pt x="149" y="1453"/>
                    <a:pt x="206" y="1500"/>
                    <a:pt x="195" y="1540"/>
                  </a:cubicBezTo>
                  <a:cubicBezTo>
                    <a:pt x="185" y="1580"/>
                    <a:pt x="122" y="1597"/>
                    <a:pt x="89" y="1628"/>
                  </a:cubicBezTo>
                  <a:cubicBezTo>
                    <a:pt x="57" y="1659"/>
                    <a:pt x="-8" y="1699"/>
                    <a:pt x="1" y="1727"/>
                  </a:cubicBezTo>
                  <a:cubicBezTo>
                    <a:pt x="10" y="1755"/>
                    <a:pt x="99" y="1776"/>
                    <a:pt x="148" y="1800"/>
                  </a:cubicBezTo>
                  <a:lnTo>
                    <a:pt x="441" y="1833"/>
                  </a:lnTo>
                  <a:cubicBezTo>
                    <a:pt x="473" y="1879"/>
                    <a:pt x="506" y="1925"/>
                    <a:pt x="538" y="1971"/>
                  </a:cubicBezTo>
                  <a:lnTo>
                    <a:pt x="327" y="2376"/>
                  </a:lnTo>
                  <a:lnTo>
                    <a:pt x="538" y="2457"/>
                  </a:lnTo>
                  <a:lnTo>
                    <a:pt x="1353" y="2879"/>
                  </a:lnTo>
                  <a:lnTo>
                    <a:pt x="1125" y="2976"/>
                  </a:lnTo>
                  <a:lnTo>
                    <a:pt x="1125" y="3179"/>
                  </a:lnTo>
                  <a:lnTo>
                    <a:pt x="1353" y="3220"/>
                  </a:lnTo>
                  <a:cubicBezTo>
                    <a:pt x="1331" y="3258"/>
                    <a:pt x="1309" y="3295"/>
                    <a:pt x="1287" y="3333"/>
                  </a:cubicBezTo>
                  <a:lnTo>
                    <a:pt x="1467" y="3398"/>
                  </a:lnTo>
                  <a:lnTo>
                    <a:pt x="1646" y="3366"/>
                  </a:lnTo>
                  <a:lnTo>
                    <a:pt x="1679" y="3528"/>
                  </a:lnTo>
                  <a:lnTo>
                    <a:pt x="1825" y="3609"/>
                  </a:lnTo>
                  <a:lnTo>
                    <a:pt x="2021" y="3577"/>
                  </a:lnTo>
                  <a:lnTo>
                    <a:pt x="2167" y="3715"/>
                  </a:lnTo>
                  <a:cubicBezTo>
                    <a:pt x="2123" y="3793"/>
                    <a:pt x="2080" y="3872"/>
                    <a:pt x="2036" y="3950"/>
                  </a:cubicBezTo>
                  <a:lnTo>
                    <a:pt x="3014" y="4193"/>
                  </a:lnTo>
                  <a:cubicBezTo>
                    <a:pt x="3019" y="4328"/>
                    <a:pt x="3025" y="4464"/>
                    <a:pt x="3031" y="4599"/>
                  </a:cubicBezTo>
                  <a:lnTo>
                    <a:pt x="2526" y="5239"/>
                  </a:lnTo>
                  <a:lnTo>
                    <a:pt x="1988" y="5677"/>
                  </a:lnTo>
                  <a:lnTo>
                    <a:pt x="2265" y="5612"/>
                  </a:lnTo>
                  <a:cubicBezTo>
                    <a:pt x="2287" y="5663"/>
                    <a:pt x="2309" y="5715"/>
                    <a:pt x="2330" y="5766"/>
                  </a:cubicBezTo>
                  <a:lnTo>
                    <a:pt x="2656" y="5839"/>
                  </a:lnTo>
                  <a:lnTo>
                    <a:pt x="3112" y="5775"/>
                  </a:lnTo>
                  <a:cubicBezTo>
                    <a:pt x="3112" y="5775"/>
                    <a:pt x="3519" y="5864"/>
                    <a:pt x="3551" y="5864"/>
                  </a:cubicBezTo>
                  <a:cubicBezTo>
                    <a:pt x="3568" y="5872"/>
                    <a:pt x="3551" y="5994"/>
                    <a:pt x="3551" y="5994"/>
                  </a:cubicBezTo>
                  <a:lnTo>
                    <a:pt x="2785" y="5969"/>
                  </a:lnTo>
                  <a:lnTo>
                    <a:pt x="2656" y="6091"/>
                  </a:lnTo>
                  <a:lnTo>
                    <a:pt x="2265" y="6172"/>
                  </a:lnTo>
                  <a:cubicBezTo>
                    <a:pt x="2292" y="6204"/>
                    <a:pt x="2319" y="6237"/>
                    <a:pt x="2346" y="6269"/>
                  </a:cubicBezTo>
                  <a:lnTo>
                    <a:pt x="2428" y="6326"/>
                  </a:lnTo>
                  <a:lnTo>
                    <a:pt x="2248" y="6415"/>
                  </a:lnTo>
                  <a:cubicBezTo>
                    <a:pt x="2265" y="6456"/>
                    <a:pt x="2281" y="6496"/>
                    <a:pt x="2297" y="6537"/>
                  </a:cubicBezTo>
                  <a:lnTo>
                    <a:pt x="2102" y="6642"/>
                  </a:lnTo>
                  <a:cubicBezTo>
                    <a:pt x="2134" y="6691"/>
                    <a:pt x="2167" y="6739"/>
                    <a:pt x="2199" y="6788"/>
                  </a:cubicBezTo>
                  <a:lnTo>
                    <a:pt x="2395" y="6821"/>
                  </a:lnTo>
                  <a:lnTo>
                    <a:pt x="2314" y="6983"/>
                  </a:lnTo>
                  <a:lnTo>
                    <a:pt x="2541" y="7015"/>
                  </a:lnTo>
                  <a:cubicBezTo>
                    <a:pt x="2580" y="7058"/>
                    <a:pt x="2617" y="7102"/>
                    <a:pt x="2656" y="7145"/>
                  </a:cubicBezTo>
                  <a:lnTo>
                    <a:pt x="2526" y="7202"/>
                  </a:lnTo>
                  <a:cubicBezTo>
                    <a:pt x="2531" y="7234"/>
                    <a:pt x="2536" y="7267"/>
                    <a:pt x="2541" y="7299"/>
                  </a:cubicBezTo>
                  <a:cubicBezTo>
                    <a:pt x="2579" y="7329"/>
                    <a:pt x="2618" y="7358"/>
                    <a:pt x="2656" y="7388"/>
                  </a:cubicBezTo>
                  <a:lnTo>
                    <a:pt x="3031" y="7486"/>
                  </a:lnTo>
                  <a:lnTo>
                    <a:pt x="2900" y="7575"/>
                  </a:lnTo>
                  <a:lnTo>
                    <a:pt x="3031" y="7737"/>
                  </a:lnTo>
                  <a:lnTo>
                    <a:pt x="3161" y="7737"/>
                  </a:lnTo>
                  <a:lnTo>
                    <a:pt x="3258" y="7810"/>
                  </a:lnTo>
                  <a:lnTo>
                    <a:pt x="3551" y="7908"/>
                  </a:lnTo>
                  <a:lnTo>
                    <a:pt x="3551" y="7997"/>
                  </a:lnTo>
                  <a:lnTo>
                    <a:pt x="3844" y="7972"/>
                  </a:lnTo>
                  <a:lnTo>
                    <a:pt x="4366" y="7972"/>
                  </a:lnTo>
                  <a:lnTo>
                    <a:pt x="4512" y="8167"/>
                  </a:lnTo>
                  <a:lnTo>
                    <a:pt x="4952" y="7972"/>
                  </a:lnTo>
                  <a:lnTo>
                    <a:pt x="5554" y="8078"/>
                  </a:lnTo>
                  <a:cubicBezTo>
                    <a:pt x="5598" y="8148"/>
                    <a:pt x="5641" y="8219"/>
                    <a:pt x="5684" y="8289"/>
                  </a:cubicBezTo>
                  <a:lnTo>
                    <a:pt x="5684" y="8467"/>
                  </a:lnTo>
                  <a:cubicBezTo>
                    <a:pt x="5684" y="8491"/>
                    <a:pt x="5962" y="8483"/>
                    <a:pt x="5962" y="8483"/>
                  </a:cubicBezTo>
                  <a:lnTo>
                    <a:pt x="6076" y="8581"/>
                  </a:lnTo>
                  <a:lnTo>
                    <a:pt x="6401" y="8710"/>
                  </a:lnTo>
                  <a:lnTo>
                    <a:pt x="6792" y="8759"/>
                  </a:lnTo>
                  <a:cubicBezTo>
                    <a:pt x="6797" y="8802"/>
                    <a:pt x="6803" y="8846"/>
                    <a:pt x="6808" y="8889"/>
                  </a:cubicBezTo>
                  <a:lnTo>
                    <a:pt x="7264" y="8856"/>
                  </a:lnTo>
                  <a:lnTo>
                    <a:pt x="7606" y="9027"/>
                  </a:lnTo>
                  <a:lnTo>
                    <a:pt x="7492" y="9238"/>
                  </a:lnTo>
                  <a:lnTo>
                    <a:pt x="6792" y="9238"/>
                  </a:lnTo>
                  <a:lnTo>
                    <a:pt x="6678" y="9343"/>
                  </a:lnTo>
                  <a:lnTo>
                    <a:pt x="7020" y="9424"/>
                  </a:lnTo>
                  <a:cubicBezTo>
                    <a:pt x="7037" y="9481"/>
                    <a:pt x="7052" y="9537"/>
                    <a:pt x="7069" y="9594"/>
                  </a:cubicBezTo>
                  <a:lnTo>
                    <a:pt x="7362" y="9805"/>
                  </a:lnTo>
                  <a:lnTo>
                    <a:pt x="7753" y="9813"/>
                  </a:lnTo>
                  <a:cubicBezTo>
                    <a:pt x="7758" y="9762"/>
                    <a:pt x="7764" y="9710"/>
                    <a:pt x="7769" y="9659"/>
                  </a:cubicBezTo>
                  <a:lnTo>
                    <a:pt x="8404" y="9521"/>
                  </a:lnTo>
                  <a:cubicBezTo>
                    <a:pt x="8404" y="9521"/>
                    <a:pt x="8941" y="9497"/>
                    <a:pt x="9023" y="9521"/>
                  </a:cubicBezTo>
                  <a:cubicBezTo>
                    <a:pt x="9104" y="9554"/>
                    <a:pt x="9527" y="9659"/>
                    <a:pt x="9527" y="9659"/>
                  </a:cubicBezTo>
                  <a:lnTo>
                    <a:pt x="9251" y="9789"/>
                  </a:lnTo>
                  <a:lnTo>
                    <a:pt x="9609" y="10000"/>
                  </a:lnTo>
                  <a:lnTo>
                    <a:pt x="10000" y="9951"/>
                  </a:lnTo>
                  <a:lnTo>
                    <a:pt x="10000" y="0"/>
                  </a:lnTo>
                  <a:lnTo>
                    <a:pt x="8372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754782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>
            <a:grpSpLocks/>
          </p:cNvGrpSpPr>
          <p:nvPr/>
        </p:nvGrpSpPr>
        <p:grpSpPr>
          <a:xfrm>
            <a:off x="693684" y="550407"/>
            <a:ext cx="11280710" cy="6030276"/>
            <a:chOff x="376238" y="1816693"/>
            <a:chExt cx="8281393" cy="4426945"/>
          </a:xfrm>
          <a:solidFill>
            <a:schemeClr val="accent3"/>
          </a:solidFill>
        </p:grpSpPr>
        <p:sp>
          <p:nvSpPr>
            <p:cNvPr id="4" name="Freeform 217"/>
            <p:cNvSpPr>
              <a:spLocks noEditPoints="1"/>
            </p:cNvSpPr>
            <p:nvPr>
              <p:custDataLst>
                <p:tags r:id="rId197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5" name="Freeform 441"/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6" name="Freeform 441"/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7" name="Freeform 4"/>
            <p:cNvSpPr>
              <a:spLocks/>
            </p:cNvSpPr>
            <p:nvPr>
              <p:custDataLst>
                <p:tags r:id="rId200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" name="Freeform 5"/>
            <p:cNvSpPr>
              <a:spLocks noEditPoints="1"/>
            </p:cNvSpPr>
            <p:nvPr>
              <p:custDataLst>
                <p:tags r:id="rId201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" name="Freeform 6"/>
            <p:cNvSpPr>
              <a:spLocks noEditPoints="1"/>
            </p:cNvSpPr>
            <p:nvPr>
              <p:custDataLst>
                <p:tags r:id="rId202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" name="Freeform 7"/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" name="Freeform 8"/>
            <p:cNvSpPr>
              <a:spLocks noEditPoints="1"/>
            </p:cNvSpPr>
            <p:nvPr>
              <p:custDataLst>
                <p:tags r:id="rId204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" name="Freeform 9"/>
            <p:cNvSpPr>
              <a:spLocks/>
            </p:cNvSpPr>
            <p:nvPr>
              <p:custDataLst>
                <p:tags r:id="rId205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" name="Freeform 10"/>
            <p:cNvSpPr>
              <a:spLocks noEditPoints="1"/>
            </p:cNvSpPr>
            <p:nvPr>
              <p:custDataLst>
                <p:tags r:id="rId206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" name="Freeform 11"/>
            <p:cNvSpPr>
              <a:spLocks/>
            </p:cNvSpPr>
            <p:nvPr>
              <p:custDataLst>
                <p:tags r:id="rId207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" name="Freeform 12"/>
            <p:cNvSpPr>
              <a:spLocks noEditPoints="1"/>
            </p:cNvSpPr>
            <p:nvPr>
              <p:custDataLst>
                <p:tags r:id="rId208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" name="Freeform 13"/>
            <p:cNvSpPr>
              <a:spLocks/>
            </p:cNvSpPr>
            <p:nvPr>
              <p:custDataLst>
                <p:tags r:id="rId209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" name="Freeform 14"/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" name="Freeform 15"/>
            <p:cNvSpPr>
              <a:spLocks/>
            </p:cNvSpPr>
            <p:nvPr>
              <p:custDataLst>
                <p:tags r:id="rId211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" name="Freeform 16"/>
            <p:cNvSpPr>
              <a:spLocks noEditPoints="1"/>
            </p:cNvSpPr>
            <p:nvPr>
              <p:custDataLst>
                <p:tags r:id="rId212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" name="Freeform 17"/>
            <p:cNvSpPr>
              <a:spLocks noEditPoints="1"/>
            </p:cNvSpPr>
            <p:nvPr>
              <p:custDataLst>
                <p:tags r:id="rId213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" name="Freeform 18"/>
            <p:cNvSpPr>
              <a:spLocks noEditPoints="1"/>
            </p:cNvSpPr>
            <p:nvPr>
              <p:custDataLst>
                <p:tags r:id="rId214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2" name="Freeform 19"/>
            <p:cNvSpPr>
              <a:spLocks/>
            </p:cNvSpPr>
            <p:nvPr>
              <p:custDataLst>
                <p:tags r:id="rId215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3" name="Freeform 20"/>
            <p:cNvSpPr>
              <a:spLocks noEditPoints="1"/>
            </p:cNvSpPr>
            <p:nvPr>
              <p:custDataLst>
                <p:tags r:id="rId216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4" name="Freeform 21"/>
            <p:cNvSpPr>
              <a:spLocks noEditPoints="1"/>
            </p:cNvSpPr>
            <p:nvPr>
              <p:custDataLst>
                <p:tags r:id="rId217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5" name="Freeform 22"/>
            <p:cNvSpPr>
              <a:spLocks/>
            </p:cNvSpPr>
            <p:nvPr>
              <p:custDataLst>
                <p:tags r:id="rId218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6" name="Freeform 23"/>
            <p:cNvSpPr>
              <a:spLocks/>
            </p:cNvSpPr>
            <p:nvPr>
              <p:custDataLst>
                <p:tags r:id="rId219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7" name="Freeform 24"/>
            <p:cNvSpPr>
              <a:spLocks noEditPoints="1"/>
            </p:cNvSpPr>
            <p:nvPr>
              <p:custDataLst>
                <p:tags r:id="rId220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8" name="Freeform 25"/>
            <p:cNvSpPr>
              <a:spLocks/>
            </p:cNvSpPr>
            <p:nvPr>
              <p:custDataLst>
                <p:tags r:id="rId221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9" name="Freeform 26"/>
            <p:cNvSpPr>
              <a:spLocks/>
            </p:cNvSpPr>
            <p:nvPr>
              <p:custDataLst>
                <p:tags r:id="rId222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0" name="Freeform 27"/>
            <p:cNvSpPr>
              <a:spLocks/>
            </p:cNvSpPr>
            <p:nvPr>
              <p:custDataLst>
                <p:tags r:id="rId223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1" name="Freeform 28"/>
            <p:cNvSpPr>
              <a:spLocks noEditPoints="1"/>
            </p:cNvSpPr>
            <p:nvPr>
              <p:custDataLst>
                <p:tags r:id="rId224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2" name="Freeform 29"/>
            <p:cNvSpPr>
              <a:spLocks noEditPoints="1"/>
            </p:cNvSpPr>
            <p:nvPr>
              <p:custDataLst>
                <p:tags r:id="rId225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3" name="Freeform 30"/>
            <p:cNvSpPr>
              <a:spLocks/>
            </p:cNvSpPr>
            <p:nvPr>
              <p:custDataLst>
                <p:tags r:id="rId226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4" name="Freeform 31"/>
            <p:cNvSpPr>
              <a:spLocks noEditPoints="1"/>
            </p:cNvSpPr>
            <p:nvPr>
              <p:custDataLst>
                <p:tags r:id="rId227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5" name="Freeform 32"/>
            <p:cNvSpPr>
              <a:spLocks/>
            </p:cNvSpPr>
            <p:nvPr>
              <p:custDataLst>
                <p:tags r:id="rId228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6" name="Freeform 33"/>
            <p:cNvSpPr>
              <a:spLocks/>
            </p:cNvSpPr>
            <p:nvPr>
              <p:custDataLst>
                <p:tags r:id="rId229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7" name="Freeform 34"/>
            <p:cNvSpPr>
              <a:spLocks noEditPoints="1"/>
            </p:cNvSpPr>
            <p:nvPr>
              <p:custDataLst>
                <p:tags r:id="rId230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8" name="Freeform 35"/>
            <p:cNvSpPr>
              <a:spLocks/>
            </p:cNvSpPr>
            <p:nvPr>
              <p:custDataLst>
                <p:tags r:id="rId231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9" name="Freeform 36"/>
            <p:cNvSpPr>
              <a:spLocks noEditPoints="1"/>
            </p:cNvSpPr>
            <p:nvPr>
              <p:custDataLst>
                <p:tags r:id="rId232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0" name="Freeform 37"/>
            <p:cNvSpPr>
              <a:spLocks noEditPoints="1"/>
            </p:cNvSpPr>
            <p:nvPr>
              <p:custDataLst>
                <p:tags r:id="rId233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1" name="Freeform 38"/>
            <p:cNvSpPr>
              <a:spLocks/>
            </p:cNvSpPr>
            <p:nvPr>
              <p:custDataLst>
                <p:tags r:id="rId234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2" name="Freeform 39"/>
            <p:cNvSpPr>
              <a:spLocks noEditPoints="1"/>
            </p:cNvSpPr>
            <p:nvPr>
              <p:custDataLst>
                <p:tags r:id="rId235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3" name="Freeform 40"/>
            <p:cNvSpPr>
              <a:spLocks/>
            </p:cNvSpPr>
            <p:nvPr>
              <p:custDataLst>
                <p:tags r:id="rId236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4" name="Freeform 41"/>
            <p:cNvSpPr>
              <a:spLocks noEditPoints="1"/>
            </p:cNvSpPr>
            <p:nvPr>
              <p:custDataLst>
                <p:tags r:id="rId237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5" name="Freeform 42"/>
            <p:cNvSpPr>
              <a:spLocks noEditPoints="1"/>
            </p:cNvSpPr>
            <p:nvPr>
              <p:custDataLst>
                <p:tags r:id="rId238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6" name="Freeform 43"/>
            <p:cNvSpPr>
              <a:spLocks noEditPoints="1"/>
            </p:cNvSpPr>
            <p:nvPr>
              <p:custDataLst>
                <p:tags r:id="rId239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7" name="Freeform 44"/>
            <p:cNvSpPr>
              <a:spLocks/>
            </p:cNvSpPr>
            <p:nvPr>
              <p:custDataLst>
                <p:tags r:id="rId240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8" name="Freeform 45"/>
            <p:cNvSpPr>
              <a:spLocks/>
            </p:cNvSpPr>
            <p:nvPr>
              <p:custDataLst>
                <p:tags r:id="rId241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9" name="Freeform 46"/>
            <p:cNvSpPr>
              <a:spLocks noEditPoints="1"/>
            </p:cNvSpPr>
            <p:nvPr>
              <p:custDataLst>
                <p:tags r:id="rId242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0" name="Freeform 47"/>
            <p:cNvSpPr>
              <a:spLocks noEditPoints="1"/>
            </p:cNvSpPr>
            <p:nvPr>
              <p:custDataLst>
                <p:tags r:id="rId243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1" name="Freeform 48"/>
            <p:cNvSpPr>
              <a:spLocks noEditPoints="1"/>
            </p:cNvSpPr>
            <p:nvPr>
              <p:custDataLst>
                <p:tags r:id="rId244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2" name="Freeform 49"/>
            <p:cNvSpPr>
              <a:spLocks/>
            </p:cNvSpPr>
            <p:nvPr>
              <p:custDataLst>
                <p:tags r:id="rId245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3" name="Freeform 50"/>
            <p:cNvSpPr>
              <a:spLocks noEditPoints="1"/>
            </p:cNvSpPr>
            <p:nvPr>
              <p:custDataLst>
                <p:tags r:id="rId246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4" name="Freeform 51"/>
            <p:cNvSpPr>
              <a:spLocks/>
            </p:cNvSpPr>
            <p:nvPr>
              <p:custDataLst>
                <p:tags r:id="rId247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5" name="Freeform 52"/>
            <p:cNvSpPr>
              <a:spLocks noEditPoints="1"/>
            </p:cNvSpPr>
            <p:nvPr>
              <p:custDataLst>
                <p:tags r:id="rId248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6" name="Freeform 53"/>
            <p:cNvSpPr>
              <a:spLocks noEditPoints="1"/>
            </p:cNvSpPr>
            <p:nvPr>
              <p:custDataLst>
                <p:tags r:id="rId249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7" name="Freeform 54"/>
            <p:cNvSpPr>
              <a:spLocks noEditPoints="1"/>
            </p:cNvSpPr>
            <p:nvPr>
              <p:custDataLst>
                <p:tags r:id="rId250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8" name="Freeform 55"/>
            <p:cNvSpPr>
              <a:spLocks/>
            </p:cNvSpPr>
            <p:nvPr>
              <p:custDataLst>
                <p:tags r:id="rId251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9" name="Freeform 56"/>
            <p:cNvSpPr>
              <a:spLocks noEditPoints="1"/>
            </p:cNvSpPr>
            <p:nvPr>
              <p:custDataLst>
                <p:tags r:id="rId252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0" name="Freeform 57"/>
            <p:cNvSpPr>
              <a:spLocks/>
            </p:cNvSpPr>
            <p:nvPr>
              <p:custDataLst>
                <p:tags r:id="rId253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1" name="Freeform 58"/>
            <p:cNvSpPr>
              <a:spLocks noEditPoints="1"/>
            </p:cNvSpPr>
            <p:nvPr>
              <p:custDataLst>
                <p:tags r:id="rId254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2" name="Freeform 59"/>
            <p:cNvSpPr>
              <a:spLocks/>
            </p:cNvSpPr>
            <p:nvPr>
              <p:custDataLst>
                <p:tags r:id="rId255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3" name="Freeform 60"/>
            <p:cNvSpPr>
              <a:spLocks noEditPoints="1"/>
            </p:cNvSpPr>
            <p:nvPr>
              <p:custDataLst>
                <p:tags r:id="rId256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4" name="Freeform 61"/>
            <p:cNvSpPr>
              <a:spLocks noEditPoints="1"/>
            </p:cNvSpPr>
            <p:nvPr>
              <p:custDataLst>
                <p:tags r:id="rId257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5" name="Freeform 62"/>
            <p:cNvSpPr>
              <a:spLocks/>
            </p:cNvSpPr>
            <p:nvPr>
              <p:custDataLst>
                <p:tags r:id="rId258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6" name="Freeform 63"/>
            <p:cNvSpPr>
              <a:spLocks noEditPoints="1"/>
            </p:cNvSpPr>
            <p:nvPr>
              <p:custDataLst>
                <p:tags r:id="rId259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7" name="Freeform 64"/>
            <p:cNvSpPr>
              <a:spLocks/>
            </p:cNvSpPr>
            <p:nvPr>
              <p:custDataLst>
                <p:tags r:id="rId260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8" name="Freeform 65"/>
            <p:cNvSpPr>
              <a:spLocks noEditPoints="1"/>
            </p:cNvSpPr>
            <p:nvPr>
              <p:custDataLst>
                <p:tags r:id="rId261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9" name="Freeform 66"/>
            <p:cNvSpPr>
              <a:spLocks noEditPoints="1"/>
            </p:cNvSpPr>
            <p:nvPr>
              <p:custDataLst>
                <p:tags r:id="rId262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0" name="Freeform 67"/>
            <p:cNvSpPr>
              <a:spLocks/>
            </p:cNvSpPr>
            <p:nvPr>
              <p:custDataLst>
                <p:tags r:id="rId263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1" name="Freeform 68"/>
            <p:cNvSpPr>
              <a:spLocks noEditPoints="1"/>
            </p:cNvSpPr>
            <p:nvPr>
              <p:custDataLst>
                <p:tags r:id="rId264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2" name="Freeform 69"/>
            <p:cNvSpPr>
              <a:spLocks noEditPoints="1"/>
            </p:cNvSpPr>
            <p:nvPr>
              <p:custDataLst>
                <p:tags r:id="rId265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3" name="Freeform 70"/>
            <p:cNvSpPr>
              <a:spLocks/>
            </p:cNvSpPr>
            <p:nvPr>
              <p:custDataLst>
                <p:tags r:id="rId266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4" name="Freeform 71"/>
            <p:cNvSpPr>
              <a:spLocks noEditPoints="1"/>
            </p:cNvSpPr>
            <p:nvPr>
              <p:custDataLst>
                <p:tags r:id="rId267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5" name="Freeform 72"/>
            <p:cNvSpPr>
              <a:spLocks noEditPoints="1"/>
            </p:cNvSpPr>
            <p:nvPr>
              <p:custDataLst>
                <p:tags r:id="rId268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6" name="Freeform 73"/>
            <p:cNvSpPr>
              <a:spLocks noEditPoints="1"/>
            </p:cNvSpPr>
            <p:nvPr>
              <p:custDataLst>
                <p:tags r:id="rId269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7" name="Freeform 74"/>
            <p:cNvSpPr>
              <a:spLocks noEditPoints="1"/>
            </p:cNvSpPr>
            <p:nvPr>
              <p:custDataLst>
                <p:tags r:id="rId270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8" name="Freeform 75"/>
            <p:cNvSpPr>
              <a:spLocks noEditPoints="1"/>
            </p:cNvSpPr>
            <p:nvPr>
              <p:custDataLst>
                <p:tags r:id="rId271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9" name="Freeform 76"/>
            <p:cNvSpPr>
              <a:spLocks noEditPoints="1"/>
            </p:cNvSpPr>
            <p:nvPr>
              <p:custDataLst>
                <p:tags r:id="rId272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0" name="Freeform 77"/>
            <p:cNvSpPr>
              <a:spLocks/>
            </p:cNvSpPr>
            <p:nvPr>
              <p:custDataLst>
                <p:tags r:id="rId273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1" name="Freeform 78"/>
            <p:cNvSpPr>
              <a:spLocks/>
            </p:cNvSpPr>
            <p:nvPr>
              <p:custDataLst>
                <p:tags r:id="rId274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2" name="Freeform 79"/>
            <p:cNvSpPr>
              <a:spLocks/>
            </p:cNvSpPr>
            <p:nvPr>
              <p:custDataLst>
                <p:tags r:id="rId275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3" name="Freeform 80"/>
            <p:cNvSpPr>
              <a:spLocks/>
            </p:cNvSpPr>
            <p:nvPr>
              <p:custDataLst>
                <p:tags r:id="rId276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4" name="Freeform 81"/>
            <p:cNvSpPr>
              <a:spLocks/>
            </p:cNvSpPr>
            <p:nvPr>
              <p:custDataLst>
                <p:tags r:id="rId277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5" name="Freeform 82"/>
            <p:cNvSpPr>
              <a:spLocks/>
            </p:cNvSpPr>
            <p:nvPr>
              <p:custDataLst>
                <p:tags r:id="rId278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6" name="Freeform 83"/>
            <p:cNvSpPr>
              <a:spLocks/>
            </p:cNvSpPr>
            <p:nvPr>
              <p:custDataLst>
                <p:tags r:id="rId279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7" name="Freeform 84"/>
            <p:cNvSpPr>
              <a:spLocks noEditPoints="1"/>
            </p:cNvSpPr>
            <p:nvPr>
              <p:custDataLst>
                <p:tags r:id="rId280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8" name="Freeform 85"/>
            <p:cNvSpPr>
              <a:spLocks/>
            </p:cNvSpPr>
            <p:nvPr>
              <p:custDataLst>
                <p:tags r:id="rId281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9" name="Denmark"/>
            <p:cNvSpPr>
              <a:spLocks noEditPoints="1"/>
            </p:cNvSpPr>
            <p:nvPr>
              <p:custDataLst>
                <p:tags r:id="rId282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4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0" name="Freeform 87"/>
            <p:cNvSpPr>
              <a:spLocks noEditPoints="1"/>
            </p:cNvSpPr>
            <p:nvPr>
              <p:custDataLst>
                <p:tags r:id="rId283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1" name="Freeform 88"/>
            <p:cNvSpPr>
              <a:spLocks noEditPoints="1"/>
            </p:cNvSpPr>
            <p:nvPr>
              <p:custDataLst>
                <p:tags r:id="rId284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2" name="Freeform 89"/>
            <p:cNvSpPr>
              <a:spLocks noEditPoints="1"/>
            </p:cNvSpPr>
            <p:nvPr>
              <p:custDataLst>
                <p:tags r:id="rId285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3" name="Freeform 90"/>
            <p:cNvSpPr>
              <a:spLocks noEditPoints="1"/>
            </p:cNvSpPr>
            <p:nvPr>
              <p:custDataLst>
                <p:tags r:id="rId286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4" name="Freeform 91"/>
            <p:cNvSpPr>
              <a:spLocks noEditPoints="1"/>
            </p:cNvSpPr>
            <p:nvPr>
              <p:custDataLst>
                <p:tags r:id="rId287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5" name="Freeform 92"/>
            <p:cNvSpPr>
              <a:spLocks noEditPoints="1"/>
            </p:cNvSpPr>
            <p:nvPr>
              <p:custDataLst>
                <p:tags r:id="rId288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6" name="Freeform 93"/>
            <p:cNvSpPr>
              <a:spLocks/>
            </p:cNvSpPr>
            <p:nvPr>
              <p:custDataLst>
                <p:tags r:id="rId289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7" name="Freeform 94"/>
            <p:cNvSpPr>
              <a:spLocks/>
            </p:cNvSpPr>
            <p:nvPr>
              <p:custDataLst>
                <p:tags r:id="rId290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8" name="Freeform 95"/>
            <p:cNvSpPr>
              <a:spLocks/>
            </p:cNvSpPr>
            <p:nvPr>
              <p:custDataLst>
                <p:tags r:id="rId291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9" name="Freeform 96"/>
            <p:cNvSpPr>
              <a:spLocks noEditPoints="1"/>
            </p:cNvSpPr>
            <p:nvPr>
              <p:custDataLst>
                <p:tags r:id="rId292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0" name="Freeform 97"/>
            <p:cNvSpPr>
              <a:spLocks/>
            </p:cNvSpPr>
            <p:nvPr>
              <p:custDataLst>
                <p:tags r:id="rId293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1" name="Freeform 98"/>
            <p:cNvSpPr>
              <a:spLocks noEditPoints="1"/>
            </p:cNvSpPr>
            <p:nvPr>
              <p:custDataLst>
                <p:tags r:id="rId294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2" name="Freeform 99"/>
            <p:cNvSpPr>
              <a:spLocks/>
            </p:cNvSpPr>
            <p:nvPr>
              <p:custDataLst>
                <p:tags r:id="rId295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3" name="Freeform 100"/>
            <p:cNvSpPr>
              <a:spLocks/>
            </p:cNvSpPr>
            <p:nvPr>
              <p:custDataLst>
                <p:tags r:id="rId296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4" name="Freeform 101"/>
            <p:cNvSpPr>
              <a:spLocks noEditPoints="1"/>
            </p:cNvSpPr>
            <p:nvPr>
              <p:custDataLst>
                <p:tags r:id="rId297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5" name="Freeform 102"/>
            <p:cNvSpPr>
              <a:spLocks/>
            </p:cNvSpPr>
            <p:nvPr>
              <p:custDataLst>
                <p:tags r:id="rId298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6" name="Freeform 103"/>
            <p:cNvSpPr>
              <a:spLocks/>
            </p:cNvSpPr>
            <p:nvPr>
              <p:custDataLst>
                <p:tags r:id="rId299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7" name="Freeform 104"/>
            <p:cNvSpPr>
              <a:spLocks/>
            </p:cNvSpPr>
            <p:nvPr>
              <p:custDataLst>
                <p:tags r:id="rId300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8" name="Freeform 105"/>
            <p:cNvSpPr>
              <a:spLocks noEditPoints="1"/>
            </p:cNvSpPr>
            <p:nvPr>
              <p:custDataLst>
                <p:tags r:id="rId301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9" name="Freeform 106"/>
            <p:cNvSpPr>
              <a:spLocks noEditPoints="1"/>
            </p:cNvSpPr>
            <p:nvPr>
              <p:custDataLst>
                <p:tags r:id="rId302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0" name="Freeform 107"/>
            <p:cNvSpPr>
              <a:spLocks/>
            </p:cNvSpPr>
            <p:nvPr>
              <p:custDataLst>
                <p:tags r:id="rId303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1" name="Freeform 108"/>
            <p:cNvSpPr>
              <a:spLocks/>
            </p:cNvSpPr>
            <p:nvPr>
              <p:custDataLst>
                <p:tags r:id="rId304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2" name="Freeform 109"/>
            <p:cNvSpPr>
              <a:spLocks/>
            </p:cNvSpPr>
            <p:nvPr>
              <p:custDataLst>
                <p:tags r:id="rId305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3" name="Freeform 110"/>
            <p:cNvSpPr>
              <a:spLocks/>
            </p:cNvSpPr>
            <p:nvPr>
              <p:custDataLst>
                <p:tags r:id="rId306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4" name="Freeform 111"/>
            <p:cNvSpPr>
              <a:spLocks/>
            </p:cNvSpPr>
            <p:nvPr>
              <p:custDataLst>
                <p:tags r:id="rId307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5" name="Freeform 112"/>
            <p:cNvSpPr>
              <a:spLocks noEditPoints="1"/>
            </p:cNvSpPr>
            <p:nvPr>
              <p:custDataLst>
                <p:tags r:id="rId308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6" name="Freeform 113"/>
            <p:cNvSpPr>
              <a:spLocks noEditPoints="1"/>
            </p:cNvSpPr>
            <p:nvPr>
              <p:custDataLst>
                <p:tags r:id="rId309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7" name="Freeform 114"/>
            <p:cNvSpPr>
              <a:spLocks noEditPoints="1"/>
            </p:cNvSpPr>
            <p:nvPr>
              <p:custDataLst>
                <p:tags r:id="rId310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8" name="Freeform 115"/>
            <p:cNvSpPr>
              <a:spLocks/>
            </p:cNvSpPr>
            <p:nvPr>
              <p:custDataLst>
                <p:tags r:id="rId311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9" name="Freeform 116"/>
            <p:cNvSpPr>
              <a:spLocks noEditPoints="1"/>
            </p:cNvSpPr>
            <p:nvPr>
              <p:custDataLst>
                <p:tags r:id="rId312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0" name="Freeform 117"/>
            <p:cNvSpPr>
              <a:spLocks/>
            </p:cNvSpPr>
            <p:nvPr>
              <p:custDataLst>
                <p:tags r:id="rId313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1" name="Freeform 118"/>
            <p:cNvSpPr>
              <a:spLocks noEditPoints="1"/>
            </p:cNvSpPr>
            <p:nvPr>
              <p:custDataLst>
                <p:tags r:id="rId314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2" name="Freeform 119"/>
            <p:cNvSpPr>
              <a:spLocks/>
            </p:cNvSpPr>
            <p:nvPr>
              <p:custDataLst>
                <p:tags r:id="rId315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3" name="Freeform 120"/>
            <p:cNvSpPr>
              <a:spLocks/>
            </p:cNvSpPr>
            <p:nvPr>
              <p:custDataLst>
                <p:tags r:id="rId316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4" name="Freeform 121"/>
            <p:cNvSpPr>
              <a:spLocks/>
            </p:cNvSpPr>
            <p:nvPr>
              <p:custDataLst>
                <p:tags r:id="rId317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5" name="Freeform 122"/>
            <p:cNvSpPr>
              <a:spLocks/>
            </p:cNvSpPr>
            <p:nvPr>
              <p:custDataLst>
                <p:tags r:id="rId318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6" name="Freeform 123"/>
            <p:cNvSpPr>
              <a:spLocks/>
            </p:cNvSpPr>
            <p:nvPr>
              <p:custDataLst>
                <p:tags r:id="rId319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7" name="Freeform 124"/>
            <p:cNvSpPr>
              <a:spLocks noEditPoints="1"/>
            </p:cNvSpPr>
            <p:nvPr>
              <p:custDataLst>
                <p:tags r:id="rId320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8" name="Freeform 125"/>
            <p:cNvSpPr>
              <a:spLocks/>
            </p:cNvSpPr>
            <p:nvPr>
              <p:custDataLst>
                <p:tags r:id="rId321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9" name="Freeform 126"/>
            <p:cNvSpPr>
              <a:spLocks/>
            </p:cNvSpPr>
            <p:nvPr>
              <p:custDataLst>
                <p:tags r:id="rId322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0" name="Freeform 127"/>
            <p:cNvSpPr>
              <a:spLocks noEditPoints="1"/>
            </p:cNvSpPr>
            <p:nvPr>
              <p:custDataLst>
                <p:tags r:id="rId323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1" name="Freeform 128"/>
            <p:cNvSpPr>
              <a:spLocks/>
            </p:cNvSpPr>
            <p:nvPr>
              <p:custDataLst>
                <p:tags r:id="rId324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2" name="Freeform 129"/>
            <p:cNvSpPr>
              <a:spLocks/>
            </p:cNvSpPr>
            <p:nvPr>
              <p:custDataLst>
                <p:tags r:id="rId325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3" name="Freeform 130"/>
            <p:cNvSpPr>
              <a:spLocks noEditPoints="1"/>
            </p:cNvSpPr>
            <p:nvPr>
              <p:custDataLst>
                <p:tags r:id="rId326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4" name="Freeform 131"/>
            <p:cNvSpPr>
              <a:spLocks/>
            </p:cNvSpPr>
            <p:nvPr>
              <p:custDataLst>
                <p:tags r:id="rId327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5" name="Freeform 132"/>
            <p:cNvSpPr>
              <a:spLocks/>
            </p:cNvSpPr>
            <p:nvPr>
              <p:custDataLst>
                <p:tags r:id="rId328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6" name="Freeform 133"/>
            <p:cNvSpPr>
              <a:spLocks noEditPoints="1"/>
            </p:cNvSpPr>
            <p:nvPr>
              <p:custDataLst>
                <p:tags r:id="rId329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7" name="Freeform 134"/>
            <p:cNvSpPr>
              <a:spLocks noEditPoints="1"/>
            </p:cNvSpPr>
            <p:nvPr>
              <p:custDataLst>
                <p:tags r:id="rId330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8" name="Freeform 135"/>
            <p:cNvSpPr>
              <a:spLocks/>
            </p:cNvSpPr>
            <p:nvPr>
              <p:custDataLst>
                <p:tags r:id="rId331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9" name="Freeform 136"/>
            <p:cNvSpPr>
              <a:spLocks noEditPoints="1"/>
            </p:cNvSpPr>
            <p:nvPr>
              <p:custDataLst>
                <p:tags r:id="rId332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0" name="Freeform 137"/>
            <p:cNvSpPr>
              <a:spLocks/>
            </p:cNvSpPr>
            <p:nvPr>
              <p:custDataLst>
                <p:tags r:id="rId333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1" name="Freeform 138"/>
            <p:cNvSpPr>
              <a:spLocks/>
            </p:cNvSpPr>
            <p:nvPr>
              <p:custDataLst>
                <p:tags r:id="rId334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2" name="Freeform 139"/>
            <p:cNvSpPr>
              <a:spLocks noEditPoints="1"/>
            </p:cNvSpPr>
            <p:nvPr>
              <p:custDataLst>
                <p:tags r:id="rId335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3" name="Freeform 140"/>
            <p:cNvSpPr>
              <a:spLocks noEditPoints="1"/>
            </p:cNvSpPr>
            <p:nvPr>
              <p:custDataLst>
                <p:tags r:id="rId336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4" name="Freeform 141"/>
            <p:cNvSpPr>
              <a:spLocks/>
            </p:cNvSpPr>
            <p:nvPr>
              <p:custDataLst>
                <p:tags r:id="rId337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5" name="Freeform 142"/>
            <p:cNvSpPr>
              <a:spLocks/>
            </p:cNvSpPr>
            <p:nvPr>
              <p:custDataLst>
                <p:tags r:id="rId338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6" name="Freeform 143"/>
            <p:cNvSpPr>
              <a:spLocks/>
            </p:cNvSpPr>
            <p:nvPr>
              <p:custDataLst>
                <p:tags r:id="rId339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7" name="Freeform 144"/>
            <p:cNvSpPr>
              <a:spLocks noEditPoints="1"/>
            </p:cNvSpPr>
            <p:nvPr>
              <p:custDataLst>
                <p:tags r:id="rId340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8" name="Freeform 145"/>
            <p:cNvSpPr>
              <a:spLocks noEditPoints="1"/>
            </p:cNvSpPr>
            <p:nvPr>
              <p:custDataLst>
                <p:tags r:id="rId341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9" name="Freeform 146"/>
            <p:cNvSpPr>
              <a:spLocks/>
            </p:cNvSpPr>
            <p:nvPr>
              <p:custDataLst>
                <p:tags r:id="rId342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0" name="Freeform 147"/>
            <p:cNvSpPr>
              <a:spLocks noEditPoints="1"/>
            </p:cNvSpPr>
            <p:nvPr>
              <p:custDataLst>
                <p:tags r:id="rId343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1" name="Freeform 148"/>
            <p:cNvSpPr>
              <a:spLocks/>
            </p:cNvSpPr>
            <p:nvPr>
              <p:custDataLst>
                <p:tags r:id="rId344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2" name="Freeform 149"/>
            <p:cNvSpPr>
              <a:spLocks noEditPoints="1"/>
            </p:cNvSpPr>
            <p:nvPr>
              <p:custDataLst>
                <p:tags r:id="rId345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3" name="Freeform 150"/>
            <p:cNvSpPr>
              <a:spLocks/>
            </p:cNvSpPr>
            <p:nvPr>
              <p:custDataLst>
                <p:tags r:id="rId346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4" name="Freeform 151"/>
            <p:cNvSpPr>
              <a:spLocks/>
            </p:cNvSpPr>
            <p:nvPr>
              <p:custDataLst>
                <p:tags r:id="rId347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5" name="Freeform 152"/>
            <p:cNvSpPr>
              <a:spLocks noEditPoints="1"/>
            </p:cNvSpPr>
            <p:nvPr>
              <p:custDataLst>
                <p:tags r:id="rId348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6" name="Freeform 153"/>
            <p:cNvSpPr>
              <a:spLocks/>
            </p:cNvSpPr>
            <p:nvPr>
              <p:custDataLst>
                <p:tags r:id="rId349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7" name="Freeform 154"/>
            <p:cNvSpPr>
              <a:spLocks noEditPoints="1"/>
            </p:cNvSpPr>
            <p:nvPr>
              <p:custDataLst>
                <p:tags r:id="rId350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8" name="Freeform 155"/>
            <p:cNvSpPr>
              <a:spLocks/>
            </p:cNvSpPr>
            <p:nvPr>
              <p:custDataLst>
                <p:tags r:id="rId351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9" name="Freeform 156"/>
            <p:cNvSpPr>
              <a:spLocks noEditPoints="1"/>
            </p:cNvSpPr>
            <p:nvPr>
              <p:custDataLst>
                <p:tags r:id="rId352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0" name="Freeform 157"/>
            <p:cNvSpPr>
              <a:spLocks noEditPoints="1"/>
            </p:cNvSpPr>
            <p:nvPr>
              <p:custDataLst>
                <p:tags r:id="rId353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1" name="Freeform 158"/>
            <p:cNvSpPr>
              <a:spLocks/>
            </p:cNvSpPr>
            <p:nvPr>
              <p:custDataLst>
                <p:tags r:id="rId354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2" name="Freeform 160"/>
            <p:cNvSpPr>
              <a:spLocks/>
            </p:cNvSpPr>
            <p:nvPr>
              <p:custDataLst>
                <p:tags r:id="rId355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3" name="Freeform 161"/>
            <p:cNvSpPr>
              <a:spLocks noEditPoints="1"/>
            </p:cNvSpPr>
            <p:nvPr>
              <p:custDataLst>
                <p:tags r:id="rId356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4" name="Freeform 162"/>
            <p:cNvSpPr>
              <a:spLocks/>
            </p:cNvSpPr>
            <p:nvPr>
              <p:custDataLst>
                <p:tags r:id="rId357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5" name="Freeform 163"/>
            <p:cNvSpPr>
              <a:spLocks/>
            </p:cNvSpPr>
            <p:nvPr>
              <p:custDataLst>
                <p:tags r:id="rId358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6" name="Freeform 164"/>
            <p:cNvSpPr>
              <a:spLocks noEditPoints="1"/>
            </p:cNvSpPr>
            <p:nvPr>
              <p:custDataLst>
                <p:tags r:id="rId359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7" name="Freeform 165"/>
            <p:cNvSpPr>
              <a:spLocks/>
            </p:cNvSpPr>
            <p:nvPr>
              <p:custDataLst>
                <p:tags r:id="rId360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8" name="Freeform 166"/>
            <p:cNvSpPr>
              <a:spLocks/>
            </p:cNvSpPr>
            <p:nvPr>
              <p:custDataLst>
                <p:tags r:id="rId361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9" name="Freeform 167"/>
            <p:cNvSpPr>
              <a:spLocks/>
            </p:cNvSpPr>
            <p:nvPr>
              <p:custDataLst>
                <p:tags r:id="rId362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0" name="Freeform 168"/>
            <p:cNvSpPr>
              <a:spLocks/>
            </p:cNvSpPr>
            <p:nvPr>
              <p:custDataLst>
                <p:tags r:id="rId363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1" name="Freeform 169"/>
            <p:cNvSpPr>
              <a:spLocks noEditPoints="1"/>
            </p:cNvSpPr>
            <p:nvPr>
              <p:custDataLst>
                <p:tags r:id="rId364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2" name="Freeform 170"/>
            <p:cNvSpPr>
              <a:spLocks/>
            </p:cNvSpPr>
            <p:nvPr>
              <p:custDataLst>
                <p:tags r:id="rId365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3" name="Freeform 171"/>
            <p:cNvSpPr>
              <a:spLocks noEditPoints="1"/>
            </p:cNvSpPr>
            <p:nvPr>
              <p:custDataLst>
                <p:tags r:id="rId366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4" name="Freeform 172"/>
            <p:cNvSpPr>
              <a:spLocks noEditPoints="1"/>
            </p:cNvSpPr>
            <p:nvPr>
              <p:custDataLst>
                <p:tags r:id="rId367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5" name="Freeform 173"/>
            <p:cNvSpPr>
              <a:spLocks noEditPoints="1"/>
            </p:cNvSpPr>
            <p:nvPr>
              <p:custDataLst>
                <p:tags r:id="rId368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6" name="Freeform 174"/>
            <p:cNvSpPr>
              <a:spLocks/>
            </p:cNvSpPr>
            <p:nvPr>
              <p:custDataLst>
                <p:tags r:id="rId369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7" name="Freeform 175"/>
            <p:cNvSpPr>
              <a:spLocks/>
            </p:cNvSpPr>
            <p:nvPr>
              <p:custDataLst>
                <p:tags r:id="rId370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8" name="Freeform 176"/>
            <p:cNvSpPr>
              <a:spLocks/>
            </p:cNvSpPr>
            <p:nvPr>
              <p:custDataLst>
                <p:tags r:id="rId371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9" name="Freeform 177"/>
            <p:cNvSpPr>
              <a:spLocks/>
            </p:cNvSpPr>
            <p:nvPr>
              <p:custDataLst>
                <p:tags r:id="rId372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0" name="Freeform 178"/>
            <p:cNvSpPr>
              <a:spLocks/>
            </p:cNvSpPr>
            <p:nvPr>
              <p:custDataLst>
                <p:tags r:id="rId373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1" name="Freeform 179"/>
            <p:cNvSpPr>
              <a:spLocks/>
            </p:cNvSpPr>
            <p:nvPr>
              <p:custDataLst>
                <p:tags r:id="rId374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2" name="Freeform 180"/>
            <p:cNvSpPr>
              <a:spLocks noEditPoints="1"/>
            </p:cNvSpPr>
            <p:nvPr>
              <p:custDataLst>
                <p:tags r:id="rId375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3" name="Freeform 181"/>
            <p:cNvSpPr>
              <a:spLocks noEditPoints="1"/>
            </p:cNvSpPr>
            <p:nvPr>
              <p:custDataLst>
                <p:tags r:id="rId376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4" name="Freeform 182"/>
            <p:cNvSpPr>
              <a:spLocks noEditPoints="1"/>
            </p:cNvSpPr>
            <p:nvPr>
              <p:custDataLst>
                <p:tags r:id="rId377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5" name="Freeform 183"/>
            <p:cNvSpPr>
              <a:spLocks noEditPoints="1"/>
            </p:cNvSpPr>
            <p:nvPr>
              <p:custDataLst>
                <p:tags r:id="rId378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6" name="Freeform 184"/>
            <p:cNvSpPr>
              <a:spLocks noEditPoints="1"/>
            </p:cNvSpPr>
            <p:nvPr>
              <p:custDataLst>
                <p:tags r:id="rId379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7" name="Freeform 186"/>
            <p:cNvSpPr>
              <a:spLocks noEditPoints="1"/>
            </p:cNvSpPr>
            <p:nvPr>
              <p:custDataLst>
                <p:tags r:id="rId380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8" name="Freeform 187"/>
            <p:cNvSpPr>
              <a:spLocks noEditPoints="1"/>
            </p:cNvSpPr>
            <p:nvPr>
              <p:custDataLst>
                <p:tags r:id="rId381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9" name="Freeform 188"/>
            <p:cNvSpPr>
              <a:spLocks noEditPoints="1"/>
            </p:cNvSpPr>
            <p:nvPr>
              <p:custDataLst>
                <p:tags r:id="rId382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0" name="Freeform 189"/>
            <p:cNvSpPr>
              <a:spLocks/>
            </p:cNvSpPr>
            <p:nvPr>
              <p:custDataLst>
                <p:tags r:id="rId383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1" name="Freeform 190"/>
            <p:cNvSpPr>
              <a:spLocks/>
            </p:cNvSpPr>
            <p:nvPr>
              <p:custDataLst>
                <p:tags r:id="rId384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2" name="Freeform 191"/>
            <p:cNvSpPr>
              <a:spLocks/>
            </p:cNvSpPr>
            <p:nvPr>
              <p:custDataLst>
                <p:tags r:id="rId385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193" name="Group 192"/>
            <p:cNvGrpSpPr>
              <a:grpSpLocks/>
            </p:cNvGrpSpPr>
            <p:nvPr>
              <p:custDataLst>
                <p:tags r:id="rId386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19" name="Freeform 193"/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20" name="Freeform 194"/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194" name="Freeform 269"/>
            <p:cNvSpPr>
              <a:spLocks noEditPoints="1"/>
            </p:cNvSpPr>
            <p:nvPr>
              <p:custDataLst>
                <p:tags r:id="rId387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5" name="Freeform 270"/>
            <p:cNvSpPr>
              <a:spLocks noEditPoints="1"/>
            </p:cNvSpPr>
            <p:nvPr>
              <p:custDataLst>
                <p:tags r:id="rId388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6" name="Freeform 271"/>
            <p:cNvSpPr>
              <a:spLocks noEditPoints="1"/>
            </p:cNvSpPr>
            <p:nvPr>
              <p:custDataLst>
                <p:tags r:id="rId389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7" name="Freeform 272"/>
            <p:cNvSpPr>
              <a:spLocks noEditPoints="1"/>
            </p:cNvSpPr>
            <p:nvPr>
              <p:custDataLst>
                <p:tags r:id="rId390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8" name="Rectangle 203"/>
            <p:cNvSpPr>
              <a:spLocks noChangeArrowheads="1"/>
            </p:cNvSpPr>
            <p:nvPr>
              <p:custDataLst>
                <p:tags r:id="rId391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9" name="Freeform 273"/>
            <p:cNvSpPr>
              <a:spLocks/>
            </p:cNvSpPr>
            <p:nvPr>
              <p:custDataLst>
                <p:tags r:id="rId392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0" name="Freeform 275"/>
            <p:cNvSpPr>
              <a:spLocks/>
            </p:cNvSpPr>
            <p:nvPr>
              <p:custDataLst>
                <p:tags r:id="rId393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1" name="Freeform 276"/>
            <p:cNvSpPr>
              <a:spLocks/>
            </p:cNvSpPr>
            <p:nvPr>
              <p:custDataLst>
                <p:tags r:id="rId394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2" name="Freeform 277"/>
            <p:cNvSpPr>
              <a:spLocks/>
            </p:cNvSpPr>
            <p:nvPr>
              <p:custDataLst>
                <p:tags r:id="rId395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3" name="Freeform 278"/>
            <p:cNvSpPr>
              <a:spLocks/>
            </p:cNvSpPr>
            <p:nvPr>
              <p:custDataLst>
                <p:tags r:id="rId396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4" name="Freeform 279"/>
            <p:cNvSpPr>
              <a:spLocks/>
            </p:cNvSpPr>
            <p:nvPr>
              <p:custDataLst>
                <p:tags r:id="rId397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5" name="Freeform 280"/>
            <p:cNvSpPr>
              <a:spLocks/>
            </p:cNvSpPr>
            <p:nvPr>
              <p:custDataLst>
                <p:tags r:id="rId398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6" name="Freeform 375"/>
            <p:cNvSpPr>
              <a:spLocks noEditPoints="1"/>
            </p:cNvSpPr>
            <p:nvPr>
              <p:custDataLst>
                <p:tags r:id="rId399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7" name="Freeform 402"/>
            <p:cNvSpPr>
              <a:spLocks/>
            </p:cNvSpPr>
            <p:nvPr>
              <p:custDataLst>
                <p:tags r:id="rId400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208" name="Group 195"/>
            <p:cNvGrpSpPr>
              <a:grpSpLocks/>
            </p:cNvGrpSpPr>
            <p:nvPr>
              <p:custDataLst>
                <p:tags r:id="rId401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17" name="Freeform 196"/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18" name="Freeform 197"/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209" name="Freeform 405"/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0" name="Freeform 207"/>
            <p:cNvSpPr>
              <a:spLocks/>
            </p:cNvSpPr>
            <p:nvPr>
              <p:custDataLst>
                <p:tags r:id="rId402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1" name="Freeform 208"/>
            <p:cNvSpPr>
              <a:spLocks/>
            </p:cNvSpPr>
            <p:nvPr>
              <p:custDataLst>
                <p:tags r:id="rId403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2" name="Freeform 379"/>
            <p:cNvSpPr>
              <a:spLocks noEditPoints="1"/>
            </p:cNvSpPr>
            <p:nvPr>
              <p:custDataLst>
                <p:tags r:id="rId404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3" name="Freeform 380"/>
            <p:cNvSpPr>
              <a:spLocks noEditPoints="1"/>
            </p:cNvSpPr>
            <p:nvPr>
              <p:custDataLst>
                <p:tags r:id="rId405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4" name="Freeform 381"/>
            <p:cNvSpPr>
              <a:spLocks/>
            </p:cNvSpPr>
            <p:nvPr>
              <p:custDataLst>
                <p:tags r:id="rId406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5" name="Freeform 382"/>
            <p:cNvSpPr>
              <a:spLocks noEditPoints="1"/>
            </p:cNvSpPr>
            <p:nvPr>
              <p:custDataLst>
                <p:tags r:id="rId407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6" name="Freeform 383"/>
            <p:cNvSpPr>
              <a:spLocks/>
            </p:cNvSpPr>
            <p:nvPr>
              <p:custDataLst>
                <p:tags r:id="rId408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</p:grpSp>
      <p:grpSp>
        <p:nvGrpSpPr>
          <p:cNvPr id="221" name="Text"/>
          <p:cNvGrpSpPr>
            <a:grpSpLocks/>
          </p:cNvGrpSpPr>
          <p:nvPr/>
        </p:nvGrpSpPr>
        <p:grpSpPr bwMode="gray">
          <a:xfrm>
            <a:off x="651531" y="946405"/>
            <a:ext cx="11025383" cy="5406216"/>
            <a:chOff x="166688" y="2049463"/>
            <a:chExt cx="8663923" cy="4248291"/>
          </a:xfrm>
        </p:grpSpPr>
        <p:sp>
          <p:nvSpPr>
            <p:cNvPr id="222" name="Rectangle 406"/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gray">
            <a:xfrm>
              <a:off x="5014913" y="3302001"/>
              <a:ext cx="1864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223" name="Rectangle 407"/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gray">
            <a:xfrm>
              <a:off x="4947456" y="3239969"/>
              <a:ext cx="178872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224" name="Rectangle 408"/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gray">
            <a:xfrm>
              <a:off x="4962526" y="3538538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225" name="Rectangle 409"/>
            <p:cNvSpPr>
              <a:spLocks noChangeArrowheads="1"/>
            </p:cNvSpPr>
            <p:nvPr>
              <p:custDataLst>
                <p:tags r:id="rId7"/>
              </p:custDataLst>
            </p:nvPr>
          </p:nvSpPr>
          <p:spPr bwMode="gray">
            <a:xfrm>
              <a:off x="5118101" y="3636963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yprus</a:t>
              </a:r>
            </a:p>
          </p:txBody>
        </p:sp>
        <p:sp>
          <p:nvSpPr>
            <p:cNvPr id="226" name="Rectangle 410"/>
            <p:cNvSpPr>
              <a:spLocks noChangeArrowheads="1"/>
            </p:cNvSpPr>
            <p:nvPr>
              <p:custDataLst>
                <p:tags r:id="rId8"/>
              </p:custDataLst>
            </p:nvPr>
          </p:nvSpPr>
          <p:spPr bwMode="gray">
            <a:xfrm>
              <a:off x="5181601" y="3138488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227" name="Rectangle 411"/>
            <p:cNvSpPr>
              <a:spLocks noChangeArrowheads="1"/>
            </p:cNvSpPr>
            <p:nvPr>
              <p:custDataLst>
                <p:tags r:id="rId9"/>
              </p:custDataLst>
            </p:nvPr>
          </p:nvSpPr>
          <p:spPr bwMode="gray">
            <a:xfrm>
              <a:off x="4978401" y="2940051"/>
              <a:ext cx="1965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228" name="Rectangle 412"/>
            <p:cNvSpPr>
              <a:spLocks noChangeArrowheads="1"/>
            </p:cNvSpPr>
            <p:nvPr>
              <p:custDataLst>
                <p:tags r:id="rId10"/>
              </p:custDataLst>
            </p:nvPr>
          </p:nvSpPr>
          <p:spPr bwMode="gray">
            <a:xfrm>
              <a:off x="4796949" y="3306357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229" name="Rectangle 413"/>
            <p:cNvSpPr>
              <a:spLocks noChangeArrowheads="1"/>
            </p:cNvSpPr>
            <p:nvPr>
              <p:custDataLst>
                <p:tags r:id="rId11"/>
              </p:custDataLst>
            </p:nvPr>
          </p:nvSpPr>
          <p:spPr bwMode="gray">
            <a:xfrm>
              <a:off x="5189538" y="324802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230" name="Rectangle 414"/>
            <p:cNvSpPr>
              <a:spLocks noChangeArrowheads="1"/>
            </p:cNvSpPr>
            <p:nvPr>
              <p:custDataLst>
                <p:tags r:id="rId12"/>
              </p:custDataLst>
            </p:nvPr>
          </p:nvSpPr>
          <p:spPr bwMode="gray">
            <a:xfrm>
              <a:off x="4972052" y="334962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rb. Mont.</a:t>
              </a:r>
            </a:p>
          </p:txBody>
        </p:sp>
        <p:sp>
          <p:nvSpPr>
            <p:cNvPr id="231" name="Rectangle 415"/>
            <p:cNvSpPr>
              <a:spLocks noChangeArrowheads="1"/>
            </p:cNvSpPr>
            <p:nvPr>
              <p:custDataLst>
                <p:tags r:id="rId13"/>
              </p:custDataLst>
            </p:nvPr>
          </p:nvSpPr>
          <p:spPr bwMode="gray">
            <a:xfrm>
              <a:off x="4657726" y="3071813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232" name="Rectangle 416"/>
            <p:cNvSpPr>
              <a:spLocks noChangeArrowheads="1"/>
            </p:cNvSpPr>
            <p:nvPr>
              <p:custDataLst>
                <p:tags r:id="rId14"/>
              </p:custDataLst>
            </p:nvPr>
          </p:nvSpPr>
          <p:spPr bwMode="gray">
            <a:xfrm>
              <a:off x="4449763" y="325437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233" name="Rectangle 417"/>
            <p:cNvSpPr>
              <a:spLocks noChangeArrowheads="1"/>
            </p:cNvSpPr>
            <p:nvPr>
              <p:custDataLst>
                <p:tags r:id="rId15"/>
              </p:custDataLst>
            </p:nvPr>
          </p:nvSpPr>
          <p:spPr bwMode="gray">
            <a:xfrm>
              <a:off x="4128166" y="3281363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234" name="Rectangle 418"/>
            <p:cNvSpPr>
              <a:spLocks noChangeArrowheads="1"/>
            </p:cNvSpPr>
            <p:nvPr>
              <p:custDataLst>
                <p:tags r:id="rId16"/>
              </p:custDataLst>
            </p:nvPr>
          </p:nvSpPr>
          <p:spPr bwMode="gray">
            <a:xfrm>
              <a:off x="4267201" y="3616326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ibraltar</a:t>
              </a:r>
            </a:p>
          </p:txBody>
        </p:sp>
        <p:sp>
          <p:nvSpPr>
            <p:cNvPr id="235" name="Rectangle 419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gray">
            <a:xfrm>
              <a:off x="4764088" y="3205163"/>
              <a:ext cx="148640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236" name="Rectangle 420"/>
            <p:cNvSpPr>
              <a:spLocks noChangeArrowheads="1"/>
            </p:cNvSpPr>
            <p:nvPr>
              <p:custDataLst>
                <p:tags r:id="rId18"/>
              </p:custDataLst>
            </p:nvPr>
          </p:nvSpPr>
          <p:spPr bwMode="gray">
            <a:xfrm>
              <a:off x="4652963" y="3171826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ux.</a:t>
              </a:r>
            </a:p>
          </p:txBody>
        </p:sp>
        <p:sp>
          <p:nvSpPr>
            <p:cNvPr id="237" name="Rectangle 421"/>
            <p:cNvSpPr>
              <a:spLocks noChangeArrowheads="1"/>
            </p:cNvSpPr>
            <p:nvPr>
              <p:custDataLst>
                <p:tags r:id="rId19"/>
              </p:custDataLst>
            </p:nvPr>
          </p:nvSpPr>
          <p:spPr bwMode="gray">
            <a:xfrm>
              <a:off x="4961737" y="3186506"/>
              <a:ext cx="173834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238" name="Rectangle 422"/>
            <p:cNvSpPr>
              <a:spLocks noChangeArrowheads="1"/>
            </p:cNvSpPr>
            <p:nvPr>
              <p:custDataLst>
                <p:tags r:id="rId20"/>
              </p:custDataLst>
            </p:nvPr>
          </p:nvSpPr>
          <p:spPr bwMode="gray">
            <a:xfrm>
              <a:off x="4872038" y="2506663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239" name="Rectangle 423"/>
            <p:cNvSpPr>
              <a:spLocks noChangeArrowheads="1"/>
            </p:cNvSpPr>
            <p:nvPr>
              <p:custDataLst>
                <p:tags r:id="rId21"/>
              </p:custDataLst>
            </p:nvPr>
          </p:nvSpPr>
          <p:spPr bwMode="gray">
            <a:xfrm>
              <a:off x="5045076" y="26495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240" name="Rectangle 424"/>
            <p:cNvSpPr>
              <a:spLocks noChangeArrowheads="1"/>
            </p:cNvSpPr>
            <p:nvPr>
              <p:custDataLst>
                <p:tags r:id="rId22"/>
              </p:custDataLst>
            </p:nvPr>
          </p:nvSpPr>
          <p:spPr bwMode="gray">
            <a:xfrm>
              <a:off x="4624388" y="2692401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way</a:t>
              </a:r>
            </a:p>
          </p:txBody>
        </p:sp>
        <p:sp>
          <p:nvSpPr>
            <p:cNvPr id="241" name="Rectangle 425"/>
            <p:cNvSpPr>
              <a:spLocks noChangeArrowheads="1"/>
            </p:cNvSpPr>
            <p:nvPr>
              <p:custDataLst>
                <p:tags r:id="rId23"/>
              </p:custDataLst>
            </p:nvPr>
          </p:nvSpPr>
          <p:spPr bwMode="gray">
            <a:xfrm>
              <a:off x="4454526" y="3175001"/>
              <a:ext cx="1410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242" name="Rectangle 426"/>
            <p:cNvSpPr>
              <a:spLocks noChangeArrowheads="1"/>
            </p:cNvSpPr>
            <p:nvPr>
              <p:custDataLst>
                <p:tags r:id="rId24"/>
              </p:custDataLst>
            </p:nvPr>
          </p:nvSpPr>
          <p:spPr bwMode="gray">
            <a:xfrm>
              <a:off x="4357688" y="3465513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243" name="Rectangle 427"/>
            <p:cNvSpPr>
              <a:spLocks noChangeArrowheads="1"/>
            </p:cNvSpPr>
            <p:nvPr>
              <p:custDataLst>
                <p:tags r:id="rId25"/>
              </p:custDataLst>
            </p:nvPr>
          </p:nvSpPr>
          <p:spPr bwMode="gray">
            <a:xfrm>
              <a:off x="4887913" y="3048001"/>
              <a:ext cx="14486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244" name="Rectangle 428"/>
            <p:cNvSpPr>
              <a:spLocks noChangeArrowheads="1"/>
            </p:cNvSpPr>
            <p:nvPr>
              <p:custDataLst>
                <p:tags r:id="rId26"/>
              </p:custDataLst>
            </p:nvPr>
          </p:nvSpPr>
          <p:spPr bwMode="gray">
            <a:xfrm>
              <a:off x="4743450" y="3386138"/>
              <a:ext cx="906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245" name="Rectangle 429"/>
            <p:cNvSpPr>
              <a:spLocks noChangeArrowheads="1"/>
            </p:cNvSpPr>
            <p:nvPr>
              <p:custDataLst>
                <p:tags r:id="rId27"/>
              </p:custDataLst>
            </p:nvPr>
          </p:nvSpPr>
          <p:spPr bwMode="gray">
            <a:xfrm>
              <a:off x="5105401" y="301148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246" name="Rectangle 430"/>
            <p:cNvSpPr>
              <a:spLocks noChangeArrowheads="1"/>
            </p:cNvSpPr>
            <p:nvPr>
              <p:custDataLst>
                <p:tags r:id="rId28"/>
              </p:custDataLst>
            </p:nvPr>
          </p:nvSpPr>
          <p:spPr bwMode="gray">
            <a:xfrm>
              <a:off x="4178301" y="2846388"/>
              <a:ext cx="3401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Kingdom</a:t>
              </a:r>
            </a:p>
          </p:txBody>
        </p:sp>
        <p:sp>
          <p:nvSpPr>
            <p:cNvPr id="247" name="Rectangle 431"/>
            <p:cNvSpPr>
              <a:spLocks noChangeArrowheads="1"/>
            </p:cNvSpPr>
            <p:nvPr>
              <p:custDataLst>
                <p:tags r:id="rId29"/>
              </p:custDataLst>
            </p:nvPr>
          </p:nvSpPr>
          <p:spPr bwMode="gray">
            <a:xfrm>
              <a:off x="5081588" y="2879726"/>
              <a:ext cx="12848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248" name="Rectangle 432"/>
            <p:cNvSpPr>
              <a:spLocks noChangeArrowheads="1"/>
            </p:cNvSpPr>
            <p:nvPr>
              <p:custDataLst>
                <p:tags r:id="rId30"/>
              </p:custDataLst>
            </p:nvPr>
          </p:nvSpPr>
          <p:spPr bwMode="gray">
            <a:xfrm>
              <a:off x="4205288" y="3038476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249" name="Rectangle 433"/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gray">
            <a:xfrm>
              <a:off x="5151808" y="3407725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250" name="Rectangle 434"/>
            <p:cNvSpPr>
              <a:spLocks noChangeArrowheads="1"/>
            </p:cNvSpPr>
            <p:nvPr>
              <p:custDataLst>
                <p:tags r:id="rId32"/>
              </p:custDataLst>
            </p:nvPr>
          </p:nvSpPr>
          <p:spPr bwMode="gray">
            <a:xfrm>
              <a:off x="5092703" y="281463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251" name="Rectangle 435"/>
            <p:cNvSpPr>
              <a:spLocks noChangeArrowheads="1"/>
            </p:cNvSpPr>
            <p:nvPr>
              <p:custDataLst>
                <p:tags r:id="rId33"/>
              </p:custDataLst>
            </p:nvPr>
          </p:nvSpPr>
          <p:spPr bwMode="gray">
            <a:xfrm>
              <a:off x="4164013" y="3482976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252" name="Rectangle 436"/>
            <p:cNvSpPr>
              <a:spLocks noChangeArrowheads="1"/>
            </p:cNvSpPr>
            <p:nvPr>
              <p:custDataLst>
                <p:tags r:id="rId34"/>
              </p:custDataLst>
            </p:nvPr>
          </p:nvSpPr>
          <p:spPr bwMode="gray">
            <a:xfrm>
              <a:off x="4567238" y="2890838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enmark</a:t>
              </a:r>
            </a:p>
          </p:txBody>
        </p:sp>
        <p:sp>
          <p:nvSpPr>
            <p:cNvPr id="253" name="Rectangle 437"/>
            <p:cNvSpPr>
              <a:spLocks noChangeArrowheads="1"/>
            </p:cNvSpPr>
            <p:nvPr>
              <p:custDataLst>
                <p:tags r:id="rId35"/>
              </p:custDataLst>
            </p:nvPr>
          </p:nvSpPr>
          <p:spPr bwMode="gray">
            <a:xfrm>
              <a:off x="4468813" y="3411538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254" name="Rectangle 438"/>
            <p:cNvSpPr>
              <a:spLocks noChangeArrowheads="1"/>
            </p:cNvSpPr>
            <p:nvPr>
              <p:custDataLst>
                <p:tags r:id="rId36"/>
              </p:custDataLst>
            </p:nvPr>
          </p:nvSpPr>
          <p:spPr bwMode="gray">
            <a:xfrm>
              <a:off x="4525963" y="300196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therlands</a:t>
              </a:r>
            </a:p>
          </p:txBody>
        </p:sp>
        <p:sp>
          <p:nvSpPr>
            <p:cNvPr id="255" name="Rectangle 439"/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gray">
            <a:xfrm>
              <a:off x="4532313" y="3116263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256" name="Rectangle 440"/>
            <p:cNvSpPr>
              <a:spLocks noChangeArrowheads="1"/>
            </p:cNvSpPr>
            <p:nvPr>
              <p:custDataLst>
                <p:tags r:id="rId38"/>
              </p:custDataLst>
            </p:nvPr>
          </p:nvSpPr>
          <p:spPr bwMode="gray">
            <a:xfrm>
              <a:off x="4762501" y="3130551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zech Rep.</a:t>
              </a:r>
            </a:p>
          </p:txBody>
        </p:sp>
        <p:sp>
          <p:nvSpPr>
            <p:cNvPr id="257" name="Rectangle 441"/>
            <p:cNvSpPr>
              <a:spLocks noChangeArrowheads="1"/>
            </p:cNvSpPr>
            <p:nvPr>
              <p:custDataLst>
                <p:tags r:id="rId39"/>
              </p:custDataLst>
            </p:nvPr>
          </p:nvSpPr>
          <p:spPr bwMode="gray">
            <a:xfrm>
              <a:off x="4875213" y="3451226"/>
              <a:ext cx="15745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258" name="Rectangle 442"/>
            <p:cNvSpPr>
              <a:spLocks noChangeArrowheads="1"/>
            </p:cNvSpPr>
            <p:nvPr>
              <p:custDataLst>
                <p:tags r:id="rId40"/>
              </p:custDataLst>
            </p:nvPr>
          </p:nvSpPr>
          <p:spPr bwMode="gray">
            <a:xfrm>
              <a:off x="3842984" y="3335859"/>
              <a:ext cx="2620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snia Herz.</a:t>
              </a:r>
            </a:p>
          </p:txBody>
        </p:sp>
        <p:sp>
          <p:nvSpPr>
            <p:cNvPr id="259" name="Rectangle 443"/>
            <p:cNvSpPr>
              <a:spLocks noChangeArrowheads="1"/>
            </p:cNvSpPr>
            <p:nvPr>
              <p:custDataLst>
                <p:tags r:id="rId41"/>
              </p:custDataLst>
            </p:nvPr>
          </p:nvSpPr>
          <p:spPr bwMode="gray">
            <a:xfrm>
              <a:off x="4864101" y="3402012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260" name="Rectangle 444"/>
            <p:cNvSpPr>
              <a:spLocks noChangeArrowheads="1"/>
            </p:cNvSpPr>
            <p:nvPr>
              <p:custDataLst>
                <p:tags r:id="rId42"/>
              </p:custDataLst>
            </p:nvPr>
          </p:nvSpPr>
          <p:spPr bwMode="gray">
            <a:xfrm>
              <a:off x="3750882" y="3218665"/>
              <a:ext cx="2821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echtenstein</a:t>
              </a:r>
            </a:p>
          </p:txBody>
        </p:sp>
        <p:sp>
          <p:nvSpPr>
            <p:cNvPr id="261" name="Rectangle 445"/>
            <p:cNvSpPr>
              <a:spLocks noChangeArrowheads="1"/>
            </p:cNvSpPr>
            <p:nvPr>
              <p:custDataLst>
                <p:tags r:id="rId43"/>
              </p:custDataLst>
            </p:nvPr>
          </p:nvSpPr>
          <p:spPr bwMode="gray">
            <a:xfrm>
              <a:off x="3987801" y="2563813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celand</a:t>
              </a:r>
            </a:p>
          </p:txBody>
        </p:sp>
        <p:grpSp>
          <p:nvGrpSpPr>
            <p:cNvPr id="262" name="Group 472"/>
            <p:cNvGrpSpPr/>
            <p:nvPr/>
          </p:nvGrpSpPr>
          <p:grpSpPr bwMode="gray">
            <a:xfrm>
              <a:off x="4120780" y="3251201"/>
              <a:ext cx="808408" cy="125413"/>
              <a:chOff x="4120780" y="3251201"/>
              <a:chExt cx="808408" cy="125413"/>
            </a:xfrm>
          </p:grpSpPr>
          <p:sp>
            <p:nvSpPr>
              <p:cNvPr id="413" name="Line 450"/>
              <p:cNvSpPr>
                <a:spLocks noChangeShapeType="1"/>
              </p:cNvSpPr>
              <p:nvPr>
                <p:custDataLst>
                  <p:tags r:id="rId194"/>
                </p:custDataLst>
              </p:nvPr>
            </p:nvSpPr>
            <p:spPr bwMode="gray">
              <a:xfrm flipH="1">
                <a:off x="4195763" y="3376614"/>
                <a:ext cx="733425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4" name="Line 451"/>
              <p:cNvSpPr>
                <a:spLocks noChangeShapeType="1"/>
              </p:cNvSpPr>
              <p:nvPr>
                <p:custDataLst>
                  <p:tags r:id="rId195"/>
                </p:custDataLst>
              </p:nvPr>
            </p:nvSpPr>
            <p:spPr bwMode="gray">
              <a:xfrm flipH="1">
                <a:off x="4120780" y="3251201"/>
                <a:ext cx="636214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5" name="Freeform 452"/>
              <p:cNvSpPr>
                <a:spLocks/>
              </p:cNvSpPr>
              <p:nvPr>
                <p:custDataLst>
                  <p:tags r:id="rId196"/>
                </p:custDataLst>
              </p:nvPr>
            </p:nvSpPr>
            <p:spPr bwMode="gray">
              <a:xfrm>
                <a:off x="4371976" y="3298826"/>
                <a:ext cx="488950" cy="22225"/>
              </a:xfrm>
              <a:custGeom>
                <a:avLst/>
                <a:gdLst/>
                <a:ahLst/>
                <a:cxnLst>
                  <a:cxn ang="0">
                    <a:pos x="308" y="0"/>
                  </a:cxn>
                  <a:cxn ang="0">
                    <a:pos x="240" y="0"/>
                  </a:cxn>
                  <a:cxn ang="0">
                    <a:pos x="218" y="14"/>
                  </a:cxn>
                  <a:cxn ang="0">
                    <a:pos x="0" y="14"/>
                  </a:cxn>
                </a:cxnLst>
                <a:rect l="0" t="0" r="r" b="b"/>
                <a:pathLst>
                  <a:path w="308" h="14">
                    <a:moveTo>
                      <a:pt x="308" y="0"/>
                    </a:moveTo>
                    <a:lnTo>
                      <a:pt x="240" y="0"/>
                    </a:lnTo>
                    <a:lnTo>
                      <a:pt x="218" y="14"/>
                    </a:lnTo>
                    <a:lnTo>
                      <a:pt x="0" y="14"/>
                    </a:lnTo>
                  </a:path>
                </a:pathLst>
              </a:custGeom>
              <a:noFill/>
              <a:ln w="6350" cap="flat" cmpd="sng">
                <a:solidFill>
                  <a:schemeClr val="bg2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</p:grpSp>
        <p:sp>
          <p:nvSpPr>
            <p:cNvPr id="263" name="Rectangle 209"/>
            <p:cNvSpPr>
              <a:spLocks noChangeArrowheads="1"/>
            </p:cNvSpPr>
            <p:nvPr>
              <p:custDataLst>
                <p:tags r:id="rId44"/>
              </p:custDataLst>
            </p:nvPr>
          </p:nvSpPr>
          <p:spPr bwMode="gray">
            <a:xfrm>
              <a:off x="5373688" y="3621088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yria</a:t>
              </a:r>
            </a:p>
          </p:txBody>
        </p:sp>
        <p:sp>
          <p:nvSpPr>
            <p:cNvPr id="264" name="Rectangle 210"/>
            <p:cNvSpPr>
              <a:spLocks noChangeArrowheads="1"/>
            </p:cNvSpPr>
            <p:nvPr>
              <p:custDataLst>
                <p:tags r:id="rId45"/>
              </p:custDataLst>
            </p:nvPr>
          </p:nvSpPr>
          <p:spPr bwMode="gray">
            <a:xfrm>
              <a:off x="5629275" y="3810001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uwait</a:t>
              </a:r>
            </a:p>
          </p:txBody>
        </p:sp>
        <p:sp>
          <p:nvSpPr>
            <p:cNvPr id="265" name="Rectangle 211"/>
            <p:cNvSpPr>
              <a:spLocks noChangeArrowheads="1"/>
            </p:cNvSpPr>
            <p:nvPr>
              <p:custDataLst>
                <p:tags r:id="rId46"/>
              </p:custDataLst>
            </p:nvPr>
          </p:nvSpPr>
          <p:spPr bwMode="gray">
            <a:xfrm>
              <a:off x="5743575" y="393065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Qatar</a:t>
              </a:r>
            </a:p>
          </p:txBody>
        </p:sp>
        <p:sp>
          <p:nvSpPr>
            <p:cNvPr id="266" name="Rectangle 212"/>
            <p:cNvSpPr>
              <a:spLocks noChangeArrowheads="1"/>
            </p:cNvSpPr>
            <p:nvPr>
              <p:custDataLst>
                <p:tags r:id="rId47"/>
              </p:custDataLst>
            </p:nvPr>
          </p:nvSpPr>
          <p:spPr bwMode="gray">
            <a:xfrm>
              <a:off x="7942263" y="4291013"/>
              <a:ext cx="1272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m</a:t>
              </a:r>
            </a:p>
          </p:txBody>
        </p:sp>
        <p:sp>
          <p:nvSpPr>
            <p:cNvPr id="267" name="Rectangle 213"/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gray">
            <a:xfrm>
              <a:off x="7832724" y="44545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lau</a:t>
              </a:r>
            </a:p>
          </p:txBody>
        </p:sp>
        <p:sp>
          <p:nvSpPr>
            <p:cNvPr id="268" name="Rectangle 214"/>
            <p:cNvSpPr>
              <a:spLocks noChangeArrowheads="1"/>
            </p:cNvSpPr>
            <p:nvPr>
              <p:custDataLst>
                <p:tags r:id="rId49"/>
              </p:custDataLst>
            </p:nvPr>
          </p:nvSpPr>
          <p:spPr bwMode="gray">
            <a:xfrm>
              <a:off x="8181976" y="4378326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cronesia</a:t>
              </a:r>
            </a:p>
          </p:txBody>
        </p:sp>
        <p:sp>
          <p:nvSpPr>
            <p:cNvPr id="269" name="Rectangle 215"/>
            <p:cNvSpPr>
              <a:spLocks noChangeArrowheads="1"/>
            </p:cNvSpPr>
            <p:nvPr>
              <p:custDataLst>
                <p:tags r:id="rId50"/>
              </p:custDataLst>
            </p:nvPr>
          </p:nvSpPr>
          <p:spPr bwMode="gray">
            <a:xfrm>
              <a:off x="6951663" y="5048251"/>
              <a:ext cx="26579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ristmas Is.</a:t>
              </a:r>
            </a:p>
          </p:txBody>
        </p:sp>
        <p:sp>
          <p:nvSpPr>
            <p:cNvPr id="270" name="Rectangle 216"/>
            <p:cNvSpPr>
              <a:spLocks noChangeArrowheads="1"/>
            </p:cNvSpPr>
            <p:nvPr>
              <p:custDataLst>
                <p:tags r:id="rId51"/>
              </p:custDataLst>
            </p:nvPr>
          </p:nvSpPr>
          <p:spPr bwMode="gray">
            <a:xfrm>
              <a:off x="8447088" y="4151313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ake I.</a:t>
              </a:r>
            </a:p>
          </p:txBody>
        </p:sp>
        <p:sp>
          <p:nvSpPr>
            <p:cNvPr id="271" name="Rectangle 217"/>
            <p:cNvSpPr>
              <a:spLocks noChangeArrowheads="1"/>
            </p:cNvSpPr>
            <p:nvPr>
              <p:custDataLst>
                <p:tags r:id="rId52"/>
              </p:custDataLst>
            </p:nvPr>
          </p:nvSpPr>
          <p:spPr bwMode="gray">
            <a:xfrm>
              <a:off x="8596313" y="4411663"/>
              <a:ext cx="2342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rshall Is.</a:t>
              </a:r>
            </a:p>
          </p:txBody>
        </p:sp>
        <p:sp>
          <p:nvSpPr>
            <p:cNvPr id="272" name="Rectangle 218"/>
            <p:cNvSpPr>
              <a:spLocks noChangeArrowheads="1"/>
            </p:cNvSpPr>
            <p:nvPr>
              <p:custDataLst>
                <p:tags r:id="rId53"/>
              </p:custDataLst>
            </p:nvPr>
          </p:nvSpPr>
          <p:spPr bwMode="gray">
            <a:xfrm>
              <a:off x="6186488" y="4559301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dives</a:t>
              </a:r>
            </a:p>
          </p:txBody>
        </p:sp>
        <p:sp>
          <p:nvSpPr>
            <p:cNvPr id="273" name="Rectangle 219"/>
            <p:cNvSpPr>
              <a:spLocks noChangeArrowheads="1"/>
            </p:cNvSpPr>
            <p:nvPr>
              <p:custDataLst>
                <p:tags r:id="rId54"/>
              </p:custDataLst>
            </p:nvPr>
          </p:nvSpPr>
          <p:spPr bwMode="gray">
            <a:xfrm>
              <a:off x="7048500" y="2576513"/>
              <a:ext cx="13352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274" name="Rectangle 220"/>
            <p:cNvSpPr>
              <a:spLocks noChangeArrowheads="1"/>
            </p:cNvSpPr>
            <p:nvPr>
              <p:custDataLst>
                <p:tags r:id="rId55"/>
              </p:custDataLst>
            </p:nvPr>
          </p:nvSpPr>
          <p:spPr bwMode="gray">
            <a:xfrm>
              <a:off x="6789738" y="3613150"/>
              <a:ext cx="1196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na</a:t>
              </a:r>
            </a:p>
          </p:txBody>
        </p:sp>
        <p:sp>
          <p:nvSpPr>
            <p:cNvPr id="275" name="Rectangle 221"/>
            <p:cNvSpPr>
              <a:spLocks noChangeArrowheads="1"/>
            </p:cNvSpPr>
            <p:nvPr>
              <p:custDataLst>
                <p:tags r:id="rId56"/>
              </p:custDataLst>
            </p:nvPr>
          </p:nvSpPr>
          <p:spPr bwMode="gray">
            <a:xfrm>
              <a:off x="7640638" y="5422901"/>
              <a:ext cx="18517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alia</a:t>
              </a:r>
            </a:p>
          </p:txBody>
        </p:sp>
        <p:sp>
          <p:nvSpPr>
            <p:cNvPr id="276" name="Rectangle 222"/>
            <p:cNvSpPr>
              <a:spLocks noChangeArrowheads="1"/>
            </p:cNvSpPr>
            <p:nvPr>
              <p:custDataLst>
                <p:tags r:id="rId57"/>
              </p:custDataLst>
            </p:nvPr>
          </p:nvSpPr>
          <p:spPr bwMode="gray">
            <a:xfrm>
              <a:off x="6364288" y="4014788"/>
              <a:ext cx="1020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ia</a:t>
              </a:r>
            </a:p>
          </p:txBody>
        </p:sp>
        <p:sp>
          <p:nvSpPr>
            <p:cNvPr id="277" name="Rectangle 223"/>
            <p:cNvSpPr>
              <a:spLocks noChangeArrowheads="1"/>
            </p:cNvSpPr>
            <p:nvPr>
              <p:custDataLst>
                <p:tags r:id="rId58"/>
              </p:custDataLst>
            </p:nvPr>
          </p:nvSpPr>
          <p:spPr bwMode="gray">
            <a:xfrm>
              <a:off x="5770563" y="36893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n</a:t>
              </a:r>
            </a:p>
          </p:txBody>
        </p:sp>
        <p:sp>
          <p:nvSpPr>
            <p:cNvPr id="278" name="Rectangle 224"/>
            <p:cNvSpPr>
              <a:spLocks noChangeArrowheads="1"/>
            </p:cNvSpPr>
            <p:nvPr>
              <p:custDataLst>
                <p:tags r:id="rId59"/>
              </p:custDataLst>
            </p:nvPr>
          </p:nvSpPr>
          <p:spPr bwMode="gray">
            <a:xfrm>
              <a:off x="6075363" y="3190875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azakhstan</a:t>
              </a:r>
            </a:p>
          </p:txBody>
        </p:sp>
        <p:sp>
          <p:nvSpPr>
            <p:cNvPr id="279" name="Rectangle 225"/>
            <p:cNvSpPr>
              <a:spLocks noChangeArrowheads="1"/>
            </p:cNvSpPr>
            <p:nvPr>
              <p:custDataLst>
                <p:tags r:id="rId60"/>
              </p:custDataLst>
            </p:nvPr>
          </p:nvSpPr>
          <p:spPr bwMode="gray">
            <a:xfrm>
              <a:off x="6883400" y="3243263"/>
              <a:ext cx="1952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ngolia</a:t>
              </a:r>
            </a:p>
          </p:txBody>
        </p:sp>
        <p:sp>
          <p:nvSpPr>
            <p:cNvPr id="280" name="Rectangle 226"/>
            <p:cNvSpPr>
              <a:spLocks noChangeArrowheads="1"/>
            </p:cNvSpPr>
            <p:nvPr>
              <p:custDataLst>
                <p:tags r:id="rId61"/>
              </p:custDataLst>
            </p:nvPr>
          </p:nvSpPr>
          <p:spPr bwMode="gray">
            <a:xfrm>
              <a:off x="5478463" y="3967163"/>
              <a:ext cx="2095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udi Arabia</a:t>
              </a:r>
            </a:p>
          </p:txBody>
        </p:sp>
        <p:sp>
          <p:nvSpPr>
            <p:cNvPr id="281" name="Rectangle 227"/>
            <p:cNvSpPr>
              <a:spLocks noChangeArrowheads="1"/>
            </p:cNvSpPr>
            <p:nvPr>
              <p:custDataLst>
                <p:tags r:id="rId62"/>
              </p:custDataLst>
            </p:nvPr>
          </p:nvSpPr>
          <p:spPr bwMode="gray">
            <a:xfrm>
              <a:off x="5229004" y="3511551"/>
              <a:ext cx="2192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282" name="Rectangle 228"/>
            <p:cNvSpPr>
              <a:spLocks noChangeArrowheads="1"/>
            </p:cNvSpPr>
            <p:nvPr>
              <p:custDataLst>
                <p:tags r:id="rId63"/>
              </p:custDataLst>
            </p:nvPr>
          </p:nvSpPr>
          <p:spPr bwMode="gray">
            <a:xfrm>
              <a:off x="5537201" y="37274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q</a:t>
              </a:r>
            </a:p>
          </p:txBody>
        </p:sp>
        <p:sp>
          <p:nvSpPr>
            <p:cNvPr id="283" name="Rectangle 229"/>
            <p:cNvSpPr>
              <a:spLocks noChangeArrowheads="1"/>
            </p:cNvSpPr>
            <p:nvPr>
              <p:custDataLst>
                <p:tags r:id="rId64"/>
              </p:custDataLst>
            </p:nvPr>
          </p:nvSpPr>
          <p:spPr bwMode="gray">
            <a:xfrm>
              <a:off x="6032500" y="3833813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kistan</a:t>
              </a:r>
            </a:p>
          </p:txBody>
        </p:sp>
        <p:sp>
          <p:nvSpPr>
            <p:cNvPr id="284" name="Rectangle 230"/>
            <p:cNvSpPr>
              <a:spLocks noChangeArrowheads="1"/>
            </p:cNvSpPr>
            <p:nvPr>
              <p:custDataLst>
                <p:tags r:id="rId65"/>
              </p:custDataLst>
            </p:nvPr>
          </p:nvSpPr>
          <p:spPr bwMode="gray">
            <a:xfrm>
              <a:off x="6723063" y="4037013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yanmar</a:t>
              </a:r>
            </a:p>
          </p:txBody>
        </p:sp>
        <p:sp>
          <p:nvSpPr>
            <p:cNvPr id="285" name="Rectangle 231"/>
            <p:cNvSpPr>
              <a:spLocks noChangeArrowheads="1"/>
            </p:cNvSpPr>
            <p:nvPr>
              <p:custDataLst>
                <p:tags r:id="rId66"/>
              </p:custDataLst>
            </p:nvPr>
          </p:nvSpPr>
          <p:spPr bwMode="gray">
            <a:xfrm>
              <a:off x="5962650" y="3665538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fghanistan</a:t>
              </a:r>
            </a:p>
          </p:txBody>
        </p:sp>
        <p:sp>
          <p:nvSpPr>
            <p:cNvPr id="286" name="Rectangle 232"/>
            <p:cNvSpPr>
              <a:spLocks noChangeArrowheads="1"/>
            </p:cNvSpPr>
            <p:nvPr>
              <p:custDataLst>
                <p:tags r:id="rId67"/>
              </p:custDataLst>
            </p:nvPr>
          </p:nvSpPr>
          <p:spPr bwMode="gray">
            <a:xfrm>
              <a:off x="5884863" y="3382963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zbekistan</a:t>
              </a:r>
            </a:p>
          </p:txBody>
        </p:sp>
        <p:sp>
          <p:nvSpPr>
            <p:cNvPr id="287" name="Rectangle 233"/>
            <p:cNvSpPr>
              <a:spLocks noChangeArrowheads="1"/>
            </p:cNvSpPr>
            <p:nvPr>
              <p:custDataLst>
                <p:tags r:id="rId68"/>
              </p:custDataLst>
            </p:nvPr>
          </p:nvSpPr>
          <p:spPr bwMode="gray">
            <a:xfrm>
              <a:off x="5810249" y="3521076"/>
              <a:ext cx="28846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menistan</a:t>
              </a:r>
            </a:p>
          </p:txBody>
        </p:sp>
        <p:sp>
          <p:nvSpPr>
            <p:cNvPr id="288" name="Rectangle 234"/>
            <p:cNvSpPr>
              <a:spLocks noChangeArrowheads="1"/>
            </p:cNvSpPr>
            <p:nvPr>
              <p:custDataLst>
                <p:tags r:id="rId69"/>
              </p:custDataLst>
            </p:nvPr>
          </p:nvSpPr>
          <p:spPr bwMode="gray">
            <a:xfrm>
              <a:off x="6858000" y="421957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ailand</a:t>
              </a:r>
            </a:p>
          </p:txBody>
        </p:sp>
        <p:sp>
          <p:nvSpPr>
            <p:cNvPr id="289" name="Rectangle 235"/>
            <p:cNvSpPr>
              <a:spLocks noChangeArrowheads="1"/>
            </p:cNvSpPr>
            <p:nvPr>
              <p:custDataLst>
                <p:tags r:id="rId70"/>
              </p:custDataLst>
            </p:nvPr>
          </p:nvSpPr>
          <p:spPr bwMode="gray">
            <a:xfrm>
              <a:off x="5557838" y="4214813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Yemen</a:t>
              </a:r>
            </a:p>
          </p:txBody>
        </p:sp>
        <p:sp>
          <p:nvSpPr>
            <p:cNvPr id="290" name="Rectangle 236"/>
            <p:cNvSpPr>
              <a:spLocks noChangeArrowheads="1"/>
            </p:cNvSpPr>
            <p:nvPr>
              <p:custDataLst>
                <p:tags r:id="rId71"/>
              </p:custDataLst>
            </p:nvPr>
          </p:nvSpPr>
          <p:spPr bwMode="gray">
            <a:xfrm>
              <a:off x="7894638" y="356870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apan</a:t>
              </a:r>
            </a:p>
          </p:txBody>
        </p:sp>
        <p:sp>
          <p:nvSpPr>
            <p:cNvPr id="291" name="Rectangle 237"/>
            <p:cNvSpPr>
              <a:spLocks noChangeArrowheads="1"/>
            </p:cNvSpPr>
            <p:nvPr>
              <p:custDataLst>
                <p:tags r:id="rId72"/>
              </p:custDataLst>
            </p:nvPr>
          </p:nvSpPr>
          <p:spPr bwMode="gray">
            <a:xfrm>
              <a:off x="5792789" y="4108451"/>
              <a:ext cx="1297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Oman</a:t>
              </a:r>
            </a:p>
          </p:txBody>
        </p:sp>
        <p:sp>
          <p:nvSpPr>
            <p:cNvPr id="292" name="Rectangle 238"/>
            <p:cNvSpPr>
              <a:spLocks noChangeArrowheads="1"/>
            </p:cNvSpPr>
            <p:nvPr>
              <p:custDataLst>
                <p:tags r:id="rId73"/>
              </p:custDataLst>
            </p:nvPr>
          </p:nvSpPr>
          <p:spPr bwMode="gray">
            <a:xfrm>
              <a:off x="6910389" y="4100513"/>
              <a:ext cx="9825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os</a:t>
              </a:r>
            </a:p>
          </p:txBody>
        </p:sp>
        <p:sp>
          <p:nvSpPr>
            <p:cNvPr id="293" name="Rectangle 239"/>
            <p:cNvSpPr>
              <a:spLocks noChangeArrowheads="1"/>
            </p:cNvSpPr>
            <p:nvPr>
              <p:custDataLst>
                <p:tags r:id="rId74"/>
              </p:custDataLst>
            </p:nvPr>
          </p:nvSpPr>
          <p:spPr bwMode="gray">
            <a:xfrm>
              <a:off x="7085013" y="430053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ietnam</a:t>
              </a:r>
            </a:p>
          </p:txBody>
        </p:sp>
        <p:sp>
          <p:nvSpPr>
            <p:cNvPr id="294" name="Rectangle 240"/>
            <p:cNvSpPr>
              <a:spLocks noChangeArrowheads="1"/>
            </p:cNvSpPr>
            <p:nvPr>
              <p:custDataLst>
                <p:tags r:id="rId75"/>
              </p:custDataLst>
            </p:nvPr>
          </p:nvSpPr>
          <p:spPr bwMode="gray">
            <a:xfrm>
              <a:off x="6465888" y="3849687"/>
              <a:ext cx="123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pal</a:t>
              </a:r>
            </a:p>
          </p:txBody>
        </p:sp>
        <p:sp>
          <p:nvSpPr>
            <p:cNvPr id="295" name="Rectangle 241"/>
            <p:cNvSpPr>
              <a:spLocks noChangeArrowheads="1"/>
            </p:cNvSpPr>
            <p:nvPr>
              <p:custDataLst>
                <p:tags r:id="rId76"/>
              </p:custDataLst>
            </p:nvPr>
          </p:nvSpPr>
          <p:spPr bwMode="gray">
            <a:xfrm>
              <a:off x="6226176" y="3413126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yrgyzstan</a:t>
              </a:r>
            </a:p>
          </p:txBody>
        </p:sp>
        <p:sp>
          <p:nvSpPr>
            <p:cNvPr id="296" name="Rectangle 242"/>
            <p:cNvSpPr>
              <a:spLocks noChangeArrowheads="1"/>
            </p:cNvSpPr>
            <p:nvPr>
              <p:custDataLst>
                <p:tags r:id="rId77"/>
              </p:custDataLst>
            </p:nvPr>
          </p:nvSpPr>
          <p:spPr bwMode="gray">
            <a:xfrm>
              <a:off x="5630864" y="3578226"/>
              <a:ext cx="22296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zerbaijan</a:t>
              </a:r>
            </a:p>
          </p:txBody>
        </p:sp>
        <p:sp>
          <p:nvSpPr>
            <p:cNvPr id="297" name="Rectangle 243"/>
            <p:cNvSpPr>
              <a:spLocks noChangeArrowheads="1"/>
            </p:cNvSpPr>
            <p:nvPr>
              <p:custDataLst>
                <p:tags r:id="rId78"/>
              </p:custDataLst>
            </p:nvPr>
          </p:nvSpPr>
          <p:spPr bwMode="gray">
            <a:xfrm>
              <a:off x="6190761" y="3512334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jikistan</a:t>
              </a:r>
            </a:p>
          </p:txBody>
        </p:sp>
        <p:sp>
          <p:nvSpPr>
            <p:cNvPr id="298" name="Rectangle 244"/>
            <p:cNvSpPr>
              <a:spLocks noChangeArrowheads="1"/>
            </p:cNvSpPr>
            <p:nvPr>
              <p:custDataLst>
                <p:tags r:id="rId79"/>
              </p:custDataLst>
            </p:nvPr>
          </p:nvSpPr>
          <p:spPr bwMode="gray">
            <a:xfrm>
              <a:off x="8359775" y="5888038"/>
              <a:ext cx="2746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Zealand</a:t>
              </a:r>
            </a:p>
          </p:txBody>
        </p:sp>
        <p:sp>
          <p:nvSpPr>
            <p:cNvPr id="299" name="Rectangle 245"/>
            <p:cNvSpPr>
              <a:spLocks noChangeArrowheads="1"/>
            </p:cNvSpPr>
            <p:nvPr>
              <p:custDataLst>
                <p:tags r:id="rId80"/>
              </p:custDataLst>
            </p:nvPr>
          </p:nvSpPr>
          <p:spPr bwMode="gray">
            <a:xfrm>
              <a:off x="7910513" y="4806952"/>
              <a:ext cx="4587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pua New Guinea</a:t>
              </a:r>
            </a:p>
          </p:txBody>
        </p:sp>
        <p:sp>
          <p:nvSpPr>
            <p:cNvPr id="300" name="Rectangle 246"/>
            <p:cNvSpPr>
              <a:spLocks noChangeArrowheads="1"/>
            </p:cNvSpPr>
            <p:nvPr>
              <p:custDataLst>
                <p:tags r:id="rId81"/>
              </p:custDataLst>
            </p:nvPr>
          </p:nvSpPr>
          <p:spPr bwMode="gray">
            <a:xfrm>
              <a:off x="5345112" y="3763963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ordan</a:t>
              </a:r>
            </a:p>
          </p:txBody>
        </p:sp>
        <p:sp>
          <p:nvSpPr>
            <p:cNvPr id="301" name="Rectangle 247"/>
            <p:cNvSpPr>
              <a:spLocks noChangeArrowheads="1"/>
            </p:cNvSpPr>
            <p:nvPr>
              <p:custDataLst>
                <p:tags r:id="rId82"/>
              </p:custDataLst>
            </p:nvPr>
          </p:nvSpPr>
          <p:spPr bwMode="gray">
            <a:xfrm>
              <a:off x="7427913" y="346551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th Korea</a:t>
              </a:r>
            </a:p>
          </p:txBody>
        </p:sp>
        <p:sp>
          <p:nvSpPr>
            <p:cNvPr id="302" name="Rectangle 248"/>
            <p:cNvSpPr>
              <a:spLocks noChangeArrowheads="1"/>
            </p:cNvSpPr>
            <p:nvPr>
              <p:custDataLst>
                <p:tags r:id="rId83"/>
              </p:custDataLst>
            </p:nvPr>
          </p:nvSpPr>
          <p:spPr bwMode="gray">
            <a:xfrm>
              <a:off x="7477126" y="48196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onesia</a:t>
              </a:r>
            </a:p>
          </p:txBody>
        </p:sp>
        <p:sp>
          <p:nvSpPr>
            <p:cNvPr id="303" name="Rectangle 249"/>
            <p:cNvSpPr>
              <a:spLocks noChangeArrowheads="1"/>
            </p:cNvSpPr>
            <p:nvPr>
              <p:custDataLst>
                <p:tags r:id="rId84"/>
              </p:custDataLst>
            </p:nvPr>
          </p:nvSpPr>
          <p:spPr bwMode="gray">
            <a:xfrm>
              <a:off x="6958013" y="4551363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ysia</a:t>
              </a:r>
            </a:p>
          </p:txBody>
        </p:sp>
        <p:sp>
          <p:nvSpPr>
            <p:cNvPr id="304" name="Rectangle 250"/>
            <p:cNvSpPr>
              <a:spLocks noChangeArrowheads="1"/>
            </p:cNvSpPr>
            <p:nvPr>
              <p:custDataLst>
                <p:tags r:id="rId85"/>
              </p:custDataLst>
            </p:nvPr>
          </p:nvSpPr>
          <p:spPr bwMode="gray">
            <a:xfrm>
              <a:off x="6502400" y="3963988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ngladesh</a:t>
              </a:r>
            </a:p>
          </p:txBody>
        </p:sp>
        <p:sp>
          <p:nvSpPr>
            <p:cNvPr id="305" name="Rectangle 251"/>
            <p:cNvSpPr>
              <a:spLocks noChangeArrowheads="1"/>
            </p:cNvSpPr>
            <p:nvPr>
              <p:custDataLst>
                <p:tags r:id="rId86"/>
              </p:custDataLst>
            </p:nvPr>
          </p:nvSpPr>
          <p:spPr bwMode="gray">
            <a:xfrm>
              <a:off x="7413625" y="3581401"/>
              <a:ext cx="25823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Korea</a:t>
              </a:r>
            </a:p>
          </p:txBody>
        </p:sp>
        <p:sp>
          <p:nvSpPr>
            <p:cNvPr id="306" name="Rectangle 252"/>
            <p:cNvSpPr>
              <a:spLocks noChangeArrowheads="1"/>
            </p:cNvSpPr>
            <p:nvPr>
              <p:custDataLst>
                <p:tags r:id="rId87"/>
              </p:custDataLst>
            </p:nvPr>
          </p:nvSpPr>
          <p:spPr bwMode="gray">
            <a:xfrm>
              <a:off x="6596063" y="38052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hutan</a:t>
              </a:r>
            </a:p>
          </p:txBody>
        </p:sp>
        <p:sp>
          <p:nvSpPr>
            <p:cNvPr id="307" name="Rectangle 253"/>
            <p:cNvSpPr>
              <a:spLocks noChangeArrowheads="1"/>
            </p:cNvSpPr>
            <p:nvPr>
              <p:custDataLst>
                <p:tags r:id="rId88"/>
              </p:custDataLst>
            </p:nvPr>
          </p:nvSpPr>
          <p:spPr bwMode="gray">
            <a:xfrm>
              <a:off x="6362700" y="4470401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ri Lanka</a:t>
              </a:r>
            </a:p>
          </p:txBody>
        </p:sp>
        <p:sp>
          <p:nvSpPr>
            <p:cNvPr id="308" name="Rectangle 254"/>
            <p:cNvSpPr>
              <a:spLocks noChangeArrowheads="1"/>
            </p:cNvSpPr>
            <p:nvPr>
              <p:custDataLst>
                <p:tags r:id="rId89"/>
              </p:custDataLst>
            </p:nvPr>
          </p:nvSpPr>
          <p:spPr bwMode="gray">
            <a:xfrm>
              <a:off x="7443788" y="4025901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iwan</a:t>
              </a:r>
            </a:p>
          </p:txBody>
        </p:sp>
        <p:sp>
          <p:nvSpPr>
            <p:cNvPr id="309" name="Rectangle 255"/>
            <p:cNvSpPr>
              <a:spLocks noChangeArrowheads="1"/>
            </p:cNvSpPr>
            <p:nvPr>
              <p:custDataLst>
                <p:tags r:id="rId90"/>
              </p:custDataLst>
            </p:nvPr>
          </p:nvSpPr>
          <p:spPr bwMode="gray">
            <a:xfrm>
              <a:off x="8342313" y="5322888"/>
              <a:ext cx="31365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Caledonia</a:t>
              </a:r>
            </a:p>
          </p:txBody>
        </p:sp>
        <p:sp>
          <p:nvSpPr>
            <p:cNvPr id="310" name="Rectangle 256"/>
            <p:cNvSpPr>
              <a:spLocks noChangeArrowheads="1"/>
            </p:cNvSpPr>
            <p:nvPr>
              <p:custDataLst>
                <p:tags r:id="rId91"/>
              </p:custDataLst>
            </p:nvPr>
          </p:nvSpPr>
          <p:spPr bwMode="gray">
            <a:xfrm>
              <a:off x="7510463" y="4284663"/>
              <a:ext cx="22548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hilippines</a:t>
              </a:r>
            </a:p>
          </p:txBody>
        </p:sp>
        <p:sp>
          <p:nvSpPr>
            <p:cNvPr id="311" name="Rectangle 257"/>
            <p:cNvSpPr>
              <a:spLocks noChangeArrowheads="1"/>
            </p:cNvSpPr>
            <p:nvPr>
              <p:custDataLst>
                <p:tags r:id="rId92"/>
              </p:custDataLst>
            </p:nvPr>
          </p:nvSpPr>
          <p:spPr bwMode="gray">
            <a:xfrm>
              <a:off x="8401050" y="4926013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lomon Is.</a:t>
              </a:r>
            </a:p>
          </p:txBody>
        </p:sp>
        <p:sp>
          <p:nvSpPr>
            <p:cNvPr id="312" name="Rectangle 258"/>
            <p:cNvSpPr>
              <a:spLocks noChangeArrowheads="1"/>
            </p:cNvSpPr>
            <p:nvPr>
              <p:custDataLst>
                <p:tags r:id="rId93"/>
              </p:custDataLst>
            </p:nvPr>
          </p:nvSpPr>
          <p:spPr bwMode="gray">
            <a:xfrm>
              <a:off x="8545513" y="5084763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anuatu</a:t>
              </a:r>
            </a:p>
          </p:txBody>
        </p:sp>
        <p:sp>
          <p:nvSpPr>
            <p:cNvPr id="313" name="Rectangle 259"/>
            <p:cNvSpPr>
              <a:spLocks noChangeArrowheads="1"/>
            </p:cNvSpPr>
            <p:nvPr>
              <p:custDataLst>
                <p:tags r:id="rId94"/>
              </p:custDataLst>
            </p:nvPr>
          </p:nvSpPr>
          <p:spPr bwMode="gray">
            <a:xfrm>
              <a:off x="5177832" y="3727833"/>
              <a:ext cx="110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srael</a:t>
              </a:r>
            </a:p>
          </p:txBody>
        </p:sp>
        <p:sp>
          <p:nvSpPr>
            <p:cNvPr id="314" name="Rectangle 260"/>
            <p:cNvSpPr>
              <a:spLocks noChangeArrowheads="1"/>
            </p:cNvSpPr>
            <p:nvPr>
              <p:custDataLst>
                <p:tags r:id="rId95"/>
              </p:custDataLst>
            </p:nvPr>
          </p:nvSpPr>
          <p:spPr bwMode="gray">
            <a:xfrm>
              <a:off x="5746750" y="3992563"/>
              <a:ext cx="1347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.A.E.</a:t>
              </a:r>
            </a:p>
          </p:txBody>
        </p:sp>
        <p:sp>
          <p:nvSpPr>
            <p:cNvPr id="315" name="Rectangle 261"/>
            <p:cNvSpPr>
              <a:spLocks noChangeArrowheads="1"/>
            </p:cNvSpPr>
            <p:nvPr>
              <p:custDataLst>
                <p:tags r:id="rId96"/>
              </p:custDataLst>
            </p:nvPr>
          </p:nvSpPr>
          <p:spPr bwMode="gray">
            <a:xfrm>
              <a:off x="5680076" y="3883026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hrain</a:t>
              </a:r>
            </a:p>
          </p:txBody>
        </p:sp>
        <p:sp>
          <p:nvSpPr>
            <p:cNvPr id="316" name="Rectangle 262"/>
            <p:cNvSpPr>
              <a:spLocks noChangeArrowheads="1"/>
            </p:cNvSpPr>
            <p:nvPr>
              <p:custDataLst>
                <p:tags r:id="rId97"/>
              </p:custDataLst>
            </p:nvPr>
          </p:nvSpPr>
          <p:spPr bwMode="gray">
            <a:xfrm>
              <a:off x="5335588" y="3675062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banon</a:t>
              </a:r>
            </a:p>
          </p:txBody>
        </p:sp>
        <p:sp>
          <p:nvSpPr>
            <p:cNvPr id="317" name="Rectangle 263"/>
            <p:cNvSpPr>
              <a:spLocks noChangeArrowheads="1"/>
            </p:cNvSpPr>
            <p:nvPr>
              <p:custDataLst>
                <p:tags r:id="rId98"/>
              </p:custDataLst>
            </p:nvPr>
          </p:nvSpPr>
          <p:spPr bwMode="gray">
            <a:xfrm>
              <a:off x="5453063" y="3397251"/>
              <a:ext cx="16501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orgia</a:t>
              </a:r>
            </a:p>
          </p:txBody>
        </p:sp>
        <p:sp>
          <p:nvSpPr>
            <p:cNvPr id="318" name="Rectangle 264"/>
            <p:cNvSpPr>
              <a:spLocks noChangeArrowheads="1"/>
            </p:cNvSpPr>
            <p:nvPr>
              <p:custDataLst>
                <p:tags r:id="rId99"/>
              </p:custDataLst>
            </p:nvPr>
          </p:nvSpPr>
          <p:spPr bwMode="gray">
            <a:xfrm>
              <a:off x="5440363" y="346868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menia</a:t>
              </a:r>
            </a:p>
          </p:txBody>
        </p:sp>
        <p:sp>
          <p:nvSpPr>
            <p:cNvPr id="319" name="Rectangle 281"/>
            <p:cNvSpPr>
              <a:spLocks noChangeArrowheads="1"/>
            </p:cNvSpPr>
            <p:nvPr>
              <p:custDataLst>
                <p:tags r:id="rId100"/>
              </p:custDataLst>
            </p:nvPr>
          </p:nvSpPr>
          <p:spPr bwMode="gray">
            <a:xfrm>
              <a:off x="7234238" y="4457701"/>
              <a:ext cx="1714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ast Timor</a:t>
              </a:r>
            </a:p>
          </p:txBody>
        </p:sp>
        <p:sp>
          <p:nvSpPr>
            <p:cNvPr id="320" name="Rectangle 282"/>
            <p:cNvSpPr>
              <a:spLocks noChangeArrowheads="1"/>
            </p:cNvSpPr>
            <p:nvPr>
              <p:custDataLst>
                <p:tags r:id="rId101"/>
              </p:custDataLst>
            </p:nvPr>
          </p:nvSpPr>
          <p:spPr bwMode="gray">
            <a:xfrm>
              <a:off x="6838950" y="4314826"/>
              <a:ext cx="21288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bodia</a:t>
              </a:r>
            </a:p>
          </p:txBody>
        </p:sp>
        <p:sp>
          <p:nvSpPr>
            <p:cNvPr id="321" name="Rectangle 284"/>
            <p:cNvSpPr>
              <a:spLocks noChangeArrowheads="1"/>
            </p:cNvSpPr>
            <p:nvPr>
              <p:custDataLst>
                <p:tags r:id="rId102"/>
              </p:custDataLst>
            </p:nvPr>
          </p:nvSpPr>
          <p:spPr bwMode="gray">
            <a:xfrm>
              <a:off x="4491038" y="4375151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nin</a:t>
              </a:r>
            </a:p>
          </p:txBody>
        </p:sp>
        <p:sp>
          <p:nvSpPr>
            <p:cNvPr id="322" name="Rectangle 285"/>
            <p:cNvSpPr>
              <a:spLocks noChangeArrowheads="1"/>
            </p:cNvSpPr>
            <p:nvPr>
              <p:custDataLst>
                <p:tags r:id="rId103"/>
              </p:custDataLst>
            </p:nvPr>
          </p:nvSpPr>
          <p:spPr bwMode="gray">
            <a:xfrm>
              <a:off x="4821238" y="4649789"/>
              <a:ext cx="13604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ngo</a:t>
              </a:r>
            </a:p>
          </p:txBody>
        </p:sp>
        <p:sp>
          <p:nvSpPr>
            <p:cNvPr id="323" name="Rectangle 286"/>
            <p:cNvSpPr>
              <a:spLocks noChangeArrowheads="1"/>
            </p:cNvSpPr>
            <p:nvPr>
              <p:custDataLst>
                <p:tags r:id="rId104"/>
              </p:custDataLst>
            </p:nvPr>
          </p:nvSpPr>
          <p:spPr bwMode="gray">
            <a:xfrm>
              <a:off x="4146972" y="4568769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eria</a:t>
              </a:r>
            </a:p>
          </p:txBody>
        </p:sp>
        <p:sp>
          <p:nvSpPr>
            <p:cNvPr id="324" name="Rectangle 287"/>
            <p:cNvSpPr>
              <a:spLocks noChangeArrowheads="1"/>
            </p:cNvSpPr>
            <p:nvPr>
              <p:custDataLst>
                <p:tags r:id="rId105"/>
              </p:custDataLst>
            </p:nvPr>
          </p:nvSpPr>
          <p:spPr bwMode="gray">
            <a:xfrm>
              <a:off x="3884614" y="3784601"/>
              <a:ext cx="2040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ry Is.</a:t>
              </a:r>
            </a:p>
          </p:txBody>
        </p:sp>
        <p:sp>
          <p:nvSpPr>
            <p:cNvPr id="325" name="Rectangle 288"/>
            <p:cNvSpPr>
              <a:spLocks noChangeArrowheads="1"/>
            </p:cNvSpPr>
            <p:nvPr>
              <p:custDataLst>
                <p:tags r:id="rId106"/>
              </p:custDataLst>
            </p:nvPr>
          </p:nvSpPr>
          <p:spPr bwMode="gray">
            <a:xfrm>
              <a:off x="4699000" y="4708526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bon</a:t>
              </a:r>
            </a:p>
          </p:txBody>
        </p:sp>
        <p:sp>
          <p:nvSpPr>
            <p:cNvPr id="326" name="Rectangle 289"/>
            <p:cNvSpPr>
              <a:spLocks noChangeArrowheads="1"/>
            </p:cNvSpPr>
            <p:nvPr>
              <p:custDataLst>
                <p:tags r:id="rId107"/>
              </p:custDataLst>
            </p:nvPr>
          </p:nvSpPr>
          <p:spPr bwMode="gray">
            <a:xfrm>
              <a:off x="4452938" y="4537076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ogo</a:t>
              </a:r>
            </a:p>
          </p:txBody>
        </p:sp>
        <p:sp>
          <p:nvSpPr>
            <p:cNvPr id="327" name="Rectangle 290"/>
            <p:cNvSpPr>
              <a:spLocks noChangeArrowheads="1"/>
            </p:cNvSpPr>
            <p:nvPr>
              <p:custDataLst>
                <p:tags r:id="rId108"/>
              </p:custDataLst>
            </p:nvPr>
          </p:nvSpPr>
          <p:spPr bwMode="gray">
            <a:xfrm>
              <a:off x="5114926" y="46958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wanda</a:t>
              </a:r>
            </a:p>
          </p:txBody>
        </p:sp>
        <p:sp>
          <p:nvSpPr>
            <p:cNvPr id="328" name="Rectangle 291"/>
            <p:cNvSpPr>
              <a:spLocks noChangeArrowheads="1"/>
            </p:cNvSpPr>
            <p:nvPr>
              <p:custDataLst>
                <p:tags r:id="rId109"/>
              </p:custDataLst>
            </p:nvPr>
          </p:nvSpPr>
          <p:spPr bwMode="gray">
            <a:xfrm>
              <a:off x="3622676" y="4211639"/>
              <a:ext cx="2405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pe Verde</a:t>
              </a:r>
            </a:p>
          </p:txBody>
        </p:sp>
        <p:sp>
          <p:nvSpPr>
            <p:cNvPr id="329" name="Rectangle 292"/>
            <p:cNvSpPr>
              <a:spLocks noChangeArrowheads="1"/>
            </p:cNvSpPr>
            <p:nvPr>
              <p:custDataLst>
                <p:tags r:id="rId110"/>
              </p:custDataLst>
            </p:nvPr>
          </p:nvSpPr>
          <p:spPr bwMode="gray">
            <a:xfrm>
              <a:off x="5719763" y="4767263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ychelles</a:t>
              </a:r>
            </a:p>
          </p:txBody>
        </p:sp>
        <p:sp>
          <p:nvSpPr>
            <p:cNvPr id="330" name="Rectangle 293"/>
            <p:cNvSpPr>
              <a:spLocks noChangeArrowheads="1"/>
            </p:cNvSpPr>
            <p:nvPr>
              <p:custDataLst>
                <p:tags r:id="rId111"/>
              </p:custDataLst>
            </p:nvPr>
          </p:nvSpPr>
          <p:spPr bwMode="gray">
            <a:xfrm>
              <a:off x="4487863" y="3868739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geria</a:t>
              </a:r>
            </a:p>
          </p:txBody>
        </p:sp>
        <p:sp>
          <p:nvSpPr>
            <p:cNvPr id="331" name="Rectangle 294"/>
            <p:cNvSpPr>
              <a:spLocks noChangeArrowheads="1"/>
            </p:cNvSpPr>
            <p:nvPr>
              <p:custDataLst>
                <p:tags r:id="rId112"/>
              </p:custDataLst>
            </p:nvPr>
          </p:nvSpPr>
          <p:spPr bwMode="gray">
            <a:xfrm>
              <a:off x="5105400" y="4229101"/>
              <a:ext cx="230188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North Sudan</a:t>
              </a:r>
            </a:p>
          </p:txBody>
        </p:sp>
        <p:sp>
          <p:nvSpPr>
            <p:cNvPr id="332" name="Rectangle 295"/>
            <p:cNvSpPr>
              <a:spLocks noChangeArrowheads="1"/>
            </p:cNvSpPr>
            <p:nvPr>
              <p:custDataLst>
                <p:tags r:id="rId113"/>
              </p:custDataLst>
            </p:nvPr>
          </p:nvSpPr>
          <p:spPr bwMode="gray">
            <a:xfrm>
              <a:off x="4875213" y="3875088"/>
              <a:ext cx="11337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ya</a:t>
              </a:r>
            </a:p>
          </p:txBody>
        </p:sp>
        <p:sp>
          <p:nvSpPr>
            <p:cNvPr id="333" name="Rectangle 296"/>
            <p:cNvSpPr>
              <a:spLocks noChangeArrowheads="1"/>
            </p:cNvSpPr>
            <p:nvPr>
              <p:custDataLst>
                <p:tags r:id="rId114"/>
              </p:custDataLst>
            </p:nvPr>
          </p:nvSpPr>
          <p:spPr bwMode="gray">
            <a:xfrm>
              <a:off x="4430712" y="4140201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i</a:t>
              </a:r>
            </a:p>
          </p:txBody>
        </p:sp>
        <p:sp>
          <p:nvSpPr>
            <p:cNvPr id="334" name="Rectangle 297"/>
            <p:cNvSpPr>
              <a:spLocks noChangeArrowheads="1"/>
            </p:cNvSpPr>
            <p:nvPr>
              <p:custDataLst>
                <p:tags r:id="rId115"/>
              </p:custDataLst>
            </p:nvPr>
          </p:nvSpPr>
          <p:spPr bwMode="gray">
            <a:xfrm>
              <a:off x="4895851" y="4240214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ad</a:t>
              </a:r>
            </a:p>
          </p:txBody>
        </p:sp>
        <p:sp>
          <p:nvSpPr>
            <p:cNvPr id="335" name="Rectangle 298"/>
            <p:cNvSpPr>
              <a:spLocks noChangeArrowheads="1"/>
            </p:cNvSpPr>
            <p:nvPr>
              <p:custDataLst>
                <p:tags r:id="rId116"/>
              </p:custDataLst>
            </p:nvPr>
          </p:nvSpPr>
          <p:spPr bwMode="gray">
            <a:xfrm>
              <a:off x="4681538" y="4171951"/>
              <a:ext cx="1146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</a:t>
              </a:r>
            </a:p>
          </p:txBody>
        </p:sp>
        <p:sp>
          <p:nvSpPr>
            <p:cNvPr id="336" name="Rectangle 299"/>
            <p:cNvSpPr>
              <a:spLocks noChangeArrowheads="1"/>
            </p:cNvSpPr>
            <p:nvPr>
              <p:custDataLst>
                <p:tags r:id="rId117"/>
              </p:custDataLst>
            </p:nvPr>
          </p:nvSpPr>
          <p:spPr bwMode="gray">
            <a:xfrm>
              <a:off x="5153025" y="3925888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gypt</a:t>
              </a:r>
            </a:p>
          </p:txBody>
        </p:sp>
        <p:sp>
          <p:nvSpPr>
            <p:cNvPr id="337" name="Rectangle 300"/>
            <p:cNvSpPr>
              <a:spLocks noChangeArrowheads="1"/>
            </p:cNvSpPr>
            <p:nvPr>
              <p:custDataLst>
                <p:tags r:id="rId118"/>
              </p:custDataLst>
            </p:nvPr>
          </p:nvSpPr>
          <p:spPr bwMode="gray">
            <a:xfrm>
              <a:off x="4851400" y="5048251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gola</a:t>
              </a:r>
            </a:p>
          </p:txBody>
        </p:sp>
        <p:sp>
          <p:nvSpPr>
            <p:cNvPr id="338" name="Rectangle 301"/>
            <p:cNvSpPr>
              <a:spLocks noChangeArrowheads="1"/>
            </p:cNvSpPr>
            <p:nvPr>
              <p:custDataLst>
                <p:tags r:id="rId119"/>
              </p:custDataLst>
            </p:nvPr>
          </p:nvSpPr>
          <p:spPr bwMode="gray">
            <a:xfrm>
              <a:off x="4921251" y="4779964"/>
              <a:ext cx="26987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em. Rep. Congo</a:t>
              </a:r>
            </a:p>
          </p:txBody>
        </p:sp>
        <p:sp>
          <p:nvSpPr>
            <p:cNvPr id="339" name="Rectangle 302"/>
            <p:cNvSpPr>
              <a:spLocks noChangeArrowheads="1"/>
            </p:cNvSpPr>
            <p:nvPr>
              <p:custDataLst>
                <p:tags r:id="rId120"/>
              </p:custDataLst>
            </p:nvPr>
          </p:nvSpPr>
          <p:spPr bwMode="gray">
            <a:xfrm>
              <a:off x="5338763" y="44180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thiopia</a:t>
              </a:r>
            </a:p>
          </p:txBody>
        </p:sp>
        <p:sp>
          <p:nvSpPr>
            <p:cNvPr id="340" name="Rectangle 303"/>
            <p:cNvSpPr>
              <a:spLocks noChangeArrowheads="1"/>
            </p:cNvSpPr>
            <p:nvPr>
              <p:custDataLst>
                <p:tags r:id="rId121"/>
              </p:custDataLst>
            </p:nvPr>
          </p:nvSpPr>
          <p:spPr bwMode="gray">
            <a:xfrm>
              <a:off x="4965700" y="5553076"/>
              <a:ext cx="20002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Africa</a:t>
              </a:r>
            </a:p>
          </p:txBody>
        </p:sp>
        <p:sp>
          <p:nvSpPr>
            <p:cNvPr id="341" name="Rectangle 304"/>
            <p:cNvSpPr>
              <a:spLocks noChangeArrowheads="1"/>
            </p:cNvSpPr>
            <p:nvPr>
              <p:custDataLst>
                <p:tags r:id="rId122"/>
              </p:custDataLst>
            </p:nvPr>
          </p:nvSpPr>
          <p:spPr bwMode="gray">
            <a:xfrm>
              <a:off x="4643438" y="4418014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ia</a:t>
              </a:r>
            </a:p>
          </p:txBody>
        </p:sp>
        <p:sp>
          <p:nvSpPr>
            <p:cNvPr id="342" name="Rectangle 305"/>
            <p:cNvSpPr>
              <a:spLocks noChangeArrowheads="1"/>
            </p:cNvSpPr>
            <p:nvPr>
              <p:custDataLst>
                <p:tags r:id="rId123"/>
              </p:custDataLst>
            </p:nvPr>
          </p:nvSpPr>
          <p:spPr bwMode="gray">
            <a:xfrm>
              <a:off x="4821238" y="5259389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amibia</a:t>
              </a:r>
            </a:p>
          </p:txBody>
        </p:sp>
        <p:sp>
          <p:nvSpPr>
            <p:cNvPr id="343" name="Rectangle 306"/>
            <p:cNvSpPr>
              <a:spLocks noChangeArrowheads="1"/>
            </p:cNvSpPr>
            <p:nvPr>
              <p:custDataLst>
                <p:tags r:id="rId124"/>
              </p:custDataLst>
            </p:nvPr>
          </p:nvSpPr>
          <p:spPr bwMode="gray">
            <a:xfrm>
              <a:off x="4127500" y="4137027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uritania</a:t>
              </a:r>
            </a:p>
          </p:txBody>
        </p:sp>
        <p:sp>
          <p:nvSpPr>
            <p:cNvPr id="344" name="Rectangle 307"/>
            <p:cNvSpPr>
              <a:spLocks noChangeArrowheads="1"/>
            </p:cNvSpPr>
            <p:nvPr>
              <p:custDataLst>
                <p:tags r:id="rId125"/>
              </p:custDataLst>
            </p:nvPr>
          </p:nvSpPr>
          <p:spPr bwMode="gray">
            <a:xfrm>
              <a:off x="5067300" y="5100639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ambia</a:t>
              </a:r>
            </a:p>
          </p:txBody>
        </p:sp>
        <p:sp>
          <p:nvSpPr>
            <p:cNvPr id="345" name="Rectangle 308"/>
            <p:cNvSpPr>
              <a:spLocks noChangeArrowheads="1"/>
            </p:cNvSpPr>
            <p:nvPr>
              <p:custDataLst>
                <p:tags r:id="rId126"/>
              </p:custDataLst>
            </p:nvPr>
          </p:nvSpPr>
          <p:spPr bwMode="gray">
            <a:xfrm>
              <a:off x="5245100" y="4876801"/>
              <a:ext cx="1902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nzania</a:t>
              </a:r>
            </a:p>
          </p:txBody>
        </p:sp>
        <p:sp>
          <p:nvSpPr>
            <p:cNvPr id="346" name="Rectangle 309"/>
            <p:cNvSpPr>
              <a:spLocks noChangeArrowheads="1"/>
            </p:cNvSpPr>
            <p:nvPr>
              <p:custDataLst>
                <p:tags r:id="rId127"/>
              </p:custDataLst>
            </p:nvPr>
          </p:nvSpPr>
          <p:spPr bwMode="gray">
            <a:xfrm>
              <a:off x="5349875" y="4657725"/>
              <a:ext cx="13100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enya</a:t>
              </a:r>
            </a:p>
          </p:txBody>
        </p:sp>
        <p:sp>
          <p:nvSpPr>
            <p:cNvPr id="347" name="Rectangle 310"/>
            <p:cNvSpPr>
              <a:spLocks noChangeArrowheads="1"/>
            </p:cNvSpPr>
            <p:nvPr>
              <p:custDataLst>
                <p:tags r:id="rId128"/>
              </p:custDataLst>
            </p:nvPr>
          </p:nvSpPr>
          <p:spPr bwMode="gray">
            <a:xfrm>
              <a:off x="5575300" y="44037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malia</a:t>
              </a:r>
            </a:p>
          </p:txBody>
        </p:sp>
        <p:sp>
          <p:nvSpPr>
            <p:cNvPr id="348" name="Rectangle 311"/>
            <p:cNvSpPr>
              <a:spLocks noChangeArrowheads="1"/>
            </p:cNvSpPr>
            <p:nvPr>
              <p:custDataLst>
                <p:tags r:id="rId129"/>
              </p:custDataLst>
            </p:nvPr>
          </p:nvSpPr>
          <p:spPr bwMode="gray">
            <a:xfrm>
              <a:off x="5016500" y="5327650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tswana</a:t>
              </a:r>
            </a:p>
          </p:txBody>
        </p:sp>
        <p:sp>
          <p:nvSpPr>
            <p:cNvPr id="349" name="Rectangle 312"/>
            <p:cNvSpPr>
              <a:spLocks noChangeArrowheads="1"/>
            </p:cNvSpPr>
            <p:nvPr>
              <p:custDataLst>
                <p:tags r:id="rId130"/>
              </p:custDataLst>
            </p:nvPr>
          </p:nvSpPr>
          <p:spPr bwMode="gray">
            <a:xfrm>
              <a:off x="5262563" y="5154614"/>
              <a:ext cx="2936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zambique</a:t>
              </a:r>
            </a:p>
          </p:txBody>
        </p:sp>
        <p:sp>
          <p:nvSpPr>
            <p:cNvPr id="350" name="Rectangle 313"/>
            <p:cNvSpPr>
              <a:spLocks noChangeArrowheads="1"/>
            </p:cNvSpPr>
            <p:nvPr>
              <p:custDataLst>
                <p:tags r:id="rId131"/>
              </p:custDataLst>
            </p:nvPr>
          </p:nvSpPr>
          <p:spPr bwMode="gray">
            <a:xfrm>
              <a:off x="4251325" y="3711576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rocco</a:t>
              </a:r>
            </a:p>
          </p:txBody>
        </p:sp>
        <p:sp>
          <p:nvSpPr>
            <p:cNvPr id="351" name="Rectangle 314"/>
            <p:cNvSpPr>
              <a:spLocks noChangeArrowheads="1"/>
            </p:cNvSpPr>
            <p:nvPr>
              <p:custDataLst>
                <p:tags r:id="rId132"/>
              </p:custDataLst>
            </p:nvPr>
          </p:nvSpPr>
          <p:spPr bwMode="gray">
            <a:xfrm>
              <a:off x="5705475" y="5233989"/>
              <a:ext cx="2544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dagascar</a:t>
              </a:r>
            </a:p>
          </p:txBody>
        </p:sp>
        <p:sp>
          <p:nvSpPr>
            <p:cNvPr id="352" name="Rectangle 315"/>
            <p:cNvSpPr>
              <a:spLocks noChangeArrowheads="1"/>
            </p:cNvSpPr>
            <p:nvPr>
              <p:custDataLst>
                <p:tags r:id="rId133"/>
              </p:custDataLst>
            </p:nvPr>
          </p:nvSpPr>
          <p:spPr bwMode="gray">
            <a:xfrm>
              <a:off x="4640263" y="4551364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eroon</a:t>
              </a:r>
            </a:p>
          </p:txBody>
        </p:sp>
        <p:sp>
          <p:nvSpPr>
            <p:cNvPr id="353" name="Rectangle 316"/>
            <p:cNvSpPr>
              <a:spLocks noChangeArrowheads="1"/>
            </p:cNvSpPr>
            <p:nvPr>
              <p:custDataLst>
                <p:tags r:id="rId134"/>
              </p:custDataLst>
            </p:nvPr>
          </p:nvSpPr>
          <p:spPr bwMode="gray">
            <a:xfrm>
              <a:off x="5078414" y="5235576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imbabwe</a:t>
              </a:r>
            </a:p>
          </p:txBody>
        </p:sp>
        <p:sp>
          <p:nvSpPr>
            <p:cNvPr id="354" name="Rectangle 317"/>
            <p:cNvSpPr>
              <a:spLocks noChangeArrowheads="1"/>
            </p:cNvSpPr>
            <p:nvPr>
              <p:custDataLst>
                <p:tags r:id="rId135"/>
              </p:custDataLst>
            </p:nvPr>
          </p:nvSpPr>
          <p:spPr bwMode="gray">
            <a:xfrm>
              <a:off x="4397374" y="4421188"/>
              <a:ext cx="13730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hana</a:t>
              </a:r>
            </a:p>
          </p:txBody>
        </p:sp>
        <p:sp>
          <p:nvSpPr>
            <p:cNvPr id="355" name="Rectangle 318"/>
            <p:cNvSpPr>
              <a:spLocks noChangeArrowheads="1"/>
            </p:cNvSpPr>
            <p:nvPr>
              <p:custDataLst>
                <p:tags r:id="rId136"/>
              </p:custDataLst>
            </p:nvPr>
          </p:nvSpPr>
          <p:spPr bwMode="gray">
            <a:xfrm>
              <a:off x="4151313" y="4365626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</a:t>
              </a:r>
            </a:p>
          </p:txBody>
        </p:sp>
        <p:sp>
          <p:nvSpPr>
            <p:cNvPr id="356" name="Rectangle 319"/>
            <p:cNvSpPr>
              <a:spLocks noChangeArrowheads="1"/>
            </p:cNvSpPr>
            <p:nvPr>
              <p:custDataLst>
                <p:tags r:id="rId137"/>
              </p:custDataLst>
            </p:nvPr>
          </p:nvSpPr>
          <p:spPr bwMode="gray">
            <a:xfrm>
              <a:off x="4656138" y="3683001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nisia</a:t>
              </a:r>
            </a:p>
          </p:txBody>
        </p:sp>
        <p:sp>
          <p:nvSpPr>
            <p:cNvPr id="357" name="Rectangle 320"/>
            <p:cNvSpPr>
              <a:spLocks noChangeArrowheads="1"/>
            </p:cNvSpPr>
            <p:nvPr>
              <p:custDataLst>
                <p:tags r:id="rId138"/>
              </p:custDataLst>
            </p:nvPr>
          </p:nvSpPr>
          <p:spPr bwMode="gray">
            <a:xfrm>
              <a:off x="5206999" y="4603751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ganda</a:t>
              </a:r>
            </a:p>
          </p:txBody>
        </p:sp>
        <p:sp>
          <p:nvSpPr>
            <p:cNvPr id="358" name="Rectangle 321"/>
            <p:cNvSpPr>
              <a:spLocks noChangeArrowheads="1"/>
            </p:cNvSpPr>
            <p:nvPr>
              <p:custDataLst>
                <p:tags r:id="rId139"/>
              </p:custDataLst>
            </p:nvPr>
          </p:nvSpPr>
          <p:spPr bwMode="gray">
            <a:xfrm>
              <a:off x="4133527" y="4499162"/>
              <a:ext cx="3812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te d'Ivoire</a:t>
              </a:r>
            </a:p>
          </p:txBody>
        </p:sp>
        <p:sp>
          <p:nvSpPr>
            <p:cNvPr id="359" name="Rectangle 322"/>
            <p:cNvSpPr>
              <a:spLocks noChangeArrowheads="1"/>
            </p:cNvSpPr>
            <p:nvPr>
              <p:custDataLst>
                <p:tags r:id="rId140"/>
              </p:custDataLst>
            </p:nvPr>
          </p:nvSpPr>
          <p:spPr bwMode="gray">
            <a:xfrm>
              <a:off x="4084638" y="4240214"/>
              <a:ext cx="16753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negal</a:t>
              </a:r>
            </a:p>
          </p:txBody>
        </p:sp>
        <p:sp>
          <p:nvSpPr>
            <p:cNvPr id="360" name="Rectangle 323"/>
            <p:cNvSpPr>
              <a:spLocks noChangeArrowheads="1"/>
            </p:cNvSpPr>
            <p:nvPr>
              <p:custDataLst>
                <p:tags r:id="rId141"/>
              </p:custDataLst>
            </p:nvPr>
          </p:nvSpPr>
          <p:spPr bwMode="gray">
            <a:xfrm>
              <a:off x="4319588" y="4306889"/>
              <a:ext cx="2670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kina Faso</a:t>
              </a:r>
            </a:p>
          </p:txBody>
        </p:sp>
        <p:sp>
          <p:nvSpPr>
            <p:cNvPr id="361" name="Rectangle 324"/>
            <p:cNvSpPr>
              <a:spLocks noChangeArrowheads="1"/>
            </p:cNvSpPr>
            <p:nvPr>
              <p:custDataLst>
                <p:tags r:id="rId142"/>
              </p:custDataLst>
            </p:nvPr>
          </p:nvSpPr>
          <p:spPr bwMode="gray">
            <a:xfrm>
              <a:off x="3903663" y="3959226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estern Sahara</a:t>
              </a:r>
            </a:p>
          </p:txBody>
        </p:sp>
        <p:sp>
          <p:nvSpPr>
            <p:cNvPr id="362" name="Rectangle 325"/>
            <p:cNvSpPr>
              <a:spLocks noChangeArrowheads="1"/>
            </p:cNvSpPr>
            <p:nvPr>
              <p:custDataLst>
                <p:tags r:id="rId143"/>
              </p:custDataLst>
            </p:nvPr>
          </p:nvSpPr>
          <p:spPr bwMode="gray">
            <a:xfrm>
              <a:off x="5343524" y="4210050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ritrea</a:t>
              </a:r>
            </a:p>
          </p:txBody>
        </p:sp>
        <p:sp>
          <p:nvSpPr>
            <p:cNvPr id="363" name="Rectangle 326"/>
            <p:cNvSpPr>
              <a:spLocks noChangeArrowheads="1"/>
            </p:cNvSpPr>
            <p:nvPr>
              <p:custDataLst>
                <p:tags r:id="rId144"/>
              </p:custDataLst>
            </p:nvPr>
          </p:nvSpPr>
          <p:spPr bwMode="gray">
            <a:xfrm>
              <a:off x="5284788" y="5024439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wi</a:t>
              </a:r>
            </a:p>
          </p:txBody>
        </p:sp>
        <p:sp>
          <p:nvSpPr>
            <p:cNvPr id="364" name="Rectangle 327"/>
            <p:cNvSpPr>
              <a:spLocks noChangeArrowheads="1"/>
            </p:cNvSpPr>
            <p:nvPr>
              <p:custDataLst>
                <p:tags r:id="rId145"/>
              </p:custDataLst>
            </p:nvPr>
          </p:nvSpPr>
          <p:spPr bwMode="gray">
            <a:xfrm>
              <a:off x="5299075" y="5476875"/>
              <a:ext cx="2116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aziland</a:t>
              </a:r>
            </a:p>
          </p:txBody>
        </p:sp>
        <p:sp>
          <p:nvSpPr>
            <p:cNvPr id="365" name="Rectangle 328"/>
            <p:cNvSpPr>
              <a:spLocks noChangeArrowheads="1"/>
            </p:cNvSpPr>
            <p:nvPr>
              <p:custDataLst>
                <p:tags r:id="rId146"/>
              </p:custDataLst>
            </p:nvPr>
          </p:nvSpPr>
          <p:spPr bwMode="gray">
            <a:xfrm>
              <a:off x="5222874" y="5562601"/>
              <a:ext cx="21280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sotho</a:t>
              </a:r>
            </a:p>
          </p:txBody>
        </p:sp>
        <p:sp>
          <p:nvSpPr>
            <p:cNvPr id="366" name="Rectangle 329"/>
            <p:cNvSpPr>
              <a:spLocks noChangeArrowheads="1"/>
            </p:cNvSpPr>
            <p:nvPr>
              <p:custDataLst>
                <p:tags r:id="rId147"/>
              </p:custDataLst>
            </p:nvPr>
          </p:nvSpPr>
          <p:spPr bwMode="gray">
            <a:xfrm>
              <a:off x="4849813" y="4497390"/>
              <a:ext cx="323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en. Afr. Rep.</a:t>
              </a:r>
            </a:p>
          </p:txBody>
        </p:sp>
        <p:sp>
          <p:nvSpPr>
            <p:cNvPr id="367" name="Rectangle 330"/>
            <p:cNvSpPr>
              <a:spLocks noChangeArrowheads="1"/>
            </p:cNvSpPr>
            <p:nvPr>
              <p:custDataLst>
                <p:tags r:id="rId148"/>
              </p:custDataLst>
            </p:nvPr>
          </p:nvSpPr>
          <p:spPr bwMode="gray">
            <a:xfrm>
              <a:off x="3808918" y="4443414"/>
              <a:ext cx="4392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ierra Leone</a:t>
              </a:r>
            </a:p>
          </p:txBody>
        </p:sp>
        <p:sp>
          <p:nvSpPr>
            <p:cNvPr id="368" name="Rectangle 331"/>
            <p:cNvSpPr>
              <a:spLocks noChangeArrowheads="1"/>
            </p:cNvSpPr>
            <p:nvPr>
              <p:custDataLst>
                <p:tags r:id="rId149"/>
              </p:custDataLst>
            </p:nvPr>
          </p:nvSpPr>
          <p:spPr bwMode="gray">
            <a:xfrm>
              <a:off x="3733359" y="4361647"/>
              <a:ext cx="29854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-Bissau</a:t>
              </a:r>
            </a:p>
          </p:txBody>
        </p:sp>
        <p:sp>
          <p:nvSpPr>
            <p:cNvPr id="369" name="Rectangle 332"/>
            <p:cNvSpPr>
              <a:spLocks noChangeArrowheads="1"/>
            </p:cNvSpPr>
            <p:nvPr>
              <p:custDataLst>
                <p:tags r:id="rId150"/>
              </p:custDataLst>
            </p:nvPr>
          </p:nvSpPr>
          <p:spPr bwMode="gray">
            <a:xfrm>
              <a:off x="3825876" y="4289426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Gambia</a:t>
              </a:r>
            </a:p>
          </p:txBody>
        </p:sp>
        <p:sp>
          <p:nvSpPr>
            <p:cNvPr id="370" name="Rectangle 333"/>
            <p:cNvSpPr>
              <a:spLocks noChangeArrowheads="1"/>
            </p:cNvSpPr>
            <p:nvPr>
              <p:custDataLst>
                <p:tags r:id="rId151"/>
              </p:custDataLst>
            </p:nvPr>
          </p:nvSpPr>
          <p:spPr bwMode="gray">
            <a:xfrm>
              <a:off x="4445000" y="4637089"/>
              <a:ext cx="3270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quat. Guinea</a:t>
              </a:r>
            </a:p>
          </p:txBody>
        </p:sp>
        <p:sp>
          <p:nvSpPr>
            <p:cNvPr id="371" name="Rectangle 334"/>
            <p:cNvSpPr>
              <a:spLocks noChangeArrowheads="1"/>
            </p:cNvSpPr>
            <p:nvPr>
              <p:custDataLst>
                <p:tags r:id="rId152"/>
              </p:custDataLst>
            </p:nvPr>
          </p:nvSpPr>
          <p:spPr bwMode="gray">
            <a:xfrm>
              <a:off x="5240338" y="4781550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undi</a:t>
              </a:r>
            </a:p>
          </p:txBody>
        </p:sp>
        <p:sp>
          <p:nvSpPr>
            <p:cNvPr id="372" name="Rectangle 335"/>
            <p:cNvSpPr>
              <a:spLocks noChangeArrowheads="1"/>
            </p:cNvSpPr>
            <p:nvPr>
              <p:custDataLst>
                <p:tags r:id="rId153"/>
              </p:custDataLst>
            </p:nvPr>
          </p:nvSpPr>
          <p:spPr bwMode="gray">
            <a:xfrm>
              <a:off x="5365750" y="4338639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jibouti</a:t>
              </a:r>
            </a:p>
          </p:txBody>
        </p:sp>
        <p:sp>
          <p:nvSpPr>
            <p:cNvPr id="373" name="Rectangle 339"/>
            <p:cNvSpPr>
              <a:spLocks noChangeArrowheads="1"/>
            </p:cNvSpPr>
            <p:nvPr>
              <p:custDataLst>
                <p:tags r:id="rId154"/>
              </p:custDataLst>
            </p:nvPr>
          </p:nvSpPr>
          <p:spPr bwMode="gray">
            <a:xfrm>
              <a:off x="5522913" y="4914901"/>
              <a:ext cx="18769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moros</a:t>
              </a:r>
            </a:p>
          </p:txBody>
        </p:sp>
        <p:sp>
          <p:nvSpPr>
            <p:cNvPr id="374" name="Rectangle 341"/>
            <p:cNvSpPr>
              <a:spLocks noChangeArrowheads="1"/>
            </p:cNvSpPr>
            <p:nvPr>
              <p:custDataLst>
                <p:tags r:id="rId155"/>
              </p:custDataLst>
            </p:nvPr>
          </p:nvSpPr>
          <p:spPr bwMode="gray">
            <a:xfrm>
              <a:off x="2962275" y="6237290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alkland Is.</a:t>
              </a:r>
            </a:p>
          </p:txBody>
        </p:sp>
        <p:sp>
          <p:nvSpPr>
            <p:cNvPr id="375" name="Rectangle 342"/>
            <p:cNvSpPr>
              <a:spLocks noChangeArrowheads="1"/>
            </p:cNvSpPr>
            <p:nvPr>
              <p:custDataLst>
                <p:tags r:id="rId156"/>
              </p:custDataLst>
            </p:nvPr>
          </p:nvSpPr>
          <p:spPr bwMode="gray">
            <a:xfrm>
              <a:off x="3124199" y="45148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uriname</a:t>
              </a:r>
            </a:p>
          </p:txBody>
        </p:sp>
        <p:sp>
          <p:nvSpPr>
            <p:cNvPr id="376" name="Rectangle 343"/>
            <p:cNvSpPr>
              <a:spLocks noChangeArrowheads="1"/>
            </p:cNvSpPr>
            <p:nvPr>
              <p:custDataLst>
                <p:tags r:id="rId157"/>
              </p:custDataLst>
            </p:nvPr>
          </p:nvSpPr>
          <p:spPr bwMode="gray">
            <a:xfrm>
              <a:off x="3255963" y="50006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razil</a:t>
              </a:r>
            </a:p>
          </p:txBody>
        </p:sp>
        <p:sp>
          <p:nvSpPr>
            <p:cNvPr id="377" name="Rectangle 344"/>
            <p:cNvSpPr>
              <a:spLocks noChangeArrowheads="1"/>
            </p:cNvSpPr>
            <p:nvPr>
              <p:custDataLst>
                <p:tags r:id="rId158"/>
              </p:custDataLst>
            </p:nvPr>
          </p:nvSpPr>
          <p:spPr bwMode="gray">
            <a:xfrm>
              <a:off x="2847974" y="5768976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gentina</a:t>
              </a:r>
            </a:p>
          </p:txBody>
        </p:sp>
        <p:sp>
          <p:nvSpPr>
            <p:cNvPr id="378" name="Rectangle 345"/>
            <p:cNvSpPr>
              <a:spLocks noChangeArrowheads="1"/>
            </p:cNvSpPr>
            <p:nvPr>
              <p:custDataLst>
                <p:tags r:id="rId159"/>
              </p:custDataLst>
            </p:nvPr>
          </p:nvSpPr>
          <p:spPr bwMode="gray">
            <a:xfrm>
              <a:off x="2606675" y="4876801"/>
              <a:ext cx="969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eru</a:t>
              </a:r>
            </a:p>
          </p:txBody>
        </p:sp>
        <p:sp>
          <p:nvSpPr>
            <p:cNvPr id="379" name="Rectangle 346"/>
            <p:cNvSpPr>
              <a:spLocks noChangeArrowheads="1"/>
            </p:cNvSpPr>
            <p:nvPr>
              <p:custDataLst>
                <p:tags r:id="rId160"/>
              </p:custDataLst>
            </p:nvPr>
          </p:nvSpPr>
          <p:spPr bwMode="gray">
            <a:xfrm>
              <a:off x="2708275" y="5689601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le</a:t>
              </a:r>
            </a:p>
          </p:txBody>
        </p:sp>
        <p:sp>
          <p:nvSpPr>
            <p:cNvPr id="380" name="Rectangle 347"/>
            <p:cNvSpPr>
              <a:spLocks noChangeArrowheads="1"/>
            </p:cNvSpPr>
            <p:nvPr>
              <p:custDataLst>
                <p:tags r:id="rId161"/>
              </p:custDataLst>
            </p:nvPr>
          </p:nvSpPr>
          <p:spPr bwMode="gray">
            <a:xfrm>
              <a:off x="2873376" y="5173664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livia</a:t>
              </a:r>
            </a:p>
          </p:txBody>
        </p:sp>
        <p:sp>
          <p:nvSpPr>
            <p:cNvPr id="381" name="Rectangle 348"/>
            <p:cNvSpPr>
              <a:spLocks noChangeArrowheads="1"/>
            </p:cNvSpPr>
            <p:nvPr>
              <p:custDataLst>
                <p:tags r:id="rId162"/>
              </p:custDataLst>
            </p:nvPr>
          </p:nvSpPr>
          <p:spPr bwMode="gray">
            <a:xfrm>
              <a:off x="2647950" y="4572001"/>
              <a:ext cx="1990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lombia</a:t>
              </a:r>
            </a:p>
          </p:txBody>
        </p:sp>
        <p:sp>
          <p:nvSpPr>
            <p:cNvPr id="382" name="Rectangle 349"/>
            <p:cNvSpPr>
              <a:spLocks noChangeArrowheads="1"/>
            </p:cNvSpPr>
            <p:nvPr>
              <p:custDataLst>
                <p:tags r:id="rId163"/>
              </p:custDataLst>
            </p:nvPr>
          </p:nvSpPr>
          <p:spPr bwMode="gray">
            <a:xfrm>
              <a:off x="2778125" y="4435476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enezuela</a:t>
              </a:r>
            </a:p>
          </p:txBody>
        </p:sp>
        <p:sp>
          <p:nvSpPr>
            <p:cNvPr id="383" name="Rectangle 350"/>
            <p:cNvSpPr>
              <a:spLocks noChangeArrowheads="1"/>
            </p:cNvSpPr>
            <p:nvPr>
              <p:custDataLst>
                <p:tags r:id="rId164"/>
              </p:custDataLst>
            </p:nvPr>
          </p:nvSpPr>
          <p:spPr bwMode="gray">
            <a:xfrm>
              <a:off x="2982913" y="5349876"/>
              <a:ext cx="19776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raguay</a:t>
              </a:r>
            </a:p>
          </p:txBody>
        </p:sp>
        <p:sp>
          <p:nvSpPr>
            <p:cNvPr id="384" name="Rectangle 351"/>
            <p:cNvSpPr>
              <a:spLocks noChangeArrowheads="1"/>
            </p:cNvSpPr>
            <p:nvPr>
              <p:custDataLst>
                <p:tags r:id="rId165"/>
              </p:custDataLst>
            </p:nvPr>
          </p:nvSpPr>
          <p:spPr bwMode="gray">
            <a:xfrm>
              <a:off x="3087687" y="5672139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ruguay</a:t>
              </a:r>
            </a:p>
          </p:txBody>
        </p:sp>
        <p:sp>
          <p:nvSpPr>
            <p:cNvPr id="385" name="Rectangle 352"/>
            <p:cNvSpPr>
              <a:spLocks noChangeArrowheads="1"/>
            </p:cNvSpPr>
            <p:nvPr>
              <p:custDataLst>
                <p:tags r:id="rId166"/>
              </p:custDataLst>
            </p:nvPr>
          </p:nvSpPr>
          <p:spPr bwMode="gray">
            <a:xfrm>
              <a:off x="2482850" y="4713289"/>
              <a:ext cx="1713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cuador</a:t>
              </a:r>
            </a:p>
          </p:txBody>
        </p:sp>
        <p:sp>
          <p:nvSpPr>
            <p:cNvPr id="386" name="Rectangle 353"/>
            <p:cNvSpPr>
              <a:spLocks noChangeArrowheads="1"/>
            </p:cNvSpPr>
            <p:nvPr>
              <p:custDataLst>
                <p:tags r:id="rId167"/>
              </p:custDataLst>
            </p:nvPr>
          </p:nvSpPr>
          <p:spPr bwMode="gray">
            <a:xfrm>
              <a:off x="3049588" y="4443414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yana</a:t>
              </a:r>
            </a:p>
          </p:txBody>
        </p:sp>
        <p:sp>
          <p:nvSpPr>
            <p:cNvPr id="387" name="Rectangle 354"/>
            <p:cNvSpPr>
              <a:spLocks noChangeArrowheads="1"/>
            </p:cNvSpPr>
            <p:nvPr>
              <p:custDataLst>
                <p:tags r:id="rId168"/>
              </p:custDataLst>
            </p:nvPr>
          </p:nvSpPr>
          <p:spPr bwMode="gray">
            <a:xfrm>
              <a:off x="3214688" y="4557714"/>
              <a:ext cx="3010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Guiana</a:t>
              </a:r>
            </a:p>
          </p:txBody>
        </p:sp>
        <p:sp>
          <p:nvSpPr>
            <p:cNvPr id="388" name="Rectangle 355"/>
            <p:cNvSpPr>
              <a:spLocks noChangeArrowheads="1"/>
            </p:cNvSpPr>
            <p:nvPr>
              <p:custDataLst>
                <p:tags r:id="rId169"/>
              </p:custDataLst>
            </p:nvPr>
          </p:nvSpPr>
          <p:spPr bwMode="gray">
            <a:xfrm>
              <a:off x="2933700" y="4314826"/>
              <a:ext cx="3841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rinidad &amp; Tobago</a:t>
              </a:r>
            </a:p>
          </p:txBody>
        </p:sp>
        <p:sp>
          <p:nvSpPr>
            <p:cNvPr id="389" name="Rectangle 356"/>
            <p:cNvSpPr>
              <a:spLocks noChangeArrowheads="1"/>
            </p:cNvSpPr>
            <p:nvPr>
              <p:custDataLst>
                <p:tags r:id="rId170"/>
              </p:custDataLst>
            </p:nvPr>
          </p:nvSpPr>
          <p:spPr bwMode="gray">
            <a:xfrm>
              <a:off x="274638" y="4848226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moa</a:t>
              </a:r>
            </a:p>
          </p:txBody>
        </p:sp>
        <p:sp>
          <p:nvSpPr>
            <p:cNvPr id="390" name="Rectangle 357"/>
            <p:cNvSpPr>
              <a:spLocks noChangeArrowheads="1"/>
            </p:cNvSpPr>
            <p:nvPr>
              <p:custDataLst>
                <p:tags r:id="rId171"/>
              </p:custDataLst>
            </p:nvPr>
          </p:nvSpPr>
          <p:spPr bwMode="gray">
            <a:xfrm>
              <a:off x="768350" y="4926014"/>
              <a:ext cx="351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Polynesia</a:t>
              </a:r>
            </a:p>
          </p:txBody>
        </p:sp>
        <p:sp>
          <p:nvSpPr>
            <p:cNvPr id="391" name="Rectangle 358"/>
            <p:cNvSpPr>
              <a:spLocks noChangeArrowheads="1"/>
            </p:cNvSpPr>
            <p:nvPr>
              <p:custDataLst>
                <p:tags r:id="rId172"/>
              </p:custDataLst>
            </p:nvPr>
          </p:nvSpPr>
          <p:spPr bwMode="gray">
            <a:xfrm>
              <a:off x="623888" y="5126039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ok Is.</a:t>
              </a:r>
            </a:p>
          </p:txBody>
        </p:sp>
        <p:sp>
          <p:nvSpPr>
            <p:cNvPr id="392" name="Rectangle 374"/>
            <p:cNvSpPr>
              <a:spLocks noChangeArrowheads="1"/>
            </p:cNvSpPr>
            <p:nvPr>
              <p:custDataLst>
                <p:tags r:id="rId173"/>
              </p:custDataLst>
            </p:nvPr>
          </p:nvSpPr>
          <p:spPr bwMode="gray">
            <a:xfrm>
              <a:off x="1968500" y="4699001"/>
              <a:ext cx="2771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lapagos Is.</a:t>
              </a:r>
            </a:p>
          </p:txBody>
        </p:sp>
        <p:sp>
          <p:nvSpPr>
            <p:cNvPr id="393" name="Rectangle 377"/>
            <p:cNvSpPr>
              <a:spLocks noChangeArrowheads="1"/>
            </p:cNvSpPr>
            <p:nvPr>
              <p:custDataLst>
                <p:tags r:id="rId174"/>
              </p:custDataLst>
            </p:nvPr>
          </p:nvSpPr>
          <p:spPr bwMode="gray">
            <a:xfrm>
              <a:off x="2425701" y="4217988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onduras</a:t>
              </a:r>
            </a:p>
          </p:txBody>
        </p:sp>
        <p:sp>
          <p:nvSpPr>
            <p:cNvPr id="394" name="Rectangle 384"/>
            <p:cNvSpPr>
              <a:spLocks noChangeArrowheads="1"/>
            </p:cNvSpPr>
            <p:nvPr>
              <p:custDataLst>
                <p:tags r:id="rId175"/>
              </p:custDataLst>
            </p:nvPr>
          </p:nvSpPr>
          <p:spPr bwMode="gray">
            <a:xfrm>
              <a:off x="2474913" y="4310063"/>
              <a:ext cx="2141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caragua</a:t>
              </a:r>
            </a:p>
          </p:txBody>
        </p:sp>
        <p:sp>
          <p:nvSpPr>
            <p:cNvPr id="395" name="Rectangle 385"/>
            <p:cNvSpPr>
              <a:spLocks noChangeArrowheads="1"/>
            </p:cNvSpPr>
            <p:nvPr>
              <p:custDataLst>
                <p:tags r:id="rId176"/>
              </p:custDataLst>
            </p:nvPr>
          </p:nvSpPr>
          <p:spPr bwMode="gray">
            <a:xfrm>
              <a:off x="2747963" y="3925888"/>
              <a:ext cx="2834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Bahamas</a:t>
              </a:r>
            </a:p>
          </p:txBody>
        </p:sp>
        <p:sp>
          <p:nvSpPr>
            <p:cNvPr id="396" name="Rectangle 386"/>
            <p:cNvSpPr>
              <a:spLocks noChangeArrowheads="1"/>
            </p:cNvSpPr>
            <p:nvPr>
              <p:custDataLst>
                <p:tags r:id="rId177"/>
              </p:custDataLst>
            </p:nvPr>
          </p:nvSpPr>
          <p:spPr bwMode="gray">
            <a:xfrm>
              <a:off x="777876" y="3994151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waii</a:t>
              </a:r>
            </a:p>
          </p:txBody>
        </p:sp>
        <p:sp>
          <p:nvSpPr>
            <p:cNvPr id="397" name="Rectangle 387"/>
            <p:cNvSpPr>
              <a:spLocks noChangeArrowheads="1"/>
            </p:cNvSpPr>
            <p:nvPr>
              <p:custDataLst>
                <p:tags r:id="rId178"/>
              </p:custDataLst>
            </p:nvPr>
          </p:nvSpPr>
          <p:spPr bwMode="gray">
            <a:xfrm>
              <a:off x="2873376" y="3663952"/>
              <a:ext cx="1914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rmuda</a:t>
              </a:r>
            </a:p>
          </p:txBody>
        </p:sp>
        <p:sp>
          <p:nvSpPr>
            <p:cNvPr id="398" name="Rectangle 388"/>
            <p:cNvSpPr>
              <a:spLocks noChangeArrowheads="1"/>
            </p:cNvSpPr>
            <p:nvPr>
              <p:custDataLst>
                <p:tags r:id="rId179"/>
              </p:custDataLst>
            </p:nvPr>
          </p:nvSpPr>
          <p:spPr bwMode="gray">
            <a:xfrm>
              <a:off x="166688" y="3811588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dway Is.</a:t>
              </a:r>
            </a:p>
          </p:txBody>
        </p:sp>
        <p:sp>
          <p:nvSpPr>
            <p:cNvPr id="399" name="Rectangle 389"/>
            <p:cNvSpPr>
              <a:spLocks noChangeArrowheads="1"/>
            </p:cNvSpPr>
            <p:nvPr>
              <p:custDataLst>
                <p:tags r:id="rId180"/>
              </p:custDataLst>
            </p:nvPr>
          </p:nvSpPr>
          <p:spPr bwMode="gray">
            <a:xfrm>
              <a:off x="1703388" y="2779713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da</a:t>
              </a:r>
            </a:p>
          </p:txBody>
        </p:sp>
        <p:sp>
          <p:nvSpPr>
            <p:cNvPr id="400" name="Rectangle 390"/>
            <p:cNvSpPr>
              <a:spLocks noChangeArrowheads="1"/>
            </p:cNvSpPr>
            <p:nvPr>
              <p:custDataLst>
                <p:tags r:id="rId181"/>
              </p:custDataLst>
            </p:nvPr>
          </p:nvSpPr>
          <p:spPr bwMode="gray">
            <a:xfrm>
              <a:off x="1951038" y="3509963"/>
              <a:ext cx="2846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States</a:t>
              </a:r>
            </a:p>
          </p:txBody>
        </p:sp>
        <p:sp>
          <p:nvSpPr>
            <p:cNvPr id="401" name="Rectangle 391"/>
            <p:cNvSpPr>
              <a:spLocks noChangeArrowheads="1"/>
            </p:cNvSpPr>
            <p:nvPr>
              <p:custDataLst>
                <p:tags r:id="rId182"/>
              </p:custDataLst>
            </p:nvPr>
          </p:nvSpPr>
          <p:spPr bwMode="gray">
            <a:xfrm>
              <a:off x="1952626" y="3943351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exico</a:t>
              </a:r>
            </a:p>
          </p:txBody>
        </p:sp>
        <p:sp>
          <p:nvSpPr>
            <p:cNvPr id="402" name="Rectangle 392"/>
            <p:cNvSpPr>
              <a:spLocks noChangeArrowheads="1"/>
            </p:cNvSpPr>
            <p:nvPr>
              <p:custDataLst>
                <p:tags r:id="rId183"/>
              </p:custDataLst>
            </p:nvPr>
          </p:nvSpPr>
          <p:spPr bwMode="gray">
            <a:xfrm>
              <a:off x="2562226" y="4029076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uba</a:t>
              </a:r>
            </a:p>
          </p:txBody>
        </p:sp>
        <p:sp>
          <p:nvSpPr>
            <p:cNvPr id="403" name="Rectangle 393"/>
            <p:cNvSpPr>
              <a:spLocks noChangeArrowheads="1"/>
            </p:cNvSpPr>
            <p:nvPr>
              <p:custDataLst>
                <p:tags r:id="rId184"/>
              </p:custDataLst>
            </p:nvPr>
          </p:nvSpPr>
          <p:spPr bwMode="gray">
            <a:xfrm>
              <a:off x="2454276" y="44942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nama</a:t>
              </a:r>
            </a:p>
          </p:txBody>
        </p:sp>
        <p:sp>
          <p:nvSpPr>
            <p:cNvPr id="404" name="Rectangle 394"/>
            <p:cNvSpPr>
              <a:spLocks noChangeArrowheads="1"/>
            </p:cNvSpPr>
            <p:nvPr>
              <p:custDataLst>
                <p:tags r:id="rId185"/>
              </p:custDataLst>
            </p:nvPr>
          </p:nvSpPr>
          <p:spPr bwMode="gray">
            <a:xfrm>
              <a:off x="2681288" y="4141788"/>
              <a:ext cx="995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iti</a:t>
              </a:r>
            </a:p>
          </p:txBody>
        </p:sp>
        <p:sp>
          <p:nvSpPr>
            <p:cNvPr id="405" name="Rectangle 395"/>
            <p:cNvSpPr>
              <a:spLocks noChangeArrowheads="1"/>
            </p:cNvSpPr>
            <p:nvPr>
              <p:custDataLst>
                <p:tags r:id="rId186"/>
              </p:custDataLst>
            </p:nvPr>
          </p:nvSpPr>
          <p:spPr bwMode="gray">
            <a:xfrm>
              <a:off x="2951163" y="4151314"/>
              <a:ext cx="2418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uerto Rico</a:t>
              </a:r>
            </a:p>
          </p:txBody>
        </p:sp>
        <p:sp>
          <p:nvSpPr>
            <p:cNvPr id="406" name="Rectangle 396"/>
            <p:cNvSpPr>
              <a:spLocks noChangeArrowheads="1"/>
            </p:cNvSpPr>
            <p:nvPr>
              <p:custDataLst>
                <p:tags r:id="rId187"/>
              </p:custDataLst>
            </p:nvPr>
          </p:nvSpPr>
          <p:spPr bwMode="gray">
            <a:xfrm>
              <a:off x="2811462" y="4089400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ominican Rep.</a:t>
              </a:r>
            </a:p>
          </p:txBody>
        </p:sp>
        <p:sp>
          <p:nvSpPr>
            <p:cNvPr id="407" name="Rectangle 397"/>
            <p:cNvSpPr>
              <a:spLocks noChangeArrowheads="1"/>
            </p:cNvSpPr>
            <p:nvPr>
              <p:custDataLst>
                <p:tags r:id="rId188"/>
              </p:custDataLst>
            </p:nvPr>
          </p:nvSpPr>
          <p:spPr bwMode="gray">
            <a:xfrm>
              <a:off x="2098676" y="4232276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temala</a:t>
              </a:r>
            </a:p>
          </p:txBody>
        </p:sp>
        <p:sp>
          <p:nvSpPr>
            <p:cNvPr id="408" name="Rectangle 398"/>
            <p:cNvSpPr>
              <a:spLocks noChangeArrowheads="1"/>
            </p:cNvSpPr>
            <p:nvPr>
              <p:custDataLst>
                <p:tags r:id="rId189"/>
              </p:custDataLst>
            </p:nvPr>
          </p:nvSpPr>
          <p:spPr bwMode="gray">
            <a:xfrm>
              <a:off x="2389187" y="4160838"/>
              <a:ext cx="12596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ize</a:t>
              </a:r>
            </a:p>
          </p:txBody>
        </p:sp>
        <p:sp>
          <p:nvSpPr>
            <p:cNvPr id="409" name="Rectangle 399"/>
            <p:cNvSpPr>
              <a:spLocks noChangeArrowheads="1"/>
            </p:cNvSpPr>
            <p:nvPr>
              <p:custDataLst>
                <p:tags r:id="rId190"/>
              </p:custDataLst>
            </p:nvPr>
          </p:nvSpPr>
          <p:spPr bwMode="gray">
            <a:xfrm>
              <a:off x="2128838" y="4313238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l Salvador</a:t>
              </a:r>
            </a:p>
          </p:txBody>
        </p:sp>
        <p:sp>
          <p:nvSpPr>
            <p:cNvPr id="410" name="Rectangle 400"/>
            <p:cNvSpPr>
              <a:spLocks noChangeArrowheads="1"/>
            </p:cNvSpPr>
            <p:nvPr>
              <p:custDataLst>
                <p:tags r:id="rId191"/>
              </p:custDataLst>
            </p:nvPr>
          </p:nvSpPr>
          <p:spPr bwMode="gray">
            <a:xfrm>
              <a:off x="2241551" y="4408488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sta Rica</a:t>
              </a:r>
            </a:p>
          </p:txBody>
        </p:sp>
        <p:sp>
          <p:nvSpPr>
            <p:cNvPr id="411" name="Rectangle 403"/>
            <p:cNvSpPr>
              <a:spLocks noChangeArrowheads="1"/>
            </p:cNvSpPr>
            <p:nvPr>
              <p:custDataLst>
                <p:tags r:id="rId192"/>
              </p:custDataLst>
            </p:nvPr>
          </p:nvSpPr>
          <p:spPr bwMode="gray">
            <a:xfrm>
              <a:off x="3422651" y="2049463"/>
              <a:ext cx="2166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nland</a:t>
              </a:r>
            </a:p>
          </p:txBody>
        </p:sp>
        <p:sp>
          <p:nvSpPr>
            <p:cNvPr id="412" name="Rectangle 294"/>
            <p:cNvSpPr>
              <a:spLocks noChangeArrowheads="1"/>
            </p:cNvSpPr>
            <p:nvPr>
              <p:custDataLst>
                <p:tags r:id="rId193"/>
              </p:custDataLst>
            </p:nvPr>
          </p:nvSpPr>
          <p:spPr bwMode="gray">
            <a:xfrm>
              <a:off x="5126990" y="4451669"/>
              <a:ext cx="22415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South Sudan</a:t>
              </a:r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421" name="Rectangle 249">
            <a:extLst>
              <a:ext uri="{FF2B5EF4-FFF2-40B4-BE49-F238E27FC236}">
                <a16:creationId xmlns:a16="http://schemas.microsoft.com/office/drawing/2014/main" id="{7D8EE966-FBB3-45B3-A338-106FE901B148}"/>
              </a:ext>
            </a:extLst>
          </p:cNvPr>
          <p:cNvSpPr>
            <a:spLocks noChangeArrowheads="1"/>
          </p:cNvSpPr>
          <p:nvPr>
            <p:custDataLst>
              <p:tags r:id="rId3"/>
            </p:custDataLst>
          </p:nvPr>
        </p:nvSpPr>
        <p:spPr bwMode="gray">
          <a:xfrm>
            <a:off x="9219688" y="4237123"/>
            <a:ext cx="269304" cy="769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0" tIns="0" rIns="0" bIns="0">
            <a:spAutoFit/>
          </a:bodyPr>
          <a:lstStyle/>
          <a:p>
            <a:r>
              <a:rPr lang="en-US" sz="500" dirty="0">
                <a:solidFill>
                  <a:srgbClr val="006EB6"/>
                </a:solidFill>
              </a:rPr>
              <a:t>Singapor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051624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3206012583489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MjGC07Zkacj1wP1vHqkg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7O_pJeUzkW4aNItCGVBTw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C8QQgOQiEiiDdegU0ebcA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2mh8vRTZU.voxlr.6ZhvA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O7JXFBHK0WXkcHvSgBKFw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voU2jvJ6UOpzBs3S0t1dQ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M0HBwgkkkqLibazv3ulSQ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zCbTL7ig06TkwnNCdp_Hg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sp_mDA3PEqqvJrYQ7pgWg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0M9j9EaMEeENXmYrXu4EQ"/>
</p:tagLst>
</file>

<file path=ppt/tags/tag1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YLnzdGSp0K2uJSK7uXIqw"/>
</p:tagLst>
</file>

<file path=ppt/tags/tag1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7V9iQt8UWJHmLrXya32g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kre2j.y2kyl1d27lEeByw"/>
</p:tagLst>
</file>

<file path=ppt/tags/tag1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wuIJd3tZkyHGq_5ZOs9Lw"/>
</p:tagLst>
</file>

<file path=ppt/tags/tag1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mdUS9WC06j5Tv2qsPv0A"/>
</p:tagLst>
</file>

<file path=ppt/tags/tag1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3GVOxCl0mMDwgkNX03iA"/>
</p:tagLst>
</file>

<file path=ppt/tags/tag1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8K4L5RudEiquwbyltvCxw"/>
</p:tagLst>
</file>

<file path=ppt/tags/tag1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RTPlZ_fUaJaYtqJ3gh9g"/>
</p:tagLst>
</file>

<file path=ppt/tags/tag1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Y582zvZFESCnkCnG50BgQ"/>
</p:tagLst>
</file>

<file path=ppt/tags/tag1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1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1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1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7OqputltUGqB486fq97yw"/>
</p:tagLst>
</file>

<file path=ppt/tags/tag1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1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1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1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1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1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1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1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1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1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gdMIMSclUy0qmc_CVWqKg"/>
</p:tagLst>
</file>

<file path=ppt/tags/tag1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1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1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1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1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1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1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1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1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1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0KeGM9y0Eec11zXeMRKSg"/>
</p:tagLst>
</file>

<file path=ppt/tags/tag1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1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1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1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1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1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1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1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1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1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SKVQ_043U.uYx33lH2XFw"/>
</p:tagLst>
</file>

<file path=ppt/tags/tag1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1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1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1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1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1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1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1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1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1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7ylBGbgZUSMdD6URVoKEA"/>
</p:tagLst>
</file>

<file path=ppt/tags/tag1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1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1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1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1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1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1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1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1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1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uw1ajbJtEqCL2ciynOVNg"/>
</p:tagLst>
</file>

<file path=ppt/tags/tag1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1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1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1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1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1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1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1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1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1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ol1hz1ZEO1MZ_zxuzxaA"/>
</p:tagLst>
</file>

<file path=ppt/tags/tag1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1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1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1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1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1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1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1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1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1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oX._vyREaFAI9aTi7uAg"/>
</p:tagLst>
</file>

<file path=ppt/tags/tag1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1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1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1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1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1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1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1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1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1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OQEh4SUvki4OeDsF8eqEQ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SIfQv.Lm0WrS_CECqs69w"/>
</p:tagLst>
</file>

<file path=ppt/tags/tag1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1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1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1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1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1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1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1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1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1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CjS_qyfEe5ASiMaqAdoA"/>
</p:tagLst>
</file>

<file path=ppt/tags/tag1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1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1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1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ags/tag1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1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1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1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1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1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alNV3AiE0.vslWXTXeZIA"/>
</p:tagLst>
</file>

<file path=ppt/tags/tag1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1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1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1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1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1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1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1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1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1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MK_cERbYUSQJeu_bgXG.Q"/>
</p:tagLst>
</file>

<file path=ppt/tags/tag1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1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1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1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1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1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1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1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1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1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zkNh_9O0WQ8tdZJH_LGQ"/>
</p:tagLst>
</file>

<file path=ppt/tags/tag1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1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1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1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1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1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1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1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1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1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bavatUwkG0_YNXZ3Ssgw"/>
</p:tagLst>
</file>

<file path=ppt/tags/tag1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1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1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1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1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1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1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1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1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1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LBu0BUu8U6ZodddQQW_7Q"/>
</p:tagLst>
</file>

<file path=ppt/tags/tag1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1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1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1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1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1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1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1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1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1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A5oKanwEUabhPz6DSWbFw"/>
</p:tagLst>
</file>

<file path=ppt/tags/tag1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1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1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1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1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1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1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1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1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1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Z4m3Yvtk6VTX6AWWOFgw"/>
</p:tagLst>
</file>

<file path=ppt/tags/tag1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1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1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1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1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1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1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1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1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1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UBElsbFk2rNRy.virThQ"/>
</p:tagLst>
</file>

<file path=ppt/tags/tag1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1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1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1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1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1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1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1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1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1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sTyl5tpkCRSLjZegCJdQ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5Kx2kH2fU.2E_KGHUX1Uw"/>
</p:tagLst>
</file>

<file path=ppt/tags/tag1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1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1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1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1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1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1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1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1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1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CSNj6f7MU.uvVxNxh44yA"/>
  <p:tag name="TEMPLAFYSLIDEID" val="637183949222675959"/>
</p:tagLst>
</file>

<file path=ppt/tags/tag1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1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1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1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1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1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1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1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1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1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Ned7kgGE6hKfdPSyWdKg"/>
</p:tagLst>
</file>

<file path=ppt/tags/tag1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1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1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1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1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1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1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1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ajDwaXZUC9MTgBnlLjdQ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CWJB7NzkiaRZs5o3oLmw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PqND3iTEW8897dWfT7AQ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0mFcb2FkKS2JvNygu0bA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51jtLzzGU.kQq3qmjw.NA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x7gbqSXEEGNK2f_eTzxgg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1Im74HBbEWJMyViUhFqkQ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0I9kgyh_0mDIvOHtjGpvA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z4JPdlP0.81L_oHg1D8Q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mUAZR8EqkiflPJ.De3XKw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N06aj46bkqpwUW1sGSQtQ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xBQVAET3U2rfjAbVe.G.g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LCjxO0BEifzgUsKbW3rw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fe_D7jcJk2JjzaZvEsvIA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GmbaApMZUGNIQGDKKcSgw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v9gbWMak2KFEqbK9vImQ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nuf3IZs4U6A4y8MyLQLzw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tnP18qUYECR9UNTChLmig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qe0tQU5u0.YwZinYJHhvA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FNTf9Ll0OJbTH3lskPqg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higUAz.zU6jQgXwed.jPg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vS4nduRk26YYVi2moq.Q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jkBvKRL60.s5Yf8E7MTJg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EHhQggJ0i8tFHPSZA0KA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Zxj3Y.6D0qQ_0QxBlVFFw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zTqL5k7ECSdAy_CXIMIA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fcNOj6Q.UGyh2WknenDvw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O42xw6QAkSnqTHh9nhO9Q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asIp0PonEWGdYeAmOEJmw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jAgEAVux0Kd21yjFOR41g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KIEFHWnOkyyvsgpkTcPGA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Mk2jstT9kiENG5zMc6M3w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VhI66TnY0KzQx5LYM0iCw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IwIamHgw0u1C6DrI4Jj2A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aD6TLh2tkCzDINkgOlfEg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tEG2.780iXH_j1Sc9QqA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J2m8ht570iV5VoQXAt1DQ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bgScEm3VEy5lTBWBpQO6w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5lIDMMlGEaC1LSO_VTcJQ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QbWVaQkkeMf9DvhrCz6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fcFqx_RTUS_fZN7rRfDyw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rSw2y58l02cDDThB7Ur3A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RinRmKnWUy5bdcn_pkpVg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xRm_USvUmQpaVFFNZHXg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fpguAlJOUOr8zTqLrhSzA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9N7L6X8jk6Pwf1BFaAvRA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p4QmfqEEm9vnKFi8FROA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rRXPxl.UanMlI1BbVrKg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v4exLTUDEK4BTbIBB7Q0Q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LQvjgkfk6nBmzX3nL3tQ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wAeOLGnBEmQ94DgrVzXHA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6yF_K1dUC055HZwhmrAw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x0_9lM1Eao9UyLBVUhHg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MiXoYNWHUiRKXaIeCYYVw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7mJIaygXEC9B.oxQwhOyA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9EvEd80aqYMNC.5ZnOA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Yt5E.aktEmjJ5aBJMgNeQ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d5KDc3fYEGAXKpjaSwxVg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mvof1MzEaS1hPnDmC_oA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3U6VRrtEmVhoE8oc7XkA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hxdA_jXr0y68suaCEli4w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L.OJhoHVkS3b_U6QsRp9w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xV07bTt0OYhXZAr19Okg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Vc9ymjrjkCQKBcKjRJlcQ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8CgOw5bkU6gR6Plu9IOPQ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Y0cu0BBFUKJIIfDGGIISw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C8QQgOQiEiiDdegU0ebcA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2mh8vRTZU.voxlr.6ZhvA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O7JXFBHK0WXkcHvSgBKFw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voU2jvJ6UOpzBs3S0t1dQ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M0HBwgkkkqLibazv3ulSQ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zCbTL7ig06TkwnNCdp_Hg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sp_mDA3PEqqvJrYQ7pgWg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eZsChYq90CLLZUI99ZEYA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0M9j9EaMEeENXmYrXu4EQ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YLnzdGSp0K2uJSK7uXIqw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7V9iQt8UWJHmLrXya32g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wuIJd3tZkyHGq_5ZOs9Lw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mdUS9WC06j5Tv2qsPv0A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3GVOxCl0mMDwgkNX03iA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8K4L5RudEiquwbyltvCxw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RTPlZ_fUaJaYtqJ3gh9g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Y582zvZFESCnkCnG50BgQ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83949201738815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Y22IdyroEu.euqWs4LN7g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ZQLx.kB60.M9WTP7vwUMA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YJeH7jk0GqgMTo8Lrz9Q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iHIm_cVUUa3Qtxo32.ANQ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FqnffecpUCFxrK9xiRm9A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VLiTf4OE61IiqcdRx8_w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sdnPUA7U2M7M1p9C.sEQ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Kt5sHCXAkC2Ez.2bj_Dvw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PJwHvNEGrzusVvzfzdQ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oZy8GhwvU2U2XdbLQEQxA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83949203646077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clQXgdC7U6E336LIPZ7GQ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eaBcdtNSU2_oqjUl0u.Ug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pA4FRmzK0m1DycMLxu1Gg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wDGmocItEei4t20j1ExIA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NY5HJ1WmEqzHQxxbI3ZnA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CAmH94.EKANLtkOTK00g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XjhZR1Kd0OfEnDabfrxrw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85QA0K8C0aO1aaZeGxLxA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TMrFp2qEeiUahKrixMFg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8.KTDT400CswLh.dKSJ5g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8394920675349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rypsYLFdkuAxJElJw.CZw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AnHb.yQEqjGtk.nY0j3A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827918554048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827918554049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827918709999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6Cc1dQUmUGsPF6iKPi1mw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gIp.6u.ZkelyaIvcbjvvw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nzWr16Lk0OAn8fsOoKT1Q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dtc6B450qEo4s3__F3AQ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MjGC07Zkacj1wP1vHqkg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MhYoyH2ku1UEWOOfLo_A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OQEh4SUvki4OeDsF8eqEQ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sTyl5tpkCRSLjZegCJdQ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0I9kgyh_0mDIvOHtjGpvA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qe0tQU5u0.YwZinYJHhvA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jAgEAVux0Kd21yjFOR41g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fcFqx_RTUS_fZN7rRfDyw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6yF_K1dUC055HZwhmrAw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xV07bTt0OYhXZAr19Okg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eZsChYq90CLLZUI99ZEYA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Y22IdyroEu.euqWs4LN7g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4Tq9IwokCzxMIcgZwG9A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ZQLx.kB60.M9WTP7vwUMA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YJeH7jk0GqgMTo8Lrz9Q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iHIm_cVUUa3Qtxo32.ANQ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FqnffecpUCFxrK9xiRm9A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VLiTf4OE61IiqcdRx8_w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sdnPUA7U2M7M1p9C.sEQ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Kt5sHCXAkC2Ez.2bj_Dvw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PJwHvNEGrzusVvzfzdQ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oZy8GhwvU2U2XdbLQEQxA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clQXgdC7U6E336LIPZ7GQ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2A6d.mfNUep_RDbr3502A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eaBcdtNSU2_oqjUl0u.Ug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pA4FRmzK0m1DycMLxu1Gg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wDGmocItEei4t20j1ExIA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NY5HJ1WmEqzHQxxbI3ZnA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CAmH94.EKANLtkOTK00g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XjhZR1Kd0OfEnDabfrxrw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85QA0K8C0aO1aaZeGxLxA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TMrFp2qEeiUahKrixMFg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8.KTDT400CswLh.dKSJ5g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rypsYLFdkuAxJElJw.CZw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6Az4czYhE.PVigi.q7U_Q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AnHb.yQEqjGtk.nY0j3A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MhYoyH2ku1UEWOOfLo_A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4Tq9IwokCzxMIcgZwG9A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2A6d.mfNUep_RDbr3502A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6Az4czYhE.PVigi.q7U_Q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Bl1ULKQEkuN9j3emo2LaQ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SiOKY8NSkW2DnAfi.1vPw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SjFzG83UEuc0BBklF7U3g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Fxm5yRDKUa.nyY9Ppiz3Q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cNKOQkQoUii9nDsfjBZfQ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Bl1ULKQEkuN9j3emo2LaQ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Yvyv4t9TkKQ6xN9XoiEGg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w5DHOrRQ0.72_Z501M7yA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89fhUr3sEWU3ErGTsQrkQ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12T5Hbsx0uh9CD7C4BWsA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sq.D54TUyw7MKK1Gcd2g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0PyneVQCUirSGlWcx.GaA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MIfC2bTAkeyz0Fnx6ePXA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QL07d7lKUOkSPpESj15Ow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eHMgTw_U2iPR4QBSSN6w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GStuyEIUqnxK8BkpcmTg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SiOKY8NSkW2DnAfi.1vPw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C0B87OMbkO.nXYNec5QnA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UUlqndTES.Nb6yfn80kg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eRYnJ3cJ0m.Z1qTUg781g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1cMilYI5ECQjU1RbjxocA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JZ5IXoKxUiQX9YJGfTrHw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GWJ65euxEap9os5Vn11.Q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Eh0fedBsUOvyO7ER6qRuA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qdcjU2cv0i8bRDbNmDpRQ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wOHup0dBkyunQvdtnVNXA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uROdvF.b0mt6ockSSuJFA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SjFzG83UEuc0BBklF7U3g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9xKH._cEiZyYXIMiYvJA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GnMQy6OEen.MBMUlPE2g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E_ulGXY0mUpRFlVmCtxw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YbOIQRF0akz6R47SbizQ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ZA.PMbG02vIRH_K3OeXA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0cCI08T0aJqv1_x6Hi5g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Qw.FYl_UGeJm_f5cXVlA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ojNYOppqk.Zt93IyKiwcw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v2xnuVa021RBUMwCua7A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0Om2WwmEmezRJJAuGB6Q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Fxm5yRDKUa.nyY9Ppiz3Q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W3qkGKIgEu4ykcIvt8pxw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MO.xtw1LkG771Wfc5i4LQ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Oz87keXP06jJL3A7b6T_g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Ew3N.VZlkOjl3KDH5rW3Q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tIO5SDxpEOUv2AhyDeIDQ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.lfKIoA0qz2Wyg2hPsJQ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hIbcYaWSkWW..ZvK4b2SA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zmkPzLE0EGwoAKAWcCKVw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Ldz2KDUQkaidcjvF4WO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cNKOQkQoUii9nDsfjBZfQ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aRQnib3ikSzcnt4Rw2KcA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2IkXIYYxk6uQR6wblrTSw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qbVXMMVJ0SsJNPEcT8Y0Q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td2.WYaEK1vHwO9Yn.Sg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FQXzLh6kqE9ujpRdquxA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G9IMOYCl0KPCF0tCMsqcw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UR.vNZv3Eih34axNyhakw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P7M_cEALk2Z98ev4R1sLA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mst3_8ouUiG6K9G3rh8sA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7O_pJeUzkW4aNItCGVBTw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Yvyv4t9TkKQ6xN9XoiEGg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kre2j.y2kyl1d27lEeByw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7OqputltUGqB486fq97yw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gdMIMSclUy0qmc_CVWqKg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0KeGM9y0Eec11zXeMRKSg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SKVQ_043U.uYx33lH2XFw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7ylBGbgZUSMdD6URVoKEA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uw1ajbJtEqCL2ciynOVNg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ol1hz1ZEO1MZ_zxuzxaA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oX._vyREaFAI9aTi7uAg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SIfQv.Lm0WrS_CECqs69w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w5DHOrRQ0.72_Z501M7yA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CjS_qyfEe5ASiMaqAdoA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alNV3AiE0.vslWXTXeZIA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MK_cERbYUSQJeu_bgXG.Q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zkNh_9O0WQ8tdZJH_LGQ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bavatUwkG0_YNXZ3Ssgw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LBu0BUu8U6ZodddQQW_7Q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A5oKanwEUabhPz6DSWbFw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Z4m3Yvtk6VTX6AWWOFgw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UBElsbFk2rNRy.virThQ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5Kx2kH2fU.2E_KGHUX1Uw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89fhUr3sEWU3ErGTsQrkQ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CSNj6f7MU.uvVxNxh44yA"/>
  <p:tag name="TEMPLAFYSLIDEID" val="637477827920272694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Ned7kgGE6hKfdPSyWdKg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ajDwaXZUC9MTgBnlLjdQ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CWJB7NzkiaRZs5o3oLmw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PqND3iTEW8897dWfT7AQ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0mFcb2FkKS2JvNygu0bA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51jtLzzGU.kQq3qmjw.NA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x7gbqSXEEGNK2f_eTzxgg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1Im74HBbEWJMyViUhFqkQ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z4JPdlP0.81L_oHg1D8Q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12T5Hbsx0uh9CD7C4BWsA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mUAZR8EqkiflPJ.De3XKw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N06aj46bkqpwUW1sGSQtQ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xBQVAET3U2rfjAbVe.G.g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LCjxO0BEifzgUsKbW3rw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fe_D7jcJk2JjzaZvEsvIA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GmbaApMZUGNIQGDKKcSgw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v9gbWMak2KFEqbK9vImQ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nuf3IZs4U6A4y8MyLQLzw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tnP18qUYECR9UNTChLmig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FNTf9Ll0OJbTH3lskPqg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sq.D54TUyw7MKK1Gcd2g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higUAz.zU6jQgXwed.jPg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vS4nduRk26YYVi2moq.Q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jkBvKRL60.s5Yf8E7MTJg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EHhQggJ0i8tFHPSZA0KA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Zxj3Y.6D0qQ_0QxBlVFFw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zTqL5k7ECSdAy_CXIMIA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fcNOj6Q.UGyh2WknenDvw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O42xw6QAkSnqTHh9nhO9Q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asIp0PonEWGdYeAmOEJmw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KIEFHWnOkyyvsgpkTcPGA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0PyneVQCUirSGlWcx.GaA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Mk2jstT9kiENG5zMc6M3w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VhI66TnY0KzQx5LYM0iCw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IwIamHgw0u1C6DrI4Jj2A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aD6TLh2tkCzDINkgOlfEg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tEG2.780iXH_j1Sc9QqA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J2m8ht570iV5VoQXAt1DQ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bgScEm3VEy5lTBWBpQO6w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5lIDMMlGEaC1LSO_VTcJQ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QbWVaQkkeMf9DvhrCz6g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rSw2y58l02cDDThB7Ur3A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MIfC2bTAkeyz0Fnx6ePXA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RinRmKnWUy5bdcn_pkpVg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xRm_USvUmQpaVFFNZHXg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fpguAlJOUOr8zTqLrhSzA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9N7L6X8jk6Pwf1BFaAvRA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p4QmfqEEm9vnKFi8FROA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rRXPxl.UanMlI1BbVrKg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v4exLTUDEK4BTbIBB7Q0Q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LQvjgkfk6nBmzX3nL3tQ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wAeOLGnBEmQ94DgrVzXHA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x0_9lM1Eao9UyLBVUhHg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QL07d7lKUOkSPpESj15Ow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MiXoYNWHUiRKXaIeCYYVw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7mJIaygXEC9B.oxQwhOyA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9EvEd80aqYMNC.5ZnOA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Yt5E.aktEmjJ5aBJMgNeQ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d5KDc3fYEGAXKpjaSwxVg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mvof1MzEaS1hPnDmC_oA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3U6VRrtEmVhoE8oc7XkA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hxdA_jXr0y68suaCEli4w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L.OJhoHVkS3b_U6QsRp9w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Vc9ymjrjkCQKBcKjRJlcQ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eHMgTw_U2iPR4QBSSN6w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8CgOw5bkU6gR6Plu9IOPQ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Y0cu0BBFUKJIIfDGGIISw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C8QQgOQiEiiDdegU0ebcA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2mh8vRTZU.voxlr.6ZhvA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O7JXFBHK0WXkcHvSgBKFw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voU2jvJ6UOpzBs3S0t1dQ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M0HBwgkkkqLibazv3ulSQ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zCbTL7ig06TkwnNCdp_Hg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sp_mDA3PEqqvJrYQ7pgWg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0M9j9EaMEeENXmYrXu4EQ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6Cc1dQUmUGsPF6iKPi1mw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GStuyEIUqnxK8BkpcmTg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YLnzdGSp0K2uJSK7uXIqw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7V9iQt8UWJHmLrXya32g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wuIJd3tZkyHGq_5ZOs9Lw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mdUS9WC06j5Tv2qsPv0A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3GVOxCl0mMDwgkNX03iA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8K4L5RudEiquwbyltvCxw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RTPlZ_fUaJaYtqJ3gh9g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Y582zvZFESCnkCnG50BgQ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C0B87OMbkO.nXYNec5QnA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UUlqndTES.Nb6yfn80kg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eRYnJ3cJ0m.Z1qTUg781g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1cMilYI5ECQjU1RbjxocA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JZ5IXoKxUiQX9YJGfTrHw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GWJ65euxEap9os5Vn11.Q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Eh0fedBsUOvyO7ER6qRuA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qdcjU2cv0i8bRDbNmDpRQ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wOHup0dBkyunQvdtnVNXA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gIp.6u.ZkelyaIvcbjvvw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uROdvF.b0mt6ockSSuJFA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9xKH._cEiZyYXIMiYvJA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GnMQy6OEen.MBMUlPE2g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E_ulGXY0mUpRFlVmCtxw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YbOIQRF0akz6R47SbizQ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ZA.PMbG02vIRH_K3OeXA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0cCI08T0aJqv1_x6Hi5g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Qw.FYl_UGeJm_f5cXVlA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ojNYOppqk.Zt93IyKiwcw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v2xnuVa021RBUMwCua7A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nzWr16Lk0OAn8fsOoKT1Q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0Om2WwmEmezRJJAuGB6Q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W3qkGKIgEu4ykcIvt8pxw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MO.xtw1LkG771Wfc5i4LQ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2267128156423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2267128312680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2267128468971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6Cc1dQUmUGsPF6iKPi1mw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gIp.6u.ZkelyaIvcbjvvw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nzWr16Lk0OAn8fsOoKT1Q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dtc6B450qEo4s3__F3AQ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MjGC07Zkacj1wP1vHqkg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OQEh4SUvki4OeDsF8eqEQ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sTyl5tpkCRSLjZegCJdQ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Oz87keXP06jJL3A7b6T_g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0I9kgyh_0mDIvOHtjGpvA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qe0tQU5u0.YwZinYJHhvA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jAgEAVux0Kd21yjFOR41g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fcFqx_RTUS_fZN7rRfDyw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6yF_K1dUC055HZwhmrAw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xV07bTt0OYhXZAr19Okg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eZsChYq90CLLZUI99ZEYA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Y22IdyroEu.euqWs4LN7g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ZQLx.kB60.M9WTP7vwUMA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YJeH7jk0GqgMTo8Lrz9Q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Ew3N.VZlkOjl3KDH5rW3Q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iHIm_cVUUa3Qtxo32.ANQ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FqnffecpUCFxrK9xiRm9A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VLiTf4OE61IiqcdRx8_w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sdnPUA7U2M7M1p9C.sEQ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Kt5sHCXAkC2Ez.2bj_Dvw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PJwHvNEGrzusVvzfzdQ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oZy8GhwvU2U2XdbLQEQxA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clQXgdC7U6E336LIPZ7GQ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eaBcdtNSU2_oqjUl0u.Ug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pA4FRmzK0m1DycMLxu1Gg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tIO5SDxpEOUv2AhyDeIDQ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wDGmocItEei4t20j1ExIA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NY5HJ1WmEqzHQxxbI3ZnA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CAmH94.EKANLtkOTK00g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XjhZR1Kd0OfEnDabfrxrw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85QA0K8C0aO1aaZeGxLxA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TMrFp2qEeiUahKrixMFg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8.KTDT400CswLh.dKSJ5g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rypsYLFdkuAxJElJw.CZw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AnHb.yQEqjGtk.nY0j3A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MhYoyH2ku1UEWOOfLo_A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4Tq9IwokCzxMIcgZwG9A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2A6d.mfNUep_RDbr3502A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6Az4czYhE.PVigi.q7U_Q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Bl1ULKQEkuN9j3emo2LaQ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SiOKY8NSkW2DnAfi.1vPw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SjFzG83UEuc0BBklF7U3g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Fxm5yRDKUa.nyY9Ppiz3Q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cNKOQkQoUii9nDsfjBZfQ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Yvyv4t9TkKQ6xN9XoiEGg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w5DHOrRQ0.72_Z501M7yA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.lfKIoA0qz2Wyg2hPsJQ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89fhUr3sEWU3ErGTsQrkQ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12T5Hbsx0uh9CD7C4BWsA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sq.D54TUyw7MKK1Gcd2g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0PyneVQCUirSGlWcx.GaA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MIfC2bTAkeyz0Fnx6ePXA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QL07d7lKUOkSPpESj15Ow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eHMgTw_U2iPR4QBSSN6w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GStuyEIUqnxK8BkpcmTg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C0B87OMbkO.nXYNec5QnA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UUlqndTES.Nb6yfn80kg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hIbcYaWSkWW..ZvK4b2SA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eRYnJ3cJ0m.Z1qTUg781g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1cMilYI5ECQjU1RbjxocA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JZ5IXoKxUiQX9YJGfTrHw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GWJ65euxEap9os5Vn11.Q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Eh0fedBsUOvyO7ER6qRuA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qdcjU2cv0i8bRDbNmDpRQ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wOHup0dBkyunQvdtnVNXA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uROdvF.b0mt6ockSSuJFA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9xKH._cEiZyYXIMiYvJA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GnMQy6OEen.MBMUlPE2g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zmkPzLE0EGwoAKAWcCKVw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E_ulGXY0mUpRFlVmCtxw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YbOIQRF0akz6R47SbizQ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ZA.PMbG02vIRH_K3OeXA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0cCI08T0aJqv1_x6Hi5g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Qw.FYl_UGeJm_f5cXVlA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ojNYOppqk.Zt93IyKiwcw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v2xnuVa021RBUMwCua7A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0Om2WwmEmezRJJAuGB6Q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W3qkGKIgEu4ykcIvt8pxw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MO.xtw1LkG771Wfc5i4LQ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dtc6B450qEo4s3__F3AQ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Ldz2KDUQkaidcjvF4WONg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Oz87keXP06jJL3A7b6T_g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Ew3N.VZlkOjl3KDH5rW3Q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tIO5SDxpEOUv2AhyDeIDQ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.lfKIoA0qz2Wyg2hPsJQ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hIbcYaWSkWW..ZvK4b2SA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zmkPzLE0EGwoAKAWcCKVw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Ldz2KDUQkaidcjvF4WONg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aRQnib3ikSzcnt4Rw2KcA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2IkXIYYxk6uQR6wblrTSw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aRQnib3ikSzcnt4Rw2KcA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qbVXMMVJ0SsJNPEcT8Y0Q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td2.WYaEK1vHwO9Yn.Sg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FQXzLh6kqE9ujpRdquxA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G9IMOYCl0KPCF0tCMsqcw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UR.vNZv3Eih34axNyhakw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P7M_cEALk2Z98ev4R1sLA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mst3_8ouUiG6K9G3rh8sA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7O_pJeUzkW4aNItCGVBTw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kre2j.y2kyl1d27lEeByw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7OqputltUGqB486fq97yw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2IkXIYYxk6uQR6wblrTSw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gdMIMSclUy0qmc_CVWqKg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0KeGM9y0Eec11zXeMRKSg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SKVQ_043U.uYx33lH2XFw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7ylBGbgZUSMdD6URVoKEA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uw1ajbJtEqCL2ciynOVNg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ol1hz1ZEO1MZ_zxuzxaA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oX._vyREaFAI9aTi7uAg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SIfQv.Lm0WrS_CECqs69w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CjS_qyfEe5ASiMaqAdoA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alNV3AiE0.vslWXTXeZIA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qbVXMMVJ0SsJNPEcT8Y0Q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MK_cERbYUSQJeu_bgXG.Q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zkNh_9O0WQ8tdZJH_LGQ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bavatUwkG0_YNXZ3Ssgw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LBu0BUu8U6ZodddQQW_7Q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A5oKanwEUabhPz6DSWbFw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Z4m3Yvtk6VTX6AWWOFgw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UBElsbFk2rNRy.virThQ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5Kx2kH2fU.2E_KGHUX1Uw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CSNj6f7MU.uvVxNxh44yA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Ned7kgGE6hKfdPSyWdKg"/>
  <p:tag name="TEMPLAFYSLIDEID" val="637792267129250182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td2.WYaEK1vHwO9Yn.Sg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ajDwaXZUC9MTgBnlLjdQ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CWJB7NzkiaRZs5o3oLmw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PqND3iTEW8897dWfT7AQ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0mFcb2FkKS2JvNygu0bA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51jtLzzGU.kQq3qmjw.NA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x7gbqSXEEGNK2f_eTzxgg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1Im74HBbEWJMyViUhFqkQ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z4JPdlP0.81L_oHg1D8Q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mUAZR8EqkiflPJ.De3XKw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N06aj46bkqpwUW1sGSQtQ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FQXzLh6kqE9ujpRdquxA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xBQVAET3U2rfjAbVe.G.g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LCjxO0BEifzgUsKbW3rw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fe_D7jcJk2JjzaZvEsvIA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GmbaApMZUGNIQGDKKcSgw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v9gbWMak2KFEqbK9vImQ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nuf3IZs4U6A4y8MyLQLzw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tnP18qUYECR9UNTChLmig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FNTf9Ll0OJbTH3lskPqg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higUAz.zU6jQgXwed.jPg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vS4nduRk26YYVi2moq.Q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G9IMOYCl0KPCF0tCMsqcw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jkBvKRL60.s5Yf8E7MTJg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EHhQggJ0i8tFHPSZA0KA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Zxj3Y.6D0qQ_0QxBlVFFw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zTqL5k7ECSdAy_CXIMIA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fcNOj6Q.UGyh2WknenDvw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O42xw6QAkSnqTHh9nhO9Q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asIp0PonEWGdYeAmOEJmw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KIEFHWnOkyyvsgpkTcPGA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Mk2jstT9kiENG5zMc6M3w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VhI66TnY0KzQx5LYM0iCw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UR.vNZv3Eih34axNyhakw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IwIamHgw0u1C6DrI4Jj2A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aD6TLh2tkCzDINkgOlfEg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tEG2.780iXH_j1Sc9QqA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J2m8ht570iV5VoQXAt1DQ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bgScEm3VEy5lTBWBpQO6w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5lIDMMlGEaC1LSO_VTcJQ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QbWVaQkkeMf9DvhrCz6g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rSw2y58l02cDDThB7Ur3A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RinRmKnWUy5bdcn_pkpVg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xRm_USvUmQpaVFFNZHXg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P7M_cEALk2Z98ev4R1sLA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fpguAlJOUOr8zTqLrhSzA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9N7L6X8jk6Pwf1BFaAvRA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p4QmfqEEm9vnKFi8FROA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rRXPxl.UanMlI1BbVrKg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v4exLTUDEK4BTbIBB7Q0Q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LQvjgkfk6nBmzX3nL3tQ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wAeOLGnBEmQ94DgrVzXHA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x0_9lM1Eao9UyLBVUhHg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MiXoYNWHUiRKXaIeCYYVw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7mJIaygXEC9B.oxQwhOyA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mst3_8ouUiG6K9G3rh8sA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9EvEd80aqYMNC.5ZnOA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Yt5E.aktEmjJ5aBJMgNeQ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d5KDc3fYEGAXKpjaSwxVg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mvof1MzEaS1hPnDmC_oA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3U6VRrtEmVhoE8oc7XkA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hxdA_jXr0y68suaCEli4w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L.OJhoHVkS3b_U6QsRp9w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Vc9ymjrjkCQKBcKjRJlcQ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8CgOw5bkU6gR6Plu9IOPQ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Y0cu0BBFUKJIIfDGGIISw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rgbClr val="FFFFFF"/>
      </a:lt1>
      <a:dk2>
        <a:srgbClr val="BCBDE2"/>
      </a:dk2>
      <a:lt2>
        <a:srgbClr val="FFED99"/>
      </a:lt2>
      <a:accent1>
        <a:srgbClr val="385988"/>
      </a:accent1>
      <a:accent2>
        <a:srgbClr val="006EB6"/>
      </a:accent2>
      <a:accent3>
        <a:srgbClr val="AFDBF6"/>
      </a:accent3>
      <a:accent4>
        <a:srgbClr val="F42941"/>
      </a:accent4>
      <a:accent5>
        <a:srgbClr val="F8C9DB"/>
      </a:accent5>
      <a:accent6>
        <a:srgbClr val="FDCF41"/>
      </a:accent6>
      <a:hlink>
        <a:srgbClr val="006EB6"/>
      </a:hlink>
      <a:folHlink>
        <a:srgbClr val="AFDBF6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custClrLst>
    <a:custClr name="Blue">
      <a:srgbClr val="385988"/>
    </a:custClr>
    <a:custClr name="Green">
      <a:srgbClr val="266D51"/>
    </a:custClr>
    <a:custClr name="Logo blue">
      <a:srgbClr val="006EB6"/>
    </a:custClr>
    <a:custClr name="Red">
      <a:srgbClr val="F42941"/>
    </a:custClr>
    <a:custClr name="Yellow">
      <a:srgbClr val="FDCF41"/>
    </a:custClr>
    <a:custClr name="Grey">
      <a:srgbClr val="46454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">
      <a:srgbClr val="F47A23"/>
    </a:custClr>
    <a:custClr name="Medium violet">
      <a:srgbClr val="BCBDE2"/>
    </a:custClr>
    <a:custClr name="Medium green">
      <a:srgbClr val="CDE4C4"/>
    </a:custClr>
    <a:custClr name="Medium blue">
      <a:srgbClr val="AFDBF6"/>
    </a:custClr>
    <a:custClr name="Medium red">
      <a:srgbClr val="F8C9DB"/>
    </a:custClr>
    <a:custClr name="Medium yellow">
      <a:srgbClr val="FFED99"/>
    </a:custClr>
    <a:custClr name="Medium grey">
      <a:srgbClr val="A7A9A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orange">
      <a:srgbClr val="FAC18A"/>
    </a:custClr>
    <a:custClr name="Light violet">
      <a:srgbClr val="D3D5ED"/>
    </a:custClr>
    <a:custClr name="Light green">
      <a:srgbClr val="E2FAE1"/>
    </a:custClr>
    <a:custClr name="Light blue">
      <a:srgbClr val="D4E9F9"/>
    </a:custClr>
    <a:custClr name="Light red">
      <a:srgbClr val="FFDDE2"/>
    </a:custClr>
    <a:custClr name="Light yellow">
      <a:srgbClr val="FFF5C5"/>
    </a:custClr>
    <a:custClr name="Light grey">
      <a:srgbClr val="EDEDE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orange">
      <a:srgbClr val="FAD2B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88 pct. black">
      <a:srgbClr val="464547"/>
    </a:custClr>
    <a:custClr name="72 pct. black">
      <a:srgbClr val="696A6D"/>
    </a:custClr>
    <a:custClr name="56 pct. black">
      <a:srgbClr val="888A8C"/>
    </a:custClr>
    <a:custClr name="40 pct.black">
      <a:srgbClr val="A7A9AC"/>
    </a:custClr>
    <a:custClr name="24 pct.black">
      <a:srgbClr val="C9CACC"/>
    </a:custClr>
    <a:custClr name="8 pct.black">
      <a:srgbClr val="EBEBEC"/>
    </a:custClr>
  </a:custClrLst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Blue">
      <a:srgbClr val="385988"/>
    </a:custClr>
    <a:custClr name="Green">
      <a:srgbClr val="266D51"/>
    </a:custClr>
    <a:custClr name="Logo blue">
      <a:srgbClr val="006EB6"/>
    </a:custClr>
    <a:custClr name="Red">
      <a:srgbClr val="F42941"/>
    </a:custClr>
    <a:custClr name="Yellow">
      <a:srgbClr val="FDCF41"/>
    </a:custClr>
    <a:custClr name="Grey">
      <a:srgbClr val="46454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">
      <a:srgbClr val="F47A23"/>
    </a:custClr>
    <a:custClr name="Medium violet">
      <a:srgbClr val="BCBDE2"/>
    </a:custClr>
    <a:custClr name="Medium green">
      <a:srgbClr val="CDE4C4"/>
    </a:custClr>
    <a:custClr name="Medium blue">
      <a:srgbClr val="AFDBF6"/>
    </a:custClr>
    <a:custClr name="Medium red">
      <a:srgbClr val="F8C9DB"/>
    </a:custClr>
    <a:custClr name="Medium yellow">
      <a:srgbClr val="FFED99"/>
    </a:custClr>
    <a:custClr name="Medium grey">
      <a:srgbClr val="A7A9A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orange">
      <a:srgbClr val="FAC18A"/>
    </a:custClr>
    <a:custClr name="Light violet">
      <a:srgbClr val="D3D5ED"/>
    </a:custClr>
    <a:custClr name="Light green">
      <a:srgbClr val="E2FAE1"/>
    </a:custClr>
    <a:custClr name="Light blue">
      <a:srgbClr val="D4E9F9"/>
    </a:custClr>
    <a:custClr name="Light red">
      <a:srgbClr val="FFDDE2"/>
    </a:custClr>
    <a:custClr name="Light yellow">
      <a:srgbClr val="FFF5C5"/>
    </a:custClr>
    <a:custClr name="Light grey">
      <a:srgbClr val="EDEDE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orange">
      <a:srgbClr val="FAD2B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88 pct. black">
      <a:srgbClr val="464547"/>
    </a:custClr>
    <a:custClr name="72 pct. black">
      <a:srgbClr val="696A6D"/>
    </a:custClr>
    <a:custClr name="56 pct. black">
      <a:srgbClr val="888A8C"/>
    </a:custClr>
    <a:custClr name="40 pct.black">
      <a:srgbClr val="A7A9AC"/>
    </a:custClr>
    <a:custClr name="24 pct.black">
      <a:srgbClr val="C9CACC"/>
    </a:custClr>
    <a:custClr name="8 pct.black">
      <a:srgbClr val="EBEBEC"/>
    </a:custClr>
  </a:custClr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385988"/>
    </a:custClr>
    <a:custClr name="Green">
      <a:srgbClr val="266D51"/>
    </a:custClr>
    <a:custClr name="Logo blue">
      <a:srgbClr val="006EB6"/>
    </a:custClr>
    <a:custClr name="Red">
      <a:srgbClr val="F42941"/>
    </a:custClr>
    <a:custClr name="Yellow">
      <a:srgbClr val="FDCF41"/>
    </a:custClr>
    <a:custClr name="Grey">
      <a:srgbClr val="46454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">
      <a:srgbClr val="F47A23"/>
    </a:custClr>
    <a:custClr name="Medium violet">
      <a:srgbClr val="BCBDE2"/>
    </a:custClr>
    <a:custClr name="Medium green">
      <a:srgbClr val="CDE4C4"/>
    </a:custClr>
    <a:custClr name="Medium blue">
      <a:srgbClr val="AFDBF6"/>
    </a:custClr>
    <a:custClr name="Medium red">
      <a:srgbClr val="F8C9DB"/>
    </a:custClr>
    <a:custClr name="Medium yellow">
      <a:srgbClr val="FFED99"/>
    </a:custClr>
    <a:custClr name="Medium grey">
      <a:srgbClr val="A7A9A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orange">
      <a:srgbClr val="FAC18A"/>
    </a:custClr>
    <a:custClr name="Light violet">
      <a:srgbClr val="D3D5ED"/>
    </a:custClr>
    <a:custClr name="Light green">
      <a:srgbClr val="E2FAE1"/>
    </a:custClr>
    <a:custClr name="Light blue">
      <a:srgbClr val="D4E9F9"/>
    </a:custClr>
    <a:custClr name="Light red">
      <a:srgbClr val="FFDDE2"/>
    </a:custClr>
    <a:custClr name="Light yellow">
      <a:srgbClr val="FFF5C5"/>
    </a:custClr>
    <a:custClr name="Light grey">
      <a:srgbClr val="EDEDE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orange">
      <a:srgbClr val="FAD2B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88 pct. black">
      <a:srgbClr val="464547"/>
    </a:custClr>
    <a:custClr name="72 pct. black">
      <a:srgbClr val="696A6D"/>
    </a:custClr>
    <a:custClr name="56 pct. black">
      <a:srgbClr val="888A8C"/>
    </a:custClr>
    <a:custClr name="40 pct.black">
      <a:srgbClr val="A7A9AC"/>
    </a:custClr>
    <a:custClr name="24 pct.black">
      <a:srgbClr val="C9CACC"/>
    </a:custClr>
    <a:custClr name="8 pct.black">
      <a:srgbClr val="EBEBEC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FormConfiguration><![CDATA[{"formFields":[{"required":false,"placeholder":"","lines":1,"helpTexts":{},"spacing":{},"shareValue":false,"type":"textBox","name":"FooterText","label":"Footer text"},{"required":false,"helpTexts":{},"spacing":{},"shareValue":false,"type":"datePicker","name":"Date","label":"Date"}],"formDataEntries":[]}]]></Templafy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slideVersion":1,"isValidatorEnabled":false,"isLocked":false,"elementsMetadata":[],"slideId":"637888980280294777","enableDocumentContentUpdater":false,"version":"2.0"}]]></TemplafySlideTemplateConfiguration>
</file>

<file path=customXml/item13.xml><?xml version="1.0" encoding="utf-8"?>
<TemplafySlideTemplateConfiguration><![CDATA[{"slideVersion":1,"isValidatorEnabled":false,"isLocked":false,"elementsMetadata":[],"slideId":"637888980284160600","enableDocumentContentUpdater":false,"version":"2.0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1,"isValidatorEnabled":false,"isLocked":false,"elementsMetadata":[],"slideId":"637888980288010500","enableDocumentContentUpdater":false,"version":"2.0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slideVersion":1,"isValidatorEnabled":false,"isLocked":false,"elementsMetadata":[],"slideId":"637888980293117084","enableDocumentContentUpdater":false,"version":"2.0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{"elementConfiguration":{"binding":"{{Translate(\"Thanks\")}}","visibility":"","disableUpdates":false,"type":"text"},"type":"shape"},{"elementConfiguration":{"binding":"{{Form.FooterText}}","visibility":"","disableUpdates":false,"type":"text"},"type":"shape"}],"slideId":"638098076977955832","enableDocumentContentUpdater":false,"version":"2.0"}]]></TemplafySlideTemplateConfiguration>
</file>

<file path=customXml/item20.xml><?xml version="1.0" encoding="utf-8"?>
<TemplafySlideTemplateConfiguration><![CDATA[{"slideVersion":1,"isValidatorEnabled":false,"isLocked":false,"elementsMetadata":[],"slideId":"638098076977880912","enableDocumentContentUpdater":false,"version":"2.0"}]]></TemplafySlideTemplate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TemplateConfiguration><![CDATA[{"slideVersion":1,"isValidatorEnabled":false,"isLocked":false,"elementsMetadata":[],"slideId":"637888980213774958","enableDocumentContentUpdater":false,"version":"2.0"}]]></TemplafySlideTemplate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1,"isValidatorEnabled":false,"isLocked":false,"elementsMetadata":[],"slideId":"637888980215534289","enableDocumentContentUpdater":false,"version":"2.0"}]]></TemplafySlideTemplateConfiguration>
</file>

<file path=customXml/item25.xml><?xml version="1.0" encoding="utf-8"?>
<TemplafySlideFormConfiguration><![CDATA[{"formFields":[],"formDataEntries":[]}]]></TemplafySlideFormConfiguration>
</file>

<file path=customXml/item26.xml><?xml version="1.0" encoding="utf-8"?>
<TemplafySlideTemplateConfiguration><![CDATA[{"slideVersion":1,"isValidatorEnabled":false,"isLocked":false,"elementsMetadata":[],"slideId":"637888980216984316","enableDocumentContentUpdater":false,"version":"2.0"}]]></TemplafySlideTemplateConfiguration>
</file>

<file path=customXml/item27.xml><?xml version="1.0" encoding="utf-8"?>
<TemplafySlideFormConfiguration><![CDATA[{"formFields":[],"formDataEntries":[]}]]></TemplafySlideFormConfiguration>
</file>

<file path=customXml/item28.xml><?xml version="1.0" encoding="utf-8"?>
<TemplafySlideTemplateConfiguration><![CDATA[{"slideVersion":1,"isValidatorEnabled":false,"isLocked":false,"elementsMetadata":[],"slideId":"637888980220570770","enableDocumentContentUpdater":false,"version":"2.0"}]]></TemplafySlideTemplate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{"required":false,"helpTexts":{},"spacing":{},"shareValue":false,"type":"datePicker","name":"Date","label":"Date"}],"formDataEntries":[]}]]></TemplafySlideFormConfiguration>
</file>

<file path=customXml/item30.xml><?xml version="1.0" encoding="utf-8"?>
<TemplafySlideTemplateConfiguration><![CDATA[{"slideVersion":1,"isValidatorEnabled":false,"isLocked":false,"elementsMetadata":[],"slideId":"638098076977880912","enableDocumentContentUpdater":false,"version":"2.0"}]]></TemplafySlideTemplateConfiguration>
</file>

<file path=customXml/item31.xml><?xml version="1.0" encoding="utf-8"?>
<TemplafySlideTemplateConfiguration><![CDATA[{"slideVersion":1,"isValidatorEnabled":false,"isLocked":false,"elementsMetadata":[],"slideId":"637888980227481169","enableDocumentContentUpdater":false,"version":"2.0"}]]></TemplafySlideTemplateConfiguration>
</file>

<file path=customXml/item32.xml><?xml version="1.0" encoding="utf-8"?>
<TemplafySlideFormConfiguration><![CDATA[{"formFields":[],"formDataEntries":[]}]]></TemplafySlideFormConfiguration>
</file>

<file path=customXml/item33.xml><?xml version="1.0" encoding="utf-8"?>
<TemplafySlideTemplateConfiguration><![CDATA[{"slideVersion":1,"isValidatorEnabled":false,"isLocked":false,"elementsMetadata":[],"slideId":"637888980231049083","enableDocumentContentUpdater":false,"version":"2.0"}]]></TemplafySlideTemplateConfiguration>
</file>

<file path=customXml/item34.xml><?xml version="1.0" encoding="utf-8"?>
<TemplafySlideFormConfiguration><![CDATA[{"formFields":[],"formDataEntries":[]}]]></TemplafySlideFormConfiguration>
</file>

<file path=customXml/item35.xml><?xml version="1.0" encoding="utf-8"?>
<TemplafySlideFormConfiguration><![CDATA[{"formFields":[],"formDataEntries":[]}]]></TemplafySlideFormConfiguration>
</file>

<file path=customXml/item36.xml><?xml version="1.0" encoding="utf-8"?>
<TemplafySlideTemplateConfiguration><![CDATA[{"slideVersion":1,"isValidatorEnabled":false,"isLocked":false,"elementsMetadata":[],"slideId":"637888980234676442","enableDocumentContentUpdater":false,"version":"2.0"}]]></TemplafySlideTemplateConfiguration>
</file>

<file path=customXml/item37.xml><?xml version="1.0" encoding="utf-8"?>
<TemplafySlideTemplateConfiguration><![CDATA[{"slideVersion":1,"isValidatorEnabled":false,"isLocked":false,"elementsMetadata":[],"slideId":"637888980243343678","enableDocumentContentUpdater":false,"version":"2.0"}]]></TemplafySlideTemplateConfiguration>
</file>

<file path=customXml/item38.xml><?xml version="1.0" encoding="utf-8"?>
<TemplafySlideFormConfiguration><![CDATA[{"formFields":[],"formDataEntries":[]}]]></TemplafySlideFormConfiguration>
</file>

<file path=customXml/item39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9A27C8BC4FF814B80B4CE83598355D9" ma:contentTypeVersion="12" ma:contentTypeDescription="Opret et nyt dokument." ma:contentTypeScope="" ma:versionID="76ba080317c69a536f2c251aa213a93a">
  <xsd:schema xmlns:xsd="http://www.w3.org/2001/XMLSchema" xmlns:xs="http://www.w3.org/2001/XMLSchema" xmlns:p="http://schemas.microsoft.com/office/2006/metadata/properties" xmlns:ns2="67a593e1-5ef2-4229-8314-3b3fbeeda55a" xmlns:ns3="cbb7c6bd-507d-4033-9261-afac356a73ee" targetNamespace="http://schemas.microsoft.com/office/2006/metadata/properties" ma:root="true" ma:fieldsID="dc14fb7809bdcd95236bead2f49b5b81" ns2:_="" ns3:_="">
    <xsd:import namespace="67a593e1-5ef2-4229-8314-3b3fbeeda55a"/>
    <xsd:import namespace="cbb7c6bd-507d-4033-9261-afac356a73e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anus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LengthInSeconds" minOccurs="0"/>
                <xsd:element ref="ns2:MediaServiceOCR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7a593e1-5ef2-4229-8314-3b3fbeeda55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anus" ma:index="10" nillable="true" ma:displayName="Manus" ma:description="Dessa frågor kan användas i testet" ma:format="Dropdown" ma:internalName="Manus">
      <xsd:simpleType>
        <xsd:restriction base="dms:Note">
          <xsd:maxLength value="255"/>
        </xsd:restriction>
      </xsd:simpleType>
    </xsd:element>
    <xsd:element name="lcf76f155ced4ddcb4097134ff3c332f" ma:index="12" nillable="true" ma:taxonomy="true" ma:internalName="lcf76f155ced4ddcb4097134ff3c332f" ma:taxonomyFieldName="MediaServiceImageTags" ma:displayName="Billedmærker" ma:readOnly="false" ma:fieldId="{5cf76f15-5ced-4ddc-b409-7134ff3c332f}" ma:taxonomyMulti="true" ma:sspId="511ca070-c001-464c-8047-b402787012b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bb7c6bd-507d-4033-9261-afac356a73ee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2b6dca2a-a5f4-4f2b-81f1-874fa9fdea48}" ma:internalName="TaxCatchAll" ma:showField="CatchAllData" ma:web="cbb7c6bd-507d-4033-9261-afac356a73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SlideTemplateConfiguration><![CDATA[{"slideVersion":1,"isValidatorEnabled":false,"isLocked":false,"elementsMetadata":[{"elementConfiguration":{"binding":"{{FormatDateTime(Form.Date,Translate(\"DateGeneral\"),DocumentLanguage)}}","visibility":"","disableUpdates":false,"type":"text"},"type":"shape"},{"elementConfiguration":{"binding":"{{UserProfile.Name}}","visibility":"","disableUpdates":false,"type":"text"},"type":"shape"},{"elementConfiguration":{"inheritDimensions":"{{InheritDimensions.InheritNone}}","width":"","height":"1.94 cm","image":"{{DataSources.LogoInsertion[UserProfile.Location.Name].LogoLightBlueRef.Image}}","visibility":"","disableUpdates":false,"type":"image"},"type":"shape"}],"slideId":"638098076977847921","enableDocumentContentUpdater":false,"version":"2.0"}]]></TemplafySlideTemplateConfiguration>
</file>

<file path=customXml/item40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67a593e1-5ef2-4229-8314-3b3fbeeda55a">
      <Terms xmlns="http://schemas.microsoft.com/office/infopath/2007/PartnerControls"/>
    </lcf76f155ced4ddcb4097134ff3c332f>
    <TaxCatchAll xmlns="cbb7c6bd-507d-4033-9261-afac356a73ee" xsi:nil="true"/>
    <Manus xmlns="67a593e1-5ef2-4229-8314-3b3fbeeda55a" xsi:nil="true"/>
  </documentManagement>
</p:properties>
</file>

<file path=customXml/item5.xml><?xml version="1.0" encoding="utf-8"?>
<TemplafySlideFormConfiguration><![CDATA[{"formFields":[{"required":false,"placeholder":"","lines":1,"helpTexts":{},"spacing":{},"shareValue":false,"type":"textBox","name":"FooterText","label":"Footer text"}],"formDataEntries":[]}]]></TemplafySlideFormConfiguration>
</file>

<file path=customXml/item6.xml><?xml version="1.0" encoding="utf-8"?>
<TemplafySlideFormConfiguration><![CDATA[{"formFields":[{"required":false,"placeholder":"","lines":1,"helpTexts":{},"spacing":{},"shareValue":false,"type":"textBox","name":"FooterText","label":"Footer text"}],"formDataEntries":[]}]]></TemplafySlideFormConfiguration>
</file>

<file path=customXml/item7.xml><?xml version="1.0" encoding="utf-8"?>
<TemplafySlideTemplateConfiguration><![CDATA[{"slideVersion":1,"isValidatorEnabled":false,"isLocked":false,"elementsMetadata":[{"elementConfiguration":{"binding":"{{UserProfile.Name}}","visibility":"","disableUpdates":false,"type":"text"},"type":"shape"},{"elementConfiguration":{"binding":"{{UserProfile.Title}}","visibility":"","disableUpdates":false,"type":"text"},"type":"shape"},{"elementConfiguration":{"binding":"{{UserProfile.Email}}","visibility":"","disableUpdates":false,"type":"text"},"type":"shape"},{"elementConfiguration":{"binding":"{{UserProfile.DirectPhone}}","visibility":"","disableUpdates":false,"type":"text"},"type":"shape"},{"elementConfiguration":{"binding":"{{UserProfile.Location.CompanyName}}","visibility":"","disableUpdates":false,"type":"text"},"type":"shape"},{"elementConfiguration":{"binding":"{{UserProfile.Address}}","visibility":"","disableUpdates":false,"type":"text"},"type":"shape"},{"elementConfiguration":{"binding":"{{Form.FooterText}}","visibility":"","disableUpdates":false,"type":"text"},"type":"shape"}],"slideId":"638098076977916597","enableDocumentContentUpdater":false,"version":"2.0"}]]></TemplafySlideTemplateConfiguration>
</file>

<file path=customXml/item8.xml><?xml version="1.0" encoding="utf-8"?>
<TemplafyTemplateConfiguration><![CDATA[{"elementsMetadata":[{"elementConfiguration":{"binding":"{{Form.FooterText}}","visibility":"","disableUpdates":false,"type":"text"},"type":"shape","id":"c79c15de-2001-4fbd-9056-71036d19b4ee"},{"elementConfiguration":{"binding":"{{FormatDateTime(Form.Date,Translate(\"DateGeneral\"),DocumentLanguage)}}","visibility":"","disableUpdates":false,"type":"text"},"type":"shape","id":"6d372815-8319-4ad8-8822-96616dff8f50"},{"elementConfiguration":{"binding":"{{UserProfile.Name}}","visibility":"","disableUpdates":false,"type":"text"},"type":"shape","id":"62fed993-0227-4a9d-8bc8-1ceff046d67b"},{"elementConfiguration":{"inheritDimensions":"{{InheritDimensions.InheritNone}}","width":"","height":"1.41 cm","image":"{{DataSources.LogoInsertion[UserProfile.Location.Name].LogoBlueLeftAlignedRef.Image}}","visibility":"","disableUpdates":false,"type":"image"},"type":"shape","id":"7d3f775a-900f-4f6b-a4b0-341331be93ce"},{"elementConfiguration":{"binding":"{{Form.FooterText}}","visibility":"","disableUpdates":false,"type":"text"},"type":"shape","id":"cfa3698a-1a58-4a4b-9f3a-fcfcdef2002f"},{"elementConfiguration":{"binding":"{{FormatDateTime(Form.Date,Translate(\"DateGeneral\"),DocumentLanguage)}}","visibility":"","disableUpdates":false,"type":"text"},"type":"shape","id":"d3c7255b-5497-42d3-86e4-730a42698d89"},{"elementConfiguration":{"binding":"{{UserProfile.Name}}","visibility":"","disableUpdates":false,"type":"text"},"type":"shape","id":"a20da145-5d1b-4294-8b31-8882160edd59"},{"elementConfiguration":{"inheritDimensions":"{{InheritDimensions.InheritNone}}","width":"","height":"1.94 cm","image":"{{DataSources.LogoInsertion[UserProfile.Location.Name].LogoLightBlueRef.Image}}","visibility":"","disableUpdates":false,"type":"image"},"type":"shape","id":"b101d6d4-7e3f-4670-96d0-92fb01648cbd"},{"elementConfiguration":{"binding":"{{FormatDateTime(Form.Date,Translate(\"DateGeneral\"),DocumentLanguage)}}","visibility":"","disableUpdates":false,"type":"text"},"type":"shape","id":"2603a274-f6da-42ae-91fd-8eb04ee6c7e0"},{"elementConfiguration":{"binding":"{{UserProfile.Name}}","visibility":"","disableUpdates":false,"type":"text"},"type":"shape","id":"55e2044d-f725-476e-9c27-e3db3c9fcac6"},{"elementConfiguration":{"inheritDimensions":"{{InheritDimensions.InheritNone}}","width":"","height":"1.41 cm","image":"{{DataSources.LogoInsertion[UserProfile.Location.Name].LogoBlueLeftAlignedRef.Image}}","visibility":"","disableUpdates":false,"type":"image"},"type":"shape","id":"664ecd76-5c24-4d1d-8d95-87c52786222d"},{"elementConfiguration":{"binding":"{{Form.FooterText}}","visibility":"","disableUpdates":false,"type":"text"},"type":"shape","id":"a8049012-742e-4e55-ba62-c93dbfdd12e5"},{"elementConfiguration":{"binding":"{{Form.FooterText}}","visibility":"","disableUpdates":false,"type":"text"},"type":"shape","id":"1a50bf73-9d9e-4e72-b103-b9a81573798e"},{"elementConfiguration":{"binding":"{{Form.FooterText}}","visibility":"","disableUpdates":false,"type":"text"},"type":"shape","id":"70046ee0-5d78-487a-a0d8-7f6aee3772b0"},{"elementConfiguration":{"binding":"{{Form.FooterText}}","visibility":"","disableUpdates":false,"type":"text"},"type":"shape","id":"95131c06-39d9-4214-841b-c78214108a3a"},{"elementConfiguration":{"binding":"{{Form.FooterText}}","visibility":"","disableUpdates":false,"type":"text"},"type":"shape","id":"c05c802d-9911-46c1-b9da-2e84ad4fe4f8"},{"elementConfiguration":{"binding":"{{UserProfile.Name}}","visibility":"","disableUpdates":false,"type":"text"},"type":"shape","id":"6020bc64-4a9b-4c84-a06e-b4576e8df290"},{"elementConfiguration":{"binding":"{{UserProfile.Title}}","visibility":"","disableUpdates":false,"type":"text"},"type":"shape","id":"725c8924-c517-4a0f-8a34-146cbc28b5fe"},{"elementConfiguration":{"binding":"{{UserProfile.Email}}","visibility":"","disableUpdates":false,"type":"text"},"type":"shape","id":"8ed3f183-b3d5-4187-ad25-115925668123"},{"elementConfiguration":{"binding":"{{UserProfile.DirectPhone}}","visibility":"","disableUpdates":false,"type":"text"},"type":"shape","id":"b0da116f-8af4-4719-a75a-44a8d54ca971"},{"elementConfiguration":{"binding":"{{UserProfile.Location.CompanyName}}","visibility":"","disableUpdates":false,"type":"text"},"type":"shape","id":"599ec701-74f0-4212-aaac-cf4a77d89648"},{"elementConfiguration":{"binding":"{{UserProfile.Address}}","visibility":"","disableUpdates":false,"type":"text"},"type":"shape","id":"43c84dab-f3f0-40b2-be9b-3ec1ae38a0df"},{"elementConfiguration":{"binding":"{{Form.FooterText}}","visibility":"","disableUpdates":false,"type":"text"},"type":"shape","id":"de39d99c-9c4c-4875-8e09-158d0bcf5707"},{"elementConfiguration":{"binding":"{{Form.FooterText}}","visibility":"","disableUpdates":false,"type":"text"},"type":"shape","id":"b47e2395-514f-4da6-99b6-5d9f70dee731"},{"elementConfiguration":{"binding":"{{FormatDateTime(Form.Date,Translate(\"DateGeneral\"),DocumentLanguage)}}","visibility":"","disableUpdates":false,"type":"text"},"type":"shape","id":"0da51115-1662-4dc3-8c0b-fd2560e30f8e"},{"elementConfiguration":{"binding":"{{UserProfile.Name}}","visibility":"","disableUpdates":false,"type":"text"},"type":"shape","id":"b2f8ac55-fc5a-4dec-8c03-999f4f30270e"},{"elementConfiguration":{"inheritDimensions":"{{InheritDimensions.InheritNone}}","width":"","height":"1.94 cm","image":"{{DataSources.LogoInsertion[UserProfile.Location.Name].LogoWhiteRef.Image}}","visibility":"","disableUpdates":false,"type":"image"},"type":"shape","id":"ab139b40-1265-489e-b49b-57fddbba312f"},{"elementConfiguration":{"binding":"{{Form.FooterText}}","visibility":"","disableUpdates":false,"type":"text"},"type":"shape","id":"6390351d-3c15-4653-b0c5-93edf5bd5628"},{"elementConfiguration":{"binding":"{{Translate(\"Thanks\")}}","visibility":"","disableUpdates":false,"type":"text"},"type":"shape","id":"efbb15be-44e3-4d65-8c4e-1119d635d813"}],"transformationConfigurations":[{"language":"{{DocumentLanguage}}","disableUpdates":false,"type":"proofingLanguage"}],"templateName":"Template logo blue","templateDescription":"","enableDocumentContentUpdater":false,"version":"2.0"}]]></TemplafyTemplateConfiguration>
</file>

<file path=customXml/item9.xml><?xml version="1.0" encoding="utf-8"?>
<TemplafySlideTemplateConfiguration><![CDATA[{"slideVersion":1,"isValidatorEnabled":false,"isLocked":false,"elementsMetadata":[],"slideId":"638098076977880912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644DA7CB-8214-4815-B758-2B94FCF42708}">
  <ds:schemaRefs/>
</ds:datastoreItem>
</file>

<file path=customXml/itemProps10.xml><?xml version="1.0" encoding="utf-8"?>
<ds:datastoreItem xmlns:ds="http://schemas.openxmlformats.org/officeDocument/2006/customXml" ds:itemID="{56286929-CC93-4D95-B86E-802CDF581A3E}">
  <ds:schemaRefs/>
</ds:datastoreItem>
</file>

<file path=customXml/itemProps11.xml><?xml version="1.0" encoding="utf-8"?>
<ds:datastoreItem xmlns:ds="http://schemas.openxmlformats.org/officeDocument/2006/customXml" ds:itemID="{279165D8-23DD-419D-AE89-5EF9EBF413A4}">
  <ds:schemaRefs/>
</ds:datastoreItem>
</file>

<file path=customXml/itemProps12.xml><?xml version="1.0" encoding="utf-8"?>
<ds:datastoreItem xmlns:ds="http://schemas.openxmlformats.org/officeDocument/2006/customXml" ds:itemID="{983CEE80-712A-4D1C-83AD-FBA91201E6B4}">
  <ds:schemaRefs/>
</ds:datastoreItem>
</file>

<file path=customXml/itemProps13.xml><?xml version="1.0" encoding="utf-8"?>
<ds:datastoreItem xmlns:ds="http://schemas.openxmlformats.org/officeDocument/2006/customXml" ds:itemID="{D48730A2-6BD4-4D78-94AB-24FB5406EE3B}">
  <ds:schemaRefs/>
</ds:datastoreItem>
</file>

<file path=customXml/itemProps14.xml><?xml version="1.0" encoding="utf-8"?>
<ds:datastoreItem xmlns:ds="http://schemas.openxmlformats.org/officeDocument/2006/customXml" ds:itemID="{3CBC3BCF-1C19-408A-B06C-26420B651CB5}">
  <ds:schemaRefs/>
</ds:datastoreItem>
</file>

<file path=customXml/itemProps15.xml><?xml version="1.0" encoding="utf-8"?>
<ds:datastoreItem xmlns:ds="http://schemas.openxmlformats.org/officeDocument/2006/customXml" ds:itemID="{CBEB8457-09EF-4D09-BEDA-1C42BAFBEA76}">
  <ds:schemaRefs/>
</ds:datastoreItem>
</file>

<file path=customXml/itemProps16.xml><?xml version="1.0" encoding="utf-8"?>
<ds:datastoreItem xmlns:ds="http://schemas.openxmlformats.org/officeDocument/2006/customXml" ds:itemID="{D9ADE08C-104E-490B-A164-D90EC203BF5C}">
  <ds:schemaRefs/>
</ds:datastoreItem>
</file>

<file path=customXml/itemProps17.xml><?xml version="1.0" encoding="utf-8"?>
<ds:datastoreItem xmlns:ds="http://schemas.openxmlformats.org/officeDocument/2006/customXml" ds:itemID="{98A2134B-6CA2-4380-A818-06FC37FE3561}">
  <ds:schemaRefs/>
</ds:datastoreItem>
</file>

<file path=customXml/itemProps18.xml><?xml version="1.0" encoding="utf-8"?>
<ds:datastoreItem xmlns:ds="http://schemas.openxmlformats.org/officeDocument/2006/customXml" ds:itemID="{97CB4486-3AFA-4250-B261-546B9C037BA7}">
  <ds:schemaRefs/>
</ds:datastoreItem>
</file>

<file path=customXml/itemProps19.xml><?xml version="1.0" encoding="utf-8"?>
<ds:datastoreItem xmlns:ds="http://schemas.openxmlformats.org/officeDocument/2006/customXml" ds:itemID="{E7CBEB71-AED1-4164-A1C9-59E6BBE6EDEF}">
  <ds:schemaRefs/>
</ds:datastoreItem>
</file>

<file path=customXml/itemProps2.xml><?xml version="1.0" encoding="utf-8"?>
<ds:datastoreItem xmlns:ds="http://schemas.openxmlformats.org/officeDocument/2006/customXml" ds:itemID="{9AF1E2D4-BAFD-4211-AF6A-D51972ACB349}">
  <ds:schemaRefs/>
</ds:datastoreItem>
</file>

<file path=customXml/itemProps20.xml><?xml version="1.0" encoding="utf-8"?>
<ds:datastoreItem xmlns:ds="http://schemas.openxmlformats.org/officeDocument/2006/customXml" ds:itemID="{B85714E4-FD79-4D7C-86E0-206B1DA45B5E}">
  <ds:schemaRefs/>
</ds:datastoreItem>
</file>

<file path=customXml/itemProps21.xml><?xml version="1.0" encoding="utf-8"?>
<ds:datastoreItem xmlns:ds="http://schemas.openxmlformats.org/officeDocument/2006/customXml" ds:itemID="{C3D5F3CE-B48E-42E1-ABBE-BD4D7F69D4C3}">
  <ds:schemaRefs/>
</ds:datastoreItem>
</file>

<file path=customXml/itemProps22.xml><?xml version="1.0" encoding="utf-8"?>
<ds:datastoreItem xmlns:ds="http://schemas.openxmlformats.org/officeDocument/2006/customXml" ds:itemID="{DF59DBF7-2464-4AEA-A623-0D82CAB6DAF5}">
  <ds:schemaRefs/>
</ds:datastoreItem>
</file>

<file path=customXml/itemProps23.xml><?xml version="1.0" encoding="utf-8"?>
<ds:datastoreItem xmlns:ds="http://schemas.openxmlformats.org/officeDocument/2006/customXml" ds:itemID="{1B49202E-DC46-4FED-955C-06E923BC302E}">
  <ds:schemaRefs/>
</ds:datastoreItem>
</file>

<file path=customXml/itemProps24.xml><?xml version="1.0" encoding="utf-8"?>
<ds:datastoreItem xmlns:ds="http://schemas.openxmlformats.org/officeDocument/2006/customXml" ds:itemID="{DFDD9F16-91E4-43EB-A1FC-4C8A03752697}">
  <ds:schemaRefs/>
</ds:datastoreItem>
</file>

<file path=customXml/itemProps25.xml><?xml version="1.0" encoding="utf-8"?>
<ds:datastoreItem xmlns:ds="http://schemas.openxmlformats.org/officeDocument/2006/customXml" ds:itemID="{2106B57E-7726-474D-AA6A-DF526427FA45}">
  <ds:schemaRefs/>
</ds:datastoreItem>
</file>

<file path=customXml/itemProps26.xml><?xml version="1.0" encoding="utf-8"?>
<ds:datastoreItem xmlns:ds="http://schemas.openxmlformats.org/officeDocument/2006/customXml" ds:itemID="{84A4F6EF-1376-416C-AAD3-024631A3F6D8}">
  <ds:schemaRefs/>
</ds:datastoreItem>
</file>

<file path=customXml/itemProps27.xml><?xml version="1.0" encoding="utf-8"?>
<ds:datastoreItem xmlns:ds="http://schemas.openxmlformats.org/officeDocument/2006/customXml" ds:itemID="{8BBAE418-253F-414F-B23B-CB7D8F9A44F3}">
  <ds:schemaRefs/>
</ds:datastoreItem>
</file>

<file path=customXml/itemProps28.xml><?xml version="1.0" encoding="utf-8"?>
<ds:datastoreItem xmlns:ds="http://schemas.openxmlformats.org/officeDocument/2006/customXml" ds:itemID="{9B747AD5-D676-495D-AE55-B901218505D3}">
  <ds:schemaRefs/>
</ds:datastoreItem>
</file>

<file path=customXml/itemProps29.xml><?xml version="1.0" encoding="utf-8"?>
<ds:datastoreItem xmlns:ds="http://schemas.openxmlformats.org/officeDocument/2006/customXml" ds:itemID="{1EF531EC-4691-4CEC-92BD-E87C04A20C0F}">
  <ds:schemaRefs/>
</ds:datastoreItem>
</file>

<file path=customXml/itemProps3.xml><?xml version="1.0" encoding="utf-8"?>
<ds:datastoreItem xmlns:ds="http://schemas.openxmlformats.org/officeDocument/2006/customXml" ds:itemID="{8C875A5F-E009-4A00-AACD-A854DFABA70E}">
  <ds:schemaRefs/>
</ds:datastoreItem>
</file>

<file path=customXml/itemProps30.xml><?xml version="1.0" encoding="utf-8"?>
<ds:datastoreItem xmlns:ds="http://schemas.openxmlformats.org/officeDocument/2006/customXml" ds:itemID="{9F7852D0-8EA9-4021-B604-FE8067F92896}">
  <ds:schemaRefs/>
</ds:datastoreItem>
</file>

<file path=customXml/itemProps31.xml><?xml version="1.0" encoding="utf-8"?>
<ds:datastoreItem xmlns:ds="http://schemas.openxmlformats.org/officeDocument/2006/customXml" ds:itemID="{38D48A0F-67C8-4E37-AEB4-08D549AE362C}">
  <ds:schemaRefs/>
</ds:datastoreItem>
</file>

<file path=customXml/itemProps32.xml><?xml version="1.0" encoding="utf-8"?>
<ds:datastoreItem xmlns:ds="http://schemas.openxmlformats.org/officeDocument/2006/customXml" ds:itemID="{43C7DF0F-A322-41B8-8840-56C1AB95D989}">
  <ds:schemaRefs/>
</ds:datastoreItem>
</file>

<file path=customXml/itemProps33.xml><?xml version="1.0" encoding="utf-8"?>
<ds:datastoreItem xmlns:ds="http://schemas.openxmlformats.org/officeDocument/2006/customXml" ds:itemID="{156A1417-86EB-4E2C-9603-50F4CA45495E}">
  <ds:schemaRefs/>
</ds:datastoreItem>
</file>

<file path=customXml/itemProps34.xml><?xml version="1.0" encoding="utf-8"?>
<ds:datastoreItem xmlns:ds="http://schemas.openxmlformats.org/officeDocument/2006/customXml" ds:itemID="{586B4926-6514-4E28-96BD-670ED3F86F05}">
  <ds:schemaRefs/>
</ds:datastoreItem>
</file>

<file path=customXml/itemProps35.xml><?xml version="1.0" encoding="utf-8"?>
<ds:datastoreItem xmlns:ds="http://schemas.openxmlformats.org/officeDocument/2006/customXml" ds:itemID="{6D3E73AE-7813-4C98-BFBF-A7BA8EDB0B08}">
  <ds:schemaRefs/>
</ds:datastoreItem>
</file>

<file path=customXml/itemProps36.xml><?xml version="1.0" encoding="utf-8"?>
<ds:datastoreItem xmlns:ds="http://schemas.openxmlformats.org/officeDocument/2006/customXml" ds:itemID="{35A0E38C-DC3A-45D2-A249-E200BDFDB5FD}">
  <ds:schemaRefs/>
</ds:datastoreItem>
</file>

<file path=customXml/itemProps37.xml><?xml version="1.0" encoding="utf-8"?>
<ds:datastoreItem xmlns:ds="http://schemas.openxmlformats.org/officeDocument/2006/customXml" ds:itemID="{071BC803-C756-4A15-BB34-F4AA2E660FB1}">
  <ds:schemaRefs/>
</ds:datastoreItem>
</file>

<file path=customXml/itemProps38.xml><?xml version="1.0" encoding="utf-8"?>
<ds:datastoreItem xmlns:ds="http://schemas.openxmlformats.org/officeDocument/2006/customXml" ds:itemID="{5B97D94D-3773-42F7-92F3-9AB4FABCE25B}">
  <ds:schemaRefs/>
</ds:datastoreItem>
</file>

<file path=customXml/itemProps39.xml><?xml version="1.0" encoding="utf-8"?>
<ds:datastoreItem xmlns:ds="http://schemas.openxmlformats.org/officeDocument/2006/customXml" ds:itemID="{8426F64F-FB33-4E5C-B69C-B095DA056E4D}"/>
</file>

<file path=customXml/itemProps4.xml><?xml version="1.0" encoding="utf-8"?>
<ds:datastoreItem xmlns:ds="http://schemas.openxmlformats.org/officeDocument/2006/customXml" ds:itemID="{64F9C092-12B2-4F6F-819F-6C51F92FD0ED}">
  <ds:schemaRefs/>
</ds:datastoreItem>
</file>

<file path=customXml/itemProps40.xml><?xml version="1.0" encoding="utf-8"?>
<ds:datastoreItem xmlns:ds="http://schemas.openxmlformats.org/officeDocument/2006/customXml" ds:itemID="{784FE95E-BC70-4AF6-834B-E4CF556F8952}"/>
</file>

<file path=customXml/itemProps41.xml><?xml version="1.0" encoding="utf-8"?>
<ds:datastoreItem xmlns:ds="http://schemas.openxmlformats.org/officeDocument/2006/customXml" ds:itemID="{53359794-5904-434D-85A2-79AC4F8002A3}"/>
</file>

<file path=customXml/itemProps5.xml><?xml version="1.0" encoding="utf-8"?>
<ds:datastoreItem xmlns:ds="http://schemas.openxmlformats.org/officeDocument/2006/customXml" ds:itemID="{9AA80133-7852-46AA-A483-BC52F1D805A9}">
  <ds:schemaRefs/>
</ds:datastoreItem>
</file>

<file path=customXml/itemProps6.xml><?xml version="1.0" encoding="utf-8"?>
<ds:datastoreItem xmlns:ds="http://schemas.openxmlformats.org/officeDocument/2006/customXml" ds:itemID="{7FA2E1F0-2947-4779-8D6A-E9EB6145230D}">
  <ds:schemaRefs/>
</ds:datastoreItem>
</file>

<file path=customXml/itemProps7.xml><?xml version="1.0" encoding="utf-8"?>
<ds:datastoreItem xmlns:ds="http://schemas.openxmlformats.org/officeDocument/2006/customXml" ds:itemID="{ACC5DA54-1825-4168-B2E8-A1304BD6D153}">
  <ds:schemaRefs/>
</ds:datastoreItem>
</file>

<file path=customXml/itemProps8.xml><?xml version="1.0" encoding="utf-8"?>
<ds:datastoreItem xmlns:ds="http://schemas.openxmlformats.org/officeDocument/2006/customXml" ds:itemID="{A773F7B9-23DD-4720-9F66-5CF11BFDD9E5}">
  <ds:schemaRefs/>
</ds:datastoreItem>
</file>

<file path=customXml/itemProps9.xml><?xml version="1.0" encoding="utf-8"?>
<ds:datastoreItem xmlns:ds="http://schemas.openxmlformats.org/officeDocument/2006/customXml" ds:itemID="{E0DD898A-14CD-4845-9B41-872EED0578A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31</Words>
  <Application>Microsoft Office PowerPoint</Application>
  <PresentationFormat>Widescreen</PresentationFormat>
  <Paragraphs>767</Paragraphs>
  <Slides>13</Slides>
  <Notes>1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19" baseType="lpstr">
      <vt:lpstr>Arial</vt:lpstr>
      <vt:lpstr>Calibri</vt:lpstr>
      <vt:lpstr>Corbel</vt:lpstr>
      <vt:lpstr>Open Sans</vt:lpstr>
      <vt:lpstr>Symbol</vt:lpstr>
      <vt:lpstr>16-9 skabelon UK 2010</vt:lpstr>
      <vt:lpstr>Maps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23-03-22T13:42:16Z</dcterms:created>
  <dcterms:modified xsi:type="dcterms:W3CDTF">2023-03-22T13:54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HasRun">
    <vt:lpwstr>false</vt:lpwstr>
  </property>
  <property fmtid="{D5CDD505-2E9C-101B-9397-08002B2CF9AE}" pid="3" name="TemplafyTimeStamp">
    <vt:lpwstr>2023-01-20T10:34:57</vt:lpwstr>
  </property>
  <property fmtid="{D5CDD505-2E9C-101B-9397-08002B2CF9AE}" pid="4" name="TemplafyTenantId">
    <vt:lpwstr>nordennmr</vt:lpwstr>
  </property>
  <property fmtid="{D5CDD505-2E9C-101B-9397-08002B2CF9AE}" pid="5" name="TemplafyTemplateId">
    <vt:lpwstr>638096435593608084</vt:lpwstr>
  </property>
  <property fmtid="{D5CDD505-2E9C-101B-9397-08002B2CF9AE}" pid="6" name="TemplafyUserProfileId">
    <vt:lpwstr>638097226627242726</vt:lpwstr>
  </property>
  <property fmtid="{D5CDD505-2E9C-101B-9397-08002B2CF9AE}" pid="7" name="TemplafyLanguageCode">
    <vt:lpwstr>en-GB</vt:lpwstr>
  </property>
  <property fmtid="{D5CDD505-2E9C-101B-9397-08002B2CF9AE}" pid="8" name="TemplafyFromBlank">
    <vt:bool>false</vt:bool>
  </property>
  <property fmtid="{D5CDD505-2E9C-101B-9397-08002B2CF9AE}" pid="9" name="ContentTypeId">
    <vt:lpwstr>0x01010069A27C8BC4FF814B80B4CE83598355D9</vt:lpwstr>
  </property>
</Properties>
</file>